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theme/themeOverride1.xml" ContentType="application/vnd.openxmlformats-officedocument.themeOverride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theme/themeOverride2.xml" ContentType="application/vnd.openxmlformats-officedocument.themeOverride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theme/themeOverride3.xml" ContentType="application/vnd.openxmlformats-officedocument.themeOverride+xml"/>
  <Override PartName="/xl/drawings/drawing3.xml" ContentType="application/vnd.openxmlformats-officedocument.drawing+xml"/>
  <Override PartName="/xl/charts/chart4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5.xml" ContentType="application/vnd.openxmlformats-officedocument.drawingml.chart+xml"/>
  <Override PartName="/xl/theme/themeOverride4.xml" ContentType="application/vnd.openxmlformats-officedocument.themeOverride+xml"/>
  <Override PartName="/xl/drawings/drawing4.xml" ContentType="application/vnd.openxmlformats-officedocument.drawing+xml"/>
  <Override PartName="/xl/charts/chart6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theme/themeOverride5.xml" ContentType="application/vnd.openxmlformats-officedocument.themeOverride+xml"/>
  <Override PartName="/xl/drawings/drawing5.xml" ContentType="application/vnd.openxmlformats-officedocument.drawing+xml"/>
  <Override PartName="/xl/charts/chart7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theme/themeOverride6.xml" ContentType="application/vnd.openxmlformats-officedocument.themeOverride+xml"/>
  <Override PartName="/xl/drawings/drawing6.xml" ContentType="application/vnd.openxmlformats-officedocument.drawing+xml"/>
  <Override PartName="/xl/charts/chart8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theme/themeOverride7.xml" ContentType="application/vnd.openxmlformats-officedocument.themeOverride+xml"/>
  <Override PartName="/xl/drawings/drawing7.xml" ContentType="application/vnd.openxmlformats-officedocument.drawing+xml"/>
  <Override PartName="/xl/charts/chart9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127"/>
  <workbookPr filterPrivacy="1" defaultThemeVersion="124226"/>
  <xr:revisionPtr revIDLastSave="767" documentId="8_{5B5C3502-3F87-4A69-A874-56EB2C5CD677}" xr6:coauthVersionLast="45" xr6:coauthVersionMax="45" xr10:uidLastSave="{C5795957-74F8-473D-8B63-98312DA30204}"/>
  <bookViews>
    <workbookView xWindow="-120" yWindow="-120" windowWidth="29040" windowHeight="15840" tabRatio="772" activeTab="4" xr2:uid="{00000000-000D-0000-FFFF-FFFF00000000}"/>
  </bookViews>
  <sheets>
    <sheet name="Dataset" sheetId="22" r:id="rId1"/>
    <sheet name="Fig 1" sheetId="23" r:id="rId2"/>
    <sheet name="Fig 1b" sheetId="29" state="hidden" r:id="rId3"/>
    <sheet name="Fig 6" sheetId="39" r:id="rId4"/>
    <sheet name="Fig 7" sheetId="36" r:id="rId5"/>
    <sheet name="Fig 8" sheetId="40" r:id="rId6"/>
    <sheet name="Fig 9" sheetId="25" r:id="rId7"/>
    <sheet name="Fig 10" sheetId="24" r:id="rId8"/>
  </sheets>
  <externalReferences>
    <externalReference r:id="rId9"/>
  </externalReferences>
  <definedNames>
    <definedName name="_Hlk64039491" localSheetId="0">Dataset!$A$5</definedName>
    <definedName name="BETSurfaceArea" localSheetId="3">#REF!</definedName>
    <definedName name="BETSurfaceArea">#REF!</definedName>
    <definedName name="colBETQA" localSheetId="3">OFFSET('Fig 6'!rngBETRP,1,1,COUNT(#REF!),1)</definedName>
    <definedName name="colBETQA">OFFSET(rngBETRP,1,1,COUNT('[1]BET Surface Area Report'!$F:$F),1)</definedName>
    <definedName name="colBETRP" localSheetId="3">OFFSET('Fig 6'!rngBETRP,1,0,COUNT(#REF!),1)</definedName>
    <definedName name="colBETRP">OFFSET(rngBETRP,1,0,COUNT('[1]BET Surface Area Report'!$F:$F),1)</definedName>
    <definedName name="colBETRP2" localSheetId="3">OFFSET('Fig 6'!rngBETRP,'Fig 6'!rngBETPrCnt2+1,0,'Fig 6'!rngBETPrCnt3,1)</definedName>
    <definedName name="colBETRP2">OFFSET(rngBETRP,rngBETPrCnt2+1,0,rngBETPrCnt3,1)</definedName>
    <definedName name="colBETY" localSheetId="3">OFFSET('Fig 6'!rngBETRP,1,2,COUNT(#REF!),1)</definedName>
    <definedName name="colBETY">OFFSET(rngBETRP,1,2,COUNT('[1]BET Surface Area Report'!$F:$F),1)</definedName>
    <definedName name="colBETY2" localSheetId="3">OFFSET('Fig 6'!rngBETRP,'Fig 6'!rngBETPrCnt2+1,2,'Fig 6'!rngBETPrCnt3,1)</definedName>
    <definedName name="colBETY2">OFFSET(rngBETRP,rngBETPrCnt2+1,2,rngBETPrCnt3,1)</definedName>
    <definedName name="colLANAP" localSheetId="3">OFFSET('Fig 6'!rngLANAP,1,0,COUNT(#REF!),1)</definedName>
    <definedName name="colLANAP">OFFSET(rngLANAP,1,0,COUNT([1]Langmuir!$F:$F),1)</definedName>
    <definedName name="colLANAP2" localSheetId="3">OFFSET('Fig 6'!rngLANAP,'Fig 6'!rngLANPrCnt2+1,0,'Fig 6'!rngLANPrCnt3,1)</definedName>
    <definedName name="colLANAP2">OFFSET(rngLANAP,rngLANPrCnt2+1,0,rngLANPrCnt3,1)</definedName>
    <definedName name="colLANY" localSheetId="3">OFFSET('Fig 6'!rngLANAP,1,2,COUNT(#REF!),1)</definedName>
    <definedName name="colLANY">OFFSET(rngLANAP,1,2,COUNT([1]Langmuir!$F:$F),1)</definedName>
    <definedName name="colLANY2" localSheetId="3">OFFSET('Fig 6'!rngLANAP,'Fig 6'!rngLANPrCnt2+1,2,'Fig 6'!rngLANPrCnt3,1)</definedName>
    <definedName name="colLANY2">OFFSET(rngLANAP,rngLANPrCnt2+1,2,rngLANPrCnt3,1)</definedName>
    <definedName name="colTPLOTQA" localSheetId="3">OFFSET('Fig 6'!rngTPLOTRP,1,1,COUNT(#REF!),1)</definedName>
    <definedName name="colTPLOTQA">OFFSET(rngTPLOTRP,1,1,COUNT('[1]t-Plot'!$F:$F),1)</definedName>
    <definedName name="colTPLOTRP" localSheetId="3">OFFSET('Fig 6'!rngTPLOTRP,1,1,COUNT(#REF!),1)</definedName>
    <definedName name="colTPLOTRP">OFFSET(rngTPLOTRP,1,1,COUNT('[1]t-Plot'!$F:$F),1)</definedName>
    <definedName name="colTPLOTRP2" localSheetId="3">OFFSET('Fig 6'!rngTPLOTRP,'Fig 6'!rngTPLOTPrCnt2+1,1,'Fig 6'!rngTPLOTPrCnt3,1)</definedName>
    <definedName name="colTPLOTRP2">OFFSET(rngTPLOTRP,rngTPLOTPrCnt2+1,1,rngTPLOTPrCnt3,1)</definedName>
    <definedName name="colTPLOTY" localSheetId="3">OFFSET('Fig 6'!rngTPLOTRP,1,2,COUNT(#REF!),1)</definedName>
    <definedName name="colTPLOTY">OFFSET(rngTPLOTRP,1,2,COUNT('[1]t-Plot'!$F:$F),1)</definedName>
    <definedName name="colTPLOTY2" localSheetId="3">OFFSET('Fig 6'!rngTPLOTRP,'Fig 6'!rngTPLOTPrCnt2+1,2,'Fig 6'!rngTPLOTPrCnt3,1)</definedName>
    <definedName name="colTPLOTY2">OFFSET(rngTPLOTRP,rngTPLOTPrCnt2+1,2,rngTPLOTPrCnt3,1)</definedName>
    <definedName name="criteriaMax" localSheetId="3">#REF!</definedName>
    <definedName name="criteriaMax">#REF!</definedName>
    <definedName name="criteriaMax2" localSheetId="3">#REF!</definedName>
    <definedName name="criteriaMax2">'[1]BET Surface Area Report'!$H$4:$H$5</definedName>
    <definedName name="criteriaMax2Lan" localSheetId="3">#REF!</definedName>
    <definedName name="criteriaMax2Lan">[1]Langmuir!$H$4:$H$5</definedName>
    <definedName name="criteriaMax2TPLOT" localSheetId="3">#REF!</definedName>
    <definedName name="criteriaMax2TPLOT">'[1]t-Plot'!$H$4:$H$5</definedName>
    <definedName name="criteriaMin" localSheetId="3">#REF!</definedName>
    <definedName name="criteriaMin">#REF!</definedName>
    <definedName name="criteriaMin2" localSheetId="3">#REF!</definedName>
    <definedName name="criteriaMin2">#REF!</definedName>
    <definedName name="criteriaRP" localSheetId="3">#REF!</definedName>
    <definedName name="criteriaRP">#REF!</definedName>
    <definedName name="Experimental_Data_Limits" localSheetId="3">#REF!</definedName>
    <definedName name="Experimental_Data_Limits">#REF!</definedName>
    <definedName name="keyColHdrAP" localSheetId="3">#REF!</definedName>
    <definedName name="keyColHdrAP">#REF!</definedName>
    <definedName name="keyColHdrKey" localSheetId="3">#REF!</definedName>
    <definedName name="keyColHdrKey">#REF!</definedName>
    <definedName name="keyColHdrRP" localSheetId="3">#REF!</definedName>
    <definedName name="keyColHdrRP">#REF!</definedName>
    <definedName name="lblBETX" localSheetId="3">#REF!</definedName>
    <definedName name="lblBETX">#REF!</definedName>
    <definedName name="lblBETY" localSheetId="3">#REF!</definedName>
    <definedName name="lblBETY">#REF!</definedName>
    <definedName name="lblGAS" localSheetId="3">#REF!</definedName>
    <definedName name="lblGAS">[1]Parameters!$B$2</definedName>
    <definedName name="lblQA" localSheetId="3">#REF!</definedName>
    <definedName name="lblQA">#REF!</definedName>
    <definedName name="lblRP" localSheetId="3">#REF!</definedName>
    <definedName name="lblRP">#REF!</definedName>
    <definedName name="lblY" localSheetId="3">#REF!</definedName>
    <definedName name="lblY">#REF!</definedName>
    <definedName name="rngAP" localSheetId="3">OFFSET('Fig 6'!keyColHdrAP,1,0,COUNT(#REF!),1)</definedName>
    <definedName name="rngAP">OFFSET(keyColHdrAP,1,0,COUNT(#REF!),1)</definedName>
    <definedName name="rngAPRPQA" localSheetId="3">OFFSET('Fig 6'!keyColHdrAP,0,0,MATCH("A",#REF!,0)-ROW('Fig 6'!keyColHdrKey)+1,4)</definedName>
    <definedName name="rngAPRPQA">OFFSET(keyColHdrAP,0,0,MATCH("A",#REF!,0)-ROW(keyColHdrKey)+1,4)</definedName>
    <definedName name="rngAPRPQA_full" localSheetId="3">OFFSET('Fig 6'!keyColHdrAP,1,0,COUNT(#REF!),3)</definedName>
    <definedName name="rngAPRPQA_full">OFFSET(keyColHdrAP,1,0,COUNT(#REF!),3)</definedName>
    <definedName name="rngAPRPQA_Range" localSheetId="3">OFFSET('Fig 6'!keyColHdrAP,1,-1,MATCH("A",#REF!,0)-ROW('Fig 6'!keyColHdrKey),3)</definedName>
    <definedName name="rngAPRPQA_Range">OFFSET(keyColHdrAP,1,-1,MATCH("A",#REF!,0)-ROW(keyColHdrKey),3)</definedName>
    <definedName name="rngAPRPQA_Range2" localSheetId="3">OFFSET('Fig 6'!keyColHdrAP,1,0,MATCH("A",#REF!,0)-ROW('Fig 6'!keyColHdrKey),5)</definedName>
    <definedName name="rngAPRPQA_Range2">OFFSET(keyColHdrAP,1,0,MATCH("A",#REF!,0)-ROW(keyColHdrKey),5)</definedName>
    <definedName name="rngBETadjmax" localSheetId="3">#REF!</definedName>
    <definedName name="rngBETadjmax">'[1]BET Surface Area Report'!$H$7</definedName>
    <definedName name="rngBETadjmin" localSheetId="3">#REF!</definedName>
    <definedName name="rngBETadjmin">'[1]BET Surface Area Report'!$G$7</definedName>
    <definedName name="rngBETadjusted" localSheetId="3">OFFSET('Fig 6'!rngStart1,MATCH('Fig 6'!rngBETadjmin,#REF!,0)-1,0,MATCH('Fig 6'!rngBETadjmax,#REF!,0)-MATCH('Fig 6'!rngBETadjmin,#REF!,0)+1,8)</definedName>
    <definedName name="rngBETadjusted">OFFSET(rngStart1,MATCH(rngBETadjmin,'[1]BET Surface Area Report'!$F:$F,0)-1,0,MATCH(rngBETadjmax,'[1]BET Surface Area Report'!$F:$F,0)-MATCH(rngBETadjmin,'[1]BET Surface Area Report'!$F:$F,0)+1,8)</definedName>
    <definedName name="rngBETCount01" localSheetId="3">#REF!</definedName>
    <definedName name="rngBETCount01">'[1]BET Overlays'!$A$17</definedName>
    <definedName name="rngBETCount01a" localSheetId="3">#REF!</definedName>
    <definedName name="rngBETCount01a">'[1]BET Overlays'!$A$18</definedName>
    <definedName name="rngBETCount01b" localSheetId="3">#REF!</definedName>
    <definedName name="rngBETCount01b">'[1]BET Overlays'!$A$19</definedName>
    <definedName name="rngBETCount02" localSheetId="3">#REF!</definedName>
    <definedName name="rngBETCount02">'[1]BET Overlays'!$G$17</definedName>
    <definedName name="rngBETCount02a" localSheetId="3">#REF!</definedName>
    <definedName name="rngBETCount02a">'[1]BET Overlays'!$G$18</definedName>
    <definedName name="rngBETCount02b" localSheetId="3">#REF!</definedName>
    <definedName name="rngBETCount02b">'[1]BET Overlays'!$G$19</definedName>
    <definedName name="rngBETCount03" localSheetId="3">#REF!</definedName>
    <definedName name="rngBETCount03">'[1]BET Overlays'!$M$17</definedName>
    <definedName name="rngBETCount03a" localSheetId="3">#REF!</definedName>
    <definedName name="rngBETCount03a">'[1]BET Overlays'!$M$18</definedName>
    <definedName name="rngBETCount03b" localSheetId="3">#REF!</definedName>
    <definedName name="rngBETCount03b">'[1]BET Overlays'!$M$19</definedName>
    <definedName name="rngBETCount04" localSheetId="3">#REF!</definedName>
    <definedName name="rngBETCount04">'[1]BET Overlays'!$S$17</definedName>
    <definedName name="rngBETCount04a" localSheetId="3">#REF!</definedName>
    <definedName name="rngBETCount04a">'[1]BET Overlays'!$S$18</definedName>
    <definedName name="rngBETCount04b" localSheetId="3">#REF!</definedName>
    <definedName name="rngBETCount04b">'[1]BET Overlays'!$S$19</definedName>
    <definedName name="rngBETCount05" localSheetId="3">#REF!</definedName>
    <definedName name="rngBETCount05">'[1]BET Overlays'!$Y$17</definedName>
    <definedName name="rngBETCount05a" localSheetId="3">#REF!</definedName>
    <definedName name="rngBETCount05a">'[1]BET Overlays'!$Y$18</definedName>
    <definedName name="rngBETCount05b" localSheetId="3">#REF!</definedName>
    <definedName name="rngBETCount05b">'[1]BET Overlays'!$Y$19</definedName>
    <definedName name="rngBETMax" localSheetId="3">#REF!</definedName>
    <definedName name="rngBETMax">#REF!</definedName>
    <definedName name="rngBETmaxincrement" localSheetId="3">#REF!</definedName>
    <definedName name="rngBETmaxincrement">#REF!</definedName>
    <definedName name="rngBETmaxReal" localSheetId="3">#REF!</definedName>
    <definedName name="rngBETmaxReal">'[1]BET Surface Area Report'!$H$9</definedName>
    <definedName name="rngBETmin" localSheetId="3">#REF!</definedName>
    <definedName name="rngBETmin">#REF!</definedName>
    <definedName name="rngBETminincrement" localSheetId="3">#REF!</definedName>
    <definedName name="rngBETminincrement">#REF!</definedName>
    <definedName name="rngBETminReal" localSheetId="3">#REF!</definedName>
    <definedName name="rngBETminReal">'[1]BET Surface Area Report'!$G$9</definedName>
    <definedName name="rngBETOL01" localSheetId="3">#REF!</definedName>
    <definedName name="rngBETOL01">#REF!</definedName>
    <definedName name="rngBETOL01z" localSheetId="3">#REF!</definedName>
    <definedName name="rngBETOL01z">#REF!</definedName>
    <definedName name="rngBETOL02" localSheetId="3">#REF!</definedName>
    <definedName name="rngBETOL02">#REF!</definedName>
    <definedName name="rngBETOL02z" localSheetId="3">#REF!</definedName>
    <definedName name="rngBETOL02z">#REF!</definedName>
    <definedName name="rngBETOL03" localSheetId="3">#REF!</definedName>
    <definedName name="rngBETOL03">#REF!</definedName>
    <definedName name="rngBETOL03z" localSheetId="3">#REF!</definedName>
    <definedName name="rngBETOL03z">#REF!</definedName>
    <definedName name="rngBETOL04" localSheetId="3">#REF!</definedName>
    <definedName name="rngBETOL04">#REF!</definedName>
    <definedName name="rngBETOL04z" localSheetId="3">#REF!</definedName>
    <definedName name="rngBETOL04z">#REF!</definedName>
    <definedName name="rngBETOL05" localSheetId="3">#REF!</definedName>
    <definedName name="rngBETOL05">#REF!</definedName>
    <definedName name="rngBETOL05z" localSheetId="3">#REF!</definedName>
    <definedName name="rngBETOL05z">#REF!</definedName>
    <definedName name="rngBETOverlay01" localSheetId="3">#REF!</definedName>
    <definedName name="rngBETOverlay01">'[1]BET Overlays'!$C$14</definedName>
    <definedName name="rngBETOverlay01X" localSheetId="3">OFFSET('Fig 6'!rngBETCount01,0,2,'Fig 6'!rngBETCount01,1)</definedName>
    <definedName name="rngBETOverlay01X">OFFSET(rngBETCount01,0,2,rngBETCount01,1)</definedName>
    <definedName name="rngBETOverlay01Xa" localSheetId="3">OFFSET('Fig 6'!rngBETCount01,'Fig 6'!rngBETCount01b,2,'Fig 6'!rngBETCount01a,1)</definedName>
    <definedName name="rngBETOverlay01Xa">OFFSET(rngBETCount01,rngBETCount01b,2,rngBETCount01a,1)</definedName>
    <definedName name="rngBETOverlay01Xaa" localSheetId="3">OFFSET('Fig 6'!rngBETCount01,'Fig 6'!rngBETCount01b,2,'Fig 6'!rngBETCount01a,1),#REF!</definedName>
    <definedName name="rngBETOverlay01Xaa">OFFSET(rngBETCount01,rngBETCount01b,2,rngBETCount01a,1),'[1]BET Overlays'!$C$11</definedName>
    <definedName name="rngBETOverlay01Y" localSheetId="3">OFFSET('Fig 6'!rngBETCount01,0,4,'Fig 6'!rngBETCount01,1)</definedName>
    <definedName name="rngBETOverlay01Y">OFFSET(rngBETCount01,0,4,rngBETCount01,1)</definedName>
    <definedName name="rngBETOverlay01Ya" localSheetId="3">OFFSET('Fig 6'!rngBETCount01,'Fig 6'!rngBETCount01b,4,'Fig 6'!rngBETCount01a,1)</definedName>
    <definedName name="rngBETOverlay01Ya">OFFSET(rngBETCount01,rngBETCount01b,4,rngBETCount01a,1)</definedName>
    <definedName name="rngBETOverlay01Yaa" localSheetId="3">OFFSET('Fig 6'!rngBETCount01,'Fig 6'!rngBETCount01b,4,'Fig 6'!rngBETCount01a,1),#REF!</definedName>
    <definedName name="rngBETOverlay01Yaa">OFFSET(rngBETCount01,rngBETCount01b,4,rngBETCount01a,1),'[1]BET Overlays'!$D$11</definedName>
    <definedName name="rngBETOverlay02" localSheetId="3">#REF!</definedName>
    <definedName name="rngBETOverlay02">'[1]BET Overlays'!$I$14</definedName>
    <definedName name="rngBETOverlay02X" localSheetId="3">OFFSET('Fig 6'!rngBETCount02,0,2,'Fig 6'!rngBETCount02,1)</definedName>
    <definedName name="rngBETOverlay02X">OFFSET(rngBETCount02,0,2,rngBETCount02,1)</definedName>
    <definedName name="rngBETOverlay02Xa" localSheetId="3">OFFSET('Fig 6'!rngBETCount02,'Fig 6'!rngBETCount02b,2,'Fig 6'!rngBETCount02a,1)</definedName>
    <definedName name="rngBETOverlay02Xa">OFFSET(rngBETCount02,rngBETCount02b,2,rngBETCount02a,1)</definedName>
    <definedName name="rngBETOverlay02Xaa" localSheetId="3">OFFSET('Fig 6'!rngBETCount02,'Fig 6'!rngBETCount02b,2,'Fig 6'!rngBETCount02a,1),#REF!</definedName>
    <definedName name="rngBETOverlay02Xaa">OFFSET(rngBETCount02,rngBETCount02b,2,rngBETCount02a,1),'[1]BET Overlays'!$I$11</definedName>
    <definedName name="rngBETOverlay02Y" localSheetId="3">OFFSET('Fig 6'!rngBETCount02,0,4,'Fig 6'!rngBETCount02,1)</definedName>
    <definedName name="rngBETOverlay02Y">OFFSET(rngBETCount02,0,4,rngBETCount02,1)</definedName>
    <definedName name="rngBETOverlay02Ya" localSheetId="3">OFFSET('Fig 6'!rngBETCount02,'Fig 6'!rngBETCount02b,4,'Fig 6'!rngBETCount02a,1)</definedName>
    <definedName name="rngBETOverlay02Ya">OFFSET(rngBETCount02,rngBETCount02b,4,rngBETCount02a,1)</definedName>
    <definedName name="rngBETOverlay02Yaa" localSheetId="3">OFFSET('Fig 6'!rngBETCount02,'Fig 6'!rngBETCount02b,4,'Fig 6'!rngBETCount02a,1),#REF!</definedName>
    <definedName name="rngBETOverlay02Yaa">OFFSET(rngBETCount02,rngBETCount02b,4,rngBETCount02a,1),'[1]BET Overlays'!$J$11</definedName>
    <definedName name="rngBETOverlay03" localSheetId="3">#REF!</definedName>
    <definedName name="rngBETOverlay03">'[1]BET Overlays'!$O$14</definedName>
    <definedName name="rngBETOverlay03X" localSheetId="3">OFFSET('Fig 6'!rngBETCount03,0,2,'Fig 6'!rngBETCount03,1)</definedName>
    <definedName name="rngBETOverlay03X">OFFSET(rngBETCount03,0,2,rngBETCount03,1)</definedName>
    <definedName name="rngBETOverlay03Xa" localSheetId="3">OFFSET('Fig 6'!rngBETCount03,'Fig 6'!rngBETCount03b,2,'Fig 6'!rngBETCount03a,1)</definedName>
    <definedName name="rngBETOverlay03Xa">OFFSET(rngBETCount03,rngBETCount03b,2,rngBETCount03a,1)</definedName>
    <definedName name="rngBETOverlay03Xaa" localSheetId="3">OFFSET('Fig 6'!rngBETCount03,'Fig 6'!rngBETCount03b,2,'Fig 6'!rngBETCount03a,1),#REF!</definedName>
    <definedName name="rngBETOverlay03Xaa">OFFSET(rngBETCount03,rngBETCount03b,2,rngBETCount03a,1),'[1]BET Overlays'!$O$11</definedName>
    <definedName name="rngBETOverlay03Y" localSheetId="3">OFFSET('Fig 6'!rngBETCount03,0,4,'Fig 6'!rngBETCount03,1)</definedName>
    <definedName name="rngBETOverlay03Y">OFFSET(rngBETCount03,0,4,rngBETCount03,1)</definedName>
    <definedName name="rngBETOverlay03Ya" localSheetId="3">OFFSET('Fig 6'!rngBETCount03,'Fig 6'!rngBETCount03b,4,'Fig 6'!rngBETCount03a,1)</definedName>
    <definedName name="rngBETOverlay03Ya">OFFSET(rngBETCount03,rngBETCount03b,4,rngBETCount03a,1)</definedName>
    <definedName name="rngBETOverlay03Yaa" localSheetId="3">OFFSET('Fig 6'!rngBETCount03,'Fig 6'!rngBETCount03b,4,'Fig 6'!rngBETCount03a,1),#REF!</definedName>
    <definedName name="rngBETOverlay03Yaa">OFFSET(rngBETCount03,rngBETCount03b,4,rngBETCount03a,1),'[1]BET Overlays'!$P$11</definedName>
    <definedName name="rngBETOverlay04" localSheetId="3">#REF!</definedName>
    <definedName name="rngBETOverlay04">'[1]BET Overlays'!$U$14</definedName>
    <definedName name="rngBETOverlay04X" localSheetId="3">OFFSET('Fig 6'!rngBETCount04,0,2,'Fig 6'!rngBETCount04,1)</definedName>
    <definedName name="rngBETOverlay04X">OFFSET(rngBETCount04,0,2,rngBETCount04,1)</definedName>
    <definedName name="rngBETOverlay04Xa" localSheetId="3">OFFSET('Fig 6'!rngBETCount04,'Fig 6'!rngBETCount04b,2,'Fig 6'!rngBETCount04a,1)</definedName>
    <definedName name="rngBETOverlay04Xa">OFFSET(rngBETCount04,rngBETCount04b,2,rngBETCount04a,1)</definedName>
    <definedName name="rngBETOverlay04Xaa" localSheetId="3">OFFSET('Fig 6'!rngBETCount04,'Fig 6'!rngBETCount04b,2,'Fig 6'!rngBETCount04a,1),#REF!</definedName>
    <definedName name="rngBETOverlay04Xaa">OFFSET(rngBETCount04,rngBETCount04b,2,rngBETCount04a,1),'[1]BET Overlays'!$U$11</definedName>
    <definedName name="rngBETOverlay04Y" localSheetId="3">OFFSET('Fig 6'!rngBETCount04,0,4,'Fig 6'!rngBETCount04,1)</definedName>
    <definedName name="rngBETOverlay04Y">OFFSET(rngBETCount04,0,4,rngBETCount04,1)</definedName>
    <definedName name="rngBETOverlay04Ya" localSheetId="3">OFFSET('Fig 6'!rngBETCount04,'Fig 6'!rngBETCount04b,4,'Fig 6'!rngBETCount04a,1)</definedName>
    <definedName name="rngBETOverlay04Ya">OFFSET(rngBETCount04,rngBETCount04b,4,rngBETCount04a,1)</definedName>
    <definedName name="rngBETOverlay04Yaa" localSheetId="3">OFFSET('Fig 6'!rngBETCount04,'Fig 6'!rngBETCount04b,4,'Fig 6'!rngBETCount04a,1),#REF!</definedName>
    <definedName name="rngBETOverlay04Yaa">OFFSET(rngBETCount04,rngBETCount04b,4,rngBETCount04a,1),'[1]BET Overlays'!$V$11</definedName>
    <definedName name="rngBETOverlay05" localSheetId="3">#REF!</definedName>
    <definedName name="rngBETOverlay05">'[1]BET Overlays'!$AA$14</definedName>
    <definedName name="rngBETOverlay05X" localSheetId="3">OFFSET('Fig 6'!rngBETCount05,0,2,'Fig 6'!rngBETCount05,1)</definedName>
    <definedName name="rngBETOverlay05X">OFFSET(rngBETCount05,0,2,rngBETCount05,1)</definedName>
    <definedName name="rngBETOverlay05Xa" localSheetId="3">OFFSET('Fig 6'!rngBETCount05,'Fig 6'!rngBETCount05b,2,'Fig 6'!rngBETCount05a,1)</definedName>
    <definedName name="rngBETOverlay05Xa">OFFSET(rngBETCount05,rngBETCount05b,2,rngBETCount05a,1)</definedName>
    <definedName name="rngBETOverlay05Xaa" localSheetId="3">OFFSET('Fig 6'!rngBETCount05,'Fig 6'!rngBETCount05b,2,'Fig 6'!rngBETCount05a,1),#REF!</definedName>
    <definedName name="rngBETOverlay05Xaa">OFFSET(rngBETCount05,rngBETCount05b,2,rngBETCount05a,1),'[1]BET Overlays'!$AA$11</definedName>
    <definedName name="rngBETOverlay05Y" localSheetId="3">OFFSET('Fig 6'!rngBETCount05,0,4,'Fig 6'!rngBETCount05,1)</definedName>
    <definedName name="rngBETOverlay05Y">OFFSET(rngBETCount05,0,4,rngBETCount05,1)</definedName>
    <definedName name="rngBETOverlay05Ya" localSheetId="3">OFFSET('Fig 6'!rngBETCount05,'Fig 6'!rngBETCount05b,4,'Fig 6'!rngBETCount05a,1)</definedName>
    <definedName name="rngBETOverlay05Ya">OFFSET(rngBETCount05,rngBETCount05b,4,rngBETCount05a,1)</definedName>
    <definedName name="rngBETOverlay05Yaa" localSheetId="3">OFFSET('Fig 6'!rngBETCount05,'Fig 6'!rngBETCount05b,4,'Fig 6'!rngBETCount05a,1),#REF!</definedName>
    <definedName name="rngBETOverlay05Yaa">OFFSET(rngBETCount05,rngBETCount05b,4,rngBETCount05a,1),'[1]BET Overlays'!$AB$11</definedName>
    <definedName name="rngBETOverlayX" localSheetId="3">#REF!</definedName>
    <definedName name="rngBETOverlayX">#REF!</definedName>
    <definedName name="rngBETOverride" localSheetId="3">#REF!</definedName>
    <definedName name="rngBETOverride">#REF!</definedName>
    <definedName name="rngBETPrCnt1" localSheetId="3">#REF!</definedName>
    <definedName name="rngBETPrCnt1">#REF!</definedName>
    <definedName name="rngBETPrCnt2" localSheetId="3">#REF!</definedName>
    <definedName name="rngBETPrCnt2">'[1]BET Surface Area Report'!$E$37</definedName>
    <definedName name="rngBETPrCnt3" localSheetId="3">#REF!</definedName>
    <definedName name="rngBETPrCnt3">'[1]BET Surface Area Report'!$E$38</definedName>
    <definedName name="rngBETQA" localSheetId="3">#REF!</definedName>
    <definedName name="rngBETQA">#REF!</definedName>
    <definedName name="rngBETRP" localSheetId="3">#REF!</definedName>
    <definedName name="rngBETRP">'[1]BET Surface Area Report'!$F$35</definedName>
    <definedName name="rngBETRPQA" localSheetId="3">#REF!</definedName>
    <definedName name="rngBETRPQA">#REF!</definedName>
    <definedName name="rngBETRPQAY" localSheetId="3">OFFSET('Fig 6'!rngBETRP,0,0,COUNT(#REF!)+1,3)</definedName>
    <definedName name="rngBETRPQAY">OFFSET(rngBETRP,0,0,COUNT('[1]BET Surface Area Report'!$F:$F)+1,3)</definedName>
    <definedName name="rngBETSheets" localSheetId="3">#REF!</definedName>
    <definedName name="rngBETSheets">#REF!</definedName>
    <definedName name="rngBETY" localSheetId="3">#REF!</definedName>
    <definedName name="rngBETY">#REF!</definedName>
    <definedName name="rngDataSource" localSheetId="3">#REF!</definedName>
    <definedName name="rngDataSource">#REF!</definedName>
    <definedName name="rngGAS" localSheetId="3">OFFSET('Fig 6'!lblGAS,1,0,COUNTA(#REF!)-1,1)</definedName>
    <definedName name="rngGAS">OFFSET(lblGAS,1,0,COUNTA([1]Parameters!$B:$B)-1,1)</definedName>
    <definedName name="rngGASChoices" localSheetId="3">OFFSET('Fig 6'!lblGAS,1,0,COUNTA(#REF!)-2,4)</definedName>
    <definedName name="rngGASChoices">OFFSET(lblGAS,1,0,COUNTA([1]Parameters!$B:$B)-2,4)</definedName>
    <definedName name="rngGases" localSheetId="3">OFFSET('Fig 6'!lblGAS,1,0,COUNTA(#REF!)-1,1)</definedName>
    <definedName name="rngGases">OFFSET(lblGAS,1,0,COUNTA([1]Parameters!$B:$B)-1,1)</definedName>
    <definedName name="rngGasLAN" localSheetId="3">#REF!</definedName>
    <definedName name="rngGasLAN">[1]Langmuir!$H$31</definedName>
    <definedName name="rngGasTPLOT" localSheetId="3">#REF!</definedName>
    <definedName name="rngGasTPLOT">'[1]t-Plot'!$H$30</definedName>
    <definedName name="rngIncrement" localSheetId="3">#REF!</definedName>
    <definedName name="rngIncrement">#REF!</definedName>
    <definedName name="rngIncrement2" localSheetId="3">#REF!</definedName>
    <definedName name="rngIncrement2">#REF!</definedName>
    <definedName name="rngISOCount01" localSheetId="3">#REF!</definedName>
    <definedName name="rngISOCount01">'[1]zISO Overlays'!$A$18</definedName>
    <definedName name="rngISOCount02" localSheetId="3">#REF!</definedName>
    <definedName name="rngISOCount02">'[1]zISO Overlays'!$G$18</definedName>
    <definedName name="rngISOCount03" localSheetId="3">#REF!</definedName>
    <definedName name="rngISOCount03">'[1]zISO Overlays'!$M$18</definedName>
    <definedName name="rngISOCount04" localSheetId="3">#REF!</definedName>
    <definedName name="rngISOCount04">'[1]zISO Overlays'!$S$18</definedName>
    <definedName name="rngISOCount05" localSheetId="3">#REF!</definedName>
    <definedName name="rngISOCount05">'[1]zISO Overlays'!$Y$18</definedName>
    <definedName name="rngISOList" localSheetId="3">OFFSET('Fig 6'!rngISOListHdr,1,0,COUNTA(#REF!),1)</definedName>
    <definedName name="rngISOList">OFFSET(rngISOListHdr,1,0,COUNTA([1]Parameters!$G:$G),1)</definedName>
    <definedName name="rngISOListHdr" localSheetId="3">#REF!</definedName>
    <definedName name="rngISOListHdr">[1]Parameters!$G$2</definedName>
    <definedName name="rngISOSheet01" localSheetId="3">#REF!</definedName>
    <definedName name="rngISOSheet01">'[1]zISO Overlays'!$C$15</definedName>
    <definedName name="rngISOSheet01z" localSheetId="3">#REF!</definedName>
    <definedName name="rngISOSheet01z">#REF!</definedName>
    <definedName name="rngISOSheet02" localSheetId="3">#REF!</definedName>
    <definedName name="rngISOSheet02">'[1]zISO Overlays'!$I$15</definedName>
    <definedName name="rngISOSheet02z" localSheetId="3">#REF!</definedName>
    <definedName name="rngISOSheet02z">#REF!</definedName>
    <definedName name="rngISOSheet03" localSheetId="3">#REF!</definedName>
    <definedName name="rngISOSheet03">'[1]zISO Overlays'!$O$15</definedName>
    <definedName name="rngISOSheet03z" localSheetId="3">#REF!</definedName>
    <definedName name="rngISOSheet03z">#REF!</definedName>
    <definedName name="rngISOSheet04" localSheetId="3">#REF!</definedName>
    <definedName name="rngISOSheet04">'[1]zISO Overlays'!$U$15</definedName>
    <definedName name="rngISOSheet04z" localSheetId="3">#REF!</definedName>
    <definedName name="rngISOSheet04z">#REF!</definedName>
    <definedName name="rngISOSheet05" localSheetId="3">#REF!</definedName>
    <definedName name="rngISOSheet05">'[1]zISO Overlays'!$AA$15</definedName>
    <definedName name="rngISOSheet05z" localSheetId="3">#REF!</definedName>
    <definedName name="rngISOSheet05z">#REF!</definedName>
    <definedName name="rngISOSheets" localSheetId="3">#REF!</definedName>
    <definedName name="rngISOSheets">#REF!</definedName>
    <definedName name="rngkeysheets" localSheetId="3">#REF!</definedName>
    <definedName name="rngkeysheets">[1]Parameters!$K$2</definedName>
    <definedName name="rngLANadjmax" localSheetId="3">#REF!</definedName>
    <definedName name="rngLANadjmax">[1]Langmuir!$H$7</definedName>
    <definedName name="rngLANadjmin" localSheetId="3">#REF!</definedName>
    <definedName name="rngLANadjmin">[1]Langmuir!$G$7</definedName>
    <definedName name="rngLANAP" localSheetId="3">#REF!</definedName>
    <definedName name="rngLANAP">[1]Langmuir!$F$35</definedName>
    <definedName name="rngLANCount01" localSheetId="3">#REF!</definedName>
    <definedName name="rngLANCount01">'[1]LAN Overlays'!$A$17</definedName>
    <definedName name="rngLANCount01a" localSheetId="3">#REF!</definedName>
    <definedName name="rngLANCount01a">'[1]LAN Overlays'!$A$18</definedName>
    <definedName name="rngLANCount01b" localSheetId="3">#REF!</definedName>
    <definedName name="rngLANCount01b">'[1]LAN Overlays'!$A$19</definedName>
    <definedName name="rngLANCount02" localSheetId="3">#REF!</definedName>
    <definedName name="rngLANCount02">'[1]LAN Overlays'!$G$17</definedName>
    <definedName name="rngLANCount02a" localSheetId="3">#REF!</definedName>
    <definedName name="rngLANCount02a">'[1]LAN Overlays'!$G$18</definedName>
    <definedName name="rngLANCount02b" localSheetId="3">#REF!</definedName>
    <definedName name="rngLANCount02b">'[1]LAN Overlays'!$G$19</definedName>
    <definedName name="rngLANCount03" localSheetId="3">#REF!</definedName>
    <definedName name="rngLANCount03">'[1]LAN Overlays'!$M$17</definedName>
    <definedName name="rngLANCount03a" localSheetId="3">#REF!</definedName>
    <definedName name="rngLANCount03a">'[1]LAN Overlays'!$M$18</definedName>
    <definedName name="rngLANCount03b" localSheetId="3">#REF!</definedName>
    <definedName name="rngLANCount03b">'[1]LAN Overlays'!$M$19</definedName>
    <definedName name="rngLANCount04" localSheetId="3">#REF!</definedName>
    <definedName name="rngLANCount04">'[1]LAN Overlays'!$S$17</definedName>
    <definedName name="rngLANCount04a" localSheetId="3">#REF!</definedName>
    <definedName name="rngLANCount04a">'[1]LAN Overlays'!$S$18</definedName>
    <definedName name="rngLANCount04b" localSheetId="3">#REF!</definedName>
    <definedName name="rngLANCount04b">'[1]LAN Overlays'!$S$19</definedName>
    <definedName name="rngLANCount05" localSheetId="3">#REF!</definedName>
    <definedName name="rngLANCount05">'[1]LAN Overlays'!$Y$17</definedName>
    <definedName name="rngLANCount05a" localSheetId="3">#REF!</definedName>
    <definedName name="rngLANCount05a">'[1]LAN Overlays'!$Y$18</definedName>
    <definedName name="rngLANCount05b" localSheetId="3">#REF!</definedName>
    <definedName name="rngLANCount05b">'[1]LAN Overlays'!$Y$19</definedName>
    <definedName name="rngLANmax" localSheetId="3">#REF!</definedName>
    <definedName name="rngLANmax">[1]Langmuir!$H$8</definedName>
    <definedName name="rngLANmaxReal" localSheetId="3">#REF!</definedName>
    <definedName name="rngLANmaxReal">[1]Langmuir!$H$9</definedName>
    <definedName name="rngLANmin" localSheetId="3">#REF!</definedName>
    <definedName name="rngLANmin">[1]Langmuir!$G$8</definedName>
    <definedName name="rngLANminReal" localSheetId="3">#REF!</definedName>
    <definedName name="rngLANminReal">[1]Langmuir!$G$9</definedName>
    <definedName name="rngLANOverlay01" localSheetId="3">#REF!</definedName>
    <definedName name="rngLANOverlay01">'[1]LAN Overlays'!$C$14</definedName>
    <definedName name="rngLANOverlay01X" localSheetId="3">OFFSET('Fig 6'!rngLANCount01,0,2,'Fig 6'!rngLANCount01,1)</definedName>
    <definedName name="rngLANOverlay01X">OFFSET(rngLANCount01,0,2,rngLANCount01,1)</definedName>
    <definedName name="rngLANOverlay01Xa" localSheetId="3">OFFSET('Fig 6'!rngLANCount01,'Fig 6'!rngLANCount01b,2,'Fig 6'!rngLANCount01a,1)</definedName>
    <definedName name="rngLANOverlay01Xa">OFFSET(rngLANCount01,rngLANCount01b,2,rngLANCount01a,1)</definedName>
    <definedName name="rngLANOverlay01Y" localSheetId="3">OFFSET('Fig 6'!rngLANCount01,0,4,'Fig 6'!rngLANCount01,1)</definedName>
    <definedName name="rngLANOverlay01Y">OFFSET(rngLANCount01,0,4,rngLANCount01,1)</definedName>
    <definedName name="rngLANOverlay01Ya" localSheetId="3">OFFSET('Fig 6'!rngLANCount01,'Fig 6'!rngLANCount01b,4,'Fig 6'!rngLANCount01a,1)</definedName>
    <definedName name="rngLANOverlay01Ya">OFFSET(rngLANCount01,rngLANCount01b,4,rngLANCount01a,1)</definedName>
    <definedName name="rngLANOverlay02" localSheetId="3">#REF!</definedName>
    <definedName name="rngLANOverlay02">'[1]LAN Overlays'!$I$14</definedName>
    <definedName name="rngLANOverlay02X" localSheetId="3">OFFSET('Fig 6'!rngLANCount02,0,2,'Fig 6'!rngLANCount02,1)</definedName>
    <definedName name="rngLANOverlay02X">OFFSET(rngLANCount02,0,2,rngLANCount02,1)</definedName>
    <definedName name="rngLANOverlay02Xa" localSheetId="3">OFFSET('Fig 6'!rngLANCount02,'Fig 6'!rngLANCount02b,2,'Fig 6'!rngLANCount02a,1)</definedName>
    <definedName name="rngLANOverlay02Xa">OFFSET(rngLANCount02,rngLANCount02b,2,rngLANCount02a,1)</definedName>
    <definedName name="rngLANOverlay02Y" localSheetId="3">OFFSET('Fig 6'!rngLANCount02,0,4,'Fig 6'!rngLANCount02,1)</definedName>
    <definedName name="rngLANOverlay02Y">OFFSET(rngLANCount02,0,4,rngLANCount02,1)</definedName>
    <definedName name="rngLANOverlay02Ya" localSheetId="3">OFFSET('Fig 6'!rngLANCount02,'Fig 6'!rngLANCount02b,4,'Fig 6'!rngLANCount02a,1)</definedName>
    <definedName name="rngLANOverlay02Ya">OFFSET(rngLANCount02,rngLANCount02b,4,rngLANCount02a,1)</definedName>
    <definedName name="rngLANOverlay03" localSheetId="3">#REF!</definedName>
    <definedName name="rngLANOverlay03">'[1]LAN Overlays'!$O$14</definedName>
    <definedName name="rngLANOverlay03X" localSheetId="3">OFFSET('Fig 6'!rngLANCount03,0,2,'Fig 6'!rngLANCount03,1)</definedName>
    <definedName name="rngLANOverlay03X">OFFSET(rngLANCount03,0,2,rngLANCount03,1)</definedName>
    <definedName name="rngLANOverlay03Xa" localSheetId="3">OFFSET('Fig 6'!rngLANCount03,'Fig 6'!rngLANCount03b,2,'Fig 6'!rngLANCount03a,1)</definedName>
    <definedName name="rngLANOverlay03Xa">OFFSET(rngLANCount03,rngLANCount03b,2,rngLANCount03a,1)</definedName>
    <definedName name="rngLANOverlay03Y" localSheetId="3">OFFSET('Fig 6'!rngLANCount03,0,4,'Fig 6'!rngLANCount03,1)</definedName>
    <definedName name="rngLANOverlay03Y">OFFSET(rngLANCount03,0,4,rngLANCount03,1)</definedName>
    <definedName name="rngLANOverlay03Ya" localSheetId="3">OFFSET('Fig 6'!rngLANCount03,'Fig 6'!rngLANCount03b,4,'Fig 6'!rngLANCount03a,1)</definedName>
    <definedName name="rngLANOverlay03Ya">OFFSET(rngLANCount03,rngLANCount03b,4,rngLANCount03a,1)</definedName>
    <definedName name="rngLANOverlay04" localSheetId="3">#REF!</definedName>
    <definedName name="rngLANOverlay04">'[1]LAN Overlays'!$U$14</definedName>
    <definedName name="rngLANOverlay04X" localSheetId="3">OFFSET('Fig 6'!rngLANCount04,0,2,'Fig 6'!rngLANCount04,1)</definedName>
    <definedName name="rngLANOverlay04X">OFFSET(rngLANCount04,0,2,rngLANCount04,1)</definedName>
    <definedName name="rngLANOverlay04Xa" localSheetId="3">OFFSET('Fig 6'!rngLANCount04,'Fig 6'!rngLANCount04b,2,'Fig 6'!rngLANCount04a,1)</definedName>
    <definedName name="rngLANOverlay04Xa">OFFSET(rngLANCount04,rngLANCount04b,2,rngLANCount04a,1)</definedName>
    <definedName name="rngLANOverlay04Y" localSheetId="3">OFFSET('Fig 6'!rngLANCount04,0,4,'Fig 6'!rngLANCount04,1)</definedName>
    <definedName name="rngLANOverlay04Y">OFFSET(rngLANCount04,0,4,rngLANCount04,1)</definedName>
    <definedName name="rngLANOverlay04Ya" localSheetId="3">OFFSET('Fig 6'!rngLANCount04,'Fig 6'!rngLANCount04b,4,'Fig 6'!rngLANCount04a,1)</definedName>
    <definedName name="rngLANOverlay04Ya">OFFSET(rngLANCount04,rngLANCount04b,4,rngLANCount04a,1)</definedName>
    <definedName name="rngLANOverlay05" localSheetId="3">#REF!</definedName>
    <definedName name="rngLANOverlay05">'[1]LAN Overlays'!$AA$14</definedName>
    <definedName name="rngLANOverlay05X" localSheetId="3">OFFSET('Fig 6'!rngLANCount05,0,2,'Fig 6'!rngLANCount05,1)</definedName>
    <definedName name="rngLANOverlay05X">OFFSET(rngLANCount05,0,2,rngLANCount05,1)</definedName>
    <definedName name="rngLANOverlay05Xa" localSheetId="3">OFFSET('Fig 6'!rngLANCount05,'Fig 6'!rngLANCount05b,2,'Fig 6'!rngLANCount05a,1)</definedName>
    <definedName name="rngLANOverlay05Xa">OFFSET(rngLANCount05,rngLANCount05b,2,rngLANCount05a,1)</definedName>
    <definedName name="rngLANOverlay05Y" localSheetId="3">OFFSET('Fig 6'!rngLANCount05,0,4,'Fig 6'!rngLANCount05,1)</definedName>
    <definedName name="rngLANOverlay05Y">OFFSET(rngLANCount05,0,4,rngLANCount05,1)</definedName>
    <definedName name="rngLANOverlay05Ya" localSheetId="3">OFFSET('Fig 6'!rngLANCount05,'Fig 6'!rngLANCount05b,4,'Fig 6'!rngLANCount05a,1)</definedName>
    <definedName name="rngLANOverlay05Ya">OFFSET(rngLANCount05,rngLANCount05b,4,rngLANCount05a,1)</definedName>
    <definedName name="rngLANPrCnt2" localSheetId="3">#REF!</definedName>
    <definedName name="rngLANPrCnt2">[1]Langmuir!$E$37</definedName>
    <definedName name="rngLANPrCnt3" localSheetId="3">#REF!</definedName>
    <definedName name="rngLANPrCnt3">[1]Langmuir!$E$38</definedName>
    <definedName name="rnglistKeySheets" localSheetId="3">OFFSET('Fig 6'!rngkeysheets,1,0,COUNTA(#REF!)-1,1)</definedName>
    <definedName name="rnglistKeySheets">OFFSET(rngkeysheets,1,0,COUNTA([1]Parameters!$K:$K)-1,1)</definedName>
    <definedName name="rngListWorksheets" localSheetId="3">OFFSET('Fig 6'!rngWorksheets,1,0,COUNTA(#REF!)-1,1)</definedName>
    <definedName name="rngListWorksheets">OFFSET(rngWorksheets,1,0,COUNTA([1]Parameters!$I:$I)-1,1)</definedName>
    <definedName name="rngListWorksheetsShow" localSheetId="3">OFFSET('Fig 6'!rngWorksheets,1,1,COUNTA(#REF!)-1,1)</definedName>
    <definedName name="rngListWorksheetsShow">OFFSET(rngWorksheets,1,1,COUNTA([1]Parameters!$J:$J)-1,1)</definedName>
    <definedName name="rngLower" localSheetId="3">#REF!</definedName>
    <definedName name="rngLower">#REF!</definedName>
    <definedName name="rngOverlay01_X" localSheetId="3">OFFSET('Fig 6'!rngISOCount01,0,2,'Fig 6'!rngISOCount01,1)</definedName>
    <definedName name="rngOverlay01_X">OFFSET(rngISOCount01,0,2,rngISOCount01,1)</definedName>
    <definedName name="rngOverlay01_Y" localSheetId="3">OFFSET('Fig 6'!rngISOCount01,0,3,'Fig 6'!rngISOCount01,1)</definedName>
    <definedName name="rngOverlay01_Y">OFFSET(rngISOCount01,0,3,rngISOCount01,1)</definedName>
    <definedName name="rngOverlay02_X" localSheetId="3">OFFSET('Fig 6'!rngISOCount02,0,2,'Fig 6'!rngISOCount02,1)</definedName>
    <definedName name="rngOverlay02_X">OFFSET(rngISOCount02,0,2,rngISOCount02,1)</definedName>
    <definedName name="rngOverlay02_Y" localSheetId="3">OFFSET('Fig 6'!rngISOCount02,0,3,'Fig 6'!rngISOCount02,1)</definedName>
    <definedName name="rngOverlay02_Y">OFFSET(rngISOCount02,0,3,rngISOCount02,1)</definedName>
    <definedName name="rngOverlay03_X" localSheetId="3">OFFSET('Fig 6'!rngISOCount03,0,2,'Fig 6'!rngISOCount03,1)</definedName>
    <definedName name="rngOverlay03_X">OFFSET(rngISOCount03,0,2,rngISOCount03,1)</definedName>
    <definedName name="rngOverlay03_Y" localSheetId="3">OFFSET('Fig 6'!rngISOCount03,0,3,'Fig 6'!rngISOCount03,1)</definedName>
    <definedName name="rngOverlay03_Y">OFFSET(rngISOCount03,0,3,rngISOCount03,1)</definedName>
    <definedName name="rngOverlay04_X" localSheetId="3">OFFSET('Fig 6'!rngISOCount04,0,2,'Fig 6'!rngISOCount04,1)</definedName>
    <definedName name="rngOverlay04_X">OFFSET(rngISOCount04,0,2,rngISOCount04,1)</definedName>
    <definedName name="rngOverlay04_Y" localSheetId="3">OFFSET('Fig 6'!rngISOCount04,0,3,'Fig 6'!rngISOCount04,1)</definedName>
    <definedName name="rngOverlay04_Y">OFFSET(rngISOCount04,0,3,rngISOCount04,1)</definedName>
    <definedName name="rngOverlay05_X" localSheetId="3">OFFSET('Fig 6'!rngISOCount05,0,2,'Fig 6'!rngISOCount05,1)</definedName>
    <definedName name="rngOverlay05_X">OFFSET(rngISOCount05,0,2,rngISOCount05,1)</definedName>
    <definedName name="rngOverlay05_Y" localSheetId="3">OFFSET('Fig 6'!rngISOCount05,0,3,'Fig 6'!rngISOCount05,1)</definedName>
    <definedName name="rngOverlay05_Y">OFFSET(rngISOCount05,0,3,rngISOCount05,1)</definedName>
    <definedName name="rngOverride" localSheetId="3">#REF!</definedName>
    <definedName name="rngOverride">#REF!</definedName>
    <definedName name="rngPrimary" localSheetId="3">#REF!</definedName>
    <definedName name="rngPrimary">#REF!</definedName>
    <definedName name="rngPrimary2" localSheetId="3">#REF!</definedName>
    <definedName name="rngPrimary2">#REF!</definedName>
    <definedName name="rngQA" localSheetId="3">OFFSET('Fig 6'!keyColHdrRP,1,1,COUNT(#REF!),1)</definedName>
    <definedName name="rngQA">OFFSET(keyColHdrRP,1,1,COUNT(#REF!),1)</definedName>
    <definedName name="rngQAAd" localSheetId="3">OFFSET('Fig 6'!keyColHdrRP,1,1,MATCH("A",#REF!,FALSE)-ROW('Fig 6'!keyColHdrRP),1)</definedName>
    <definedName name="rngQAAd">OFFSET(keyColHdrRP,1,1,MATCH("A",#REF!,FALSE)-ROW(keyColHdrRP),1)</definedName>
    <definedName name="rngQADe" localSheetId="3">OFFSET('Fig 6'!keyColHdrRP,MATCH("A",#REF!,FALSE)-ROW('Fig 6'!keyColHdrRP)+1,1,(ROW('Fig 6'!keyColHdrRP)+COUNT(#REF!))-(MATCH("A",#REF!,FALSE)),1)</definedName>
    <definedName name="rngQADe">OFFSET(keyColHdrRP,MATCH("A",#REF!,FALSE)-ROW(keyColHdrRP)+1,1,(ROW(keyColHdrRP)+COUNT(#REF!))-(MATCH("A",#REF!,FALSE)),1)</definedName>
    <definedName name="rngRP" localSheetId="3">OFFSET('Fig 6'!keyColHdrRP,1,0,IF(COUNT(#REF!)=0,1,COUNT(#REF!)),1)</definedName>
    <definedName name="rngRP">OFFSET(keyColHdrRP,1,0,IF(COUNT(#REF!)=0,1,COUNT(#REF!)),1)</definedName>
    <definedName name="rngRPAd" localSheetId="3">OFFSET('Fig 6'!keyColHdrRP,1,0,MATCH("A",#REF!,FALSE)-ROW('Fig 6'!keyColHdrRP),1)</definedName>
    <definedName name="rngRPAd">OFFSET(keyColHdrRP,1,0,MATCH("A",#REF!,FALSE)-ROW(keyColHdrRP),1)</definedName>
    <definedName name="rngRPDe" localSheetId="3">OFFSET('Fig 6'!keyColHdrRP,MATCH("A",#REF!,FALSE)-ROW('Fig 6'!keyColHdrRP)+1,0,(ROW('Fig 6'!keyColHdrRP)+COUNT(#REF!))-(MATCH("A",#REF!,FALSE)),1)</definedName>
    <definedName name="rngRPDe">OFFSET(keyColHdrRP,MATCH("A",#REF!,FALSE)-ROW(keyColHdrRP)+1,0,(ROW(keyColHdrRP)+COUNT(#REF!))-(MATCH("A",#REF!,FALSE)),1)</definedName>
    <definedName name="rngRPQA" localSheetId="3">OFFSET('Fig 6'!keyColHdrRP,0,0,MATCH("A",#REF!,0)-ROW('Fig 6'!keyColHdrKey)+1,3)</definedName>
    <definedName name="rngRPQA">OFFSET(keyColHdrRP,0,0,MATCH("A",#REF!,0)-ROW(keyColHdrKey)+1,3)</definedName>
    <definedName name="rngRPQA_full" localSheetId="3">OFFSET('Fig 6'!keyColHdrRP,1,0,COUNT(#REF!),2)</definedName>
    <definedName name="rngRPQA_full">OFFSET(keyColHdrRP,1,0,COUNT(#REF!),2)</definedName>
    <definedName name="rngRPQA_full2" localSheetId="3">OFFSET('Fig 6'!keyColHdrAP,1,0,COUNT(#REF!),3)</definedName>
    <definedName name="rngRPQA_full2">OFFSET(keyColHdrAP,1,0,COUNT(#REF!),3)</definedName>
    <definedName name="rngRPQA_Range" localSheetId="3">OFFSET('Fig 6'!keyColHdrAP,1,-1,MATCH("A",#REF!,0)-ROW('Fig 6'!keyColHdrKey),3)</definedName>
    <definedName name="rngRPQA_Range">OFFSET(keyColHdrAP,1,-1,MATCH("A",#REF!,0)-ROW(keyColHdrKey),3)</definedName>
    <definedName name="rngRPQA_Range2" localSheetId="3">OFFSET('Fig 6'!keyColHdrRP,1,0,MATCH("A",#REF!,0)-ROW('Fig 6'!keyColHdrKey),4)</definedName>
    <definedName name="rngRPQA_Range2">OFFSET(keyColHdrRP,1,0,MATCH("A",#REF!,0)-ROW(keyColHdrKey),4)</definedName>
    <definedName name="rngSelectedGas2" localSheetId="3">#REF!</definedName>
    <definedName name="rngSelectedGas2">'[1]BET Surface Area Report'!$H$31</definedName>
    <definedName name="rngSelectMethod" localSheetId="3">#REF!</definedName>
    <definedName name="rngSelectMethod">'[1]t-Plot'!$H$34</definedName>
    <definedName name="rngSheetName" localSheetId="3">#REF!</definedName>
    <definedName name="rngSheetName">#REF!</definedName>
    <definedName name="rngStart1" localSheetId="3">#REF!</definedName>
    <definedName name="rngStart1">#REF!</definedName>
    <definedName name="rngTesting1" localSheetId="3">OFFSET('Fig 6'!rngStart1,MATCH('Fig 6'!rngBETadjmin,#REF!,0)-1,0,MATCH('Fig 6'!rngBETadjmax,#REF!,0)-MATCH('Fig 6'!rngBETadjmin,#REF!,0)+1,3)</definedName>
    <definedName name="rngTesting1">OFFSET(rngStart1,MATCH(rngBETadjmin,'[1]BET Surface Area Report'!$F:$F,0)-1,0,MATCH(rngBETadjmax,'[1]BET Surface Area Report'!$F:$F,0)-MATCH(rngBETadjmin,'[1]BET Surface Area Report'!$F:$F,0)+1,3)</definedName>
    <definedName name="rngThicknessRP" localSheetId="3">#REF!</definedName>
    <definedName name="rngThicknessRP">[1]Parameters!$Q$2</definedName>
    <definedName name="rngThickRP1" localSheetId="3">OFFSET('Fig 6'!rngThicknessRP,1,0,COUNTA(#REF!)-1,1)</definedName>
    <definedName name="rngThickRP1">OFFSET(rngThicknessRP,1,0,COUNTA([1]Parameters!$Q:$Q)-1,1)</definedName>
    <definedName name="rngThickRP2" localSheetId="3">OFFSET('Fig 6'!rngThicknessRP,1,0,COUNTA(#REF!)-1,2)</definedName>
    <definedName name="rngThickRP2">OFFSET(rngThicknessRP,1,0,COUNTA([1]Parameters!$Q:$Q)-1,2)</definedName>
    <definedName name="rngTParameters" localSheetId="3">#REF!</definedName>
    <definedName name="rngTParameters">[1]Parameters!$L$2:$O$6</definedName>
    <definedName name="rngTPLOTadjmax" localSheetId="3">#REF!</definedName>
    <definedName name="rngTPLOTadjmax">'[1]t-Plot'!$H$7</definedName>
    <definedName name="rngTPLOTadjmin" localSheetId="3">#REF!</definedName>
    <definedName name="rngTPLOTadjmin">'[1]t-Plot'!$G$7</definedName>
    <definedName name="rngTPLOTCount01" localSheetId="3">#REF!</definedName>
    <definedName name="rngTPLOTCount01">'[1]t-Plot Overlays'!$A$17</definedName>
    <definedName name="rngTPLOTCount01a" localSheetId="3">#REF!</definedName>
    <definedName name="rngTPLOTCount01a">'[1]t-Plot Overlays'!$A$18</definedName>
    <definedName name="rngTPLOTCount01b" localSheetId="3">#REF!</definedName>
    <definedName name="rngTPLOTCount01b">'[1]t-Plot Overlays'!$A$19</definedName>
    <definedName name="rngTPLOTCount02" localSheetId="3">#REF!</definedName>
    <definedName name="rngTPLOTCount02">'[1]t-Plot Overlays'!$G$17</definedName>
    <definedName name="rngTPLOTCount02a" localSheetId="3">#REF!</definedName>
    <definedName name="rngTPLOTCount02a">'[1]t-Plot Overlays'!$G$18</definedName>
    <definedName name="rngTPLOTCount02b" localSheetId="3">#REF!</definedName>
    <definedName name="rngTPLOTCount02b">'[1]t-Plot Overlays'!$G$19</definedName>
    <definedName name="rngTPLOTCount03" localSheetId="3">#REF!</definedName>
    <definedName name="rngTPLOTCount03">'[1]t-Plot Overlays'!$M$17</definedName>
    <definedName name="rngTPLOTCount03a" localSheetId="3">#REF!</definedName>
    <definedName name="rngTPLOTCount03a">'[1]t-Plot Overlays'!$M$18</definedName>
    <definedName name="rngTPLOTCount03b" localSheetId="3">#REF!</definedName>
    <definedName name="rngTPLOTCount03b">'[1]t-Plot Overlays'!$M$19</definedName>
    <definedName name="rngTPLOTCount04" localSheetId="3">#REF!</definedName>
    <definedName name="rngTPLOTCount04">'[1]t-Plot Overlays'!$S$17</definedName>
    <definedName name="rngTPLOTCount04a" localSheetId="3">#REF!</definedName>
    <definedName name="rngTPLOTCount04a">'[1]t-Plot Overlays'!$S$18</definedName>
    <definedName name="rngTPLOTCount04b" localSheetId="3">#REF!</definedName>
    <definedName name="rngTPLOTCount04b">'[1]t-Plot Overlays'!$S$19</definedName>
    <definedName name="rngTPLOTCount05" localSheetId="3">#REF!</definedName>
    <definedName name="rngTPLOTCount05">'[1]t-Plot Overlays'!$Y$17</definedName>
    <definedName name="rngTPLOTCount05a" localSheetId="3">#REF!</definedName>
    <definedName name="rngTPLOTCount05a">'[1]t-Plot Overlays'!$Y$18</definedName>
    <definedName name="rngTPLOTCount05b" localSheetId="3">#REF!</definedName>
    <definedName name="rngTPLOTCount05b">'[1]t-Plot Overlays'!$Y$19</definedName>
    <definedName name="rngTPlotMax" localSheetId="3">#REF!</definedName>
    <definedName name="rngTPlotMax">'[1]t-Plot'!$H$8</definedName>
    <definedName name="rngTPlotmaxReal" localSheetId="3">#REF!</definedName>
    <definedName name="rngTPlotmaxReal">'[1]t-Plot'!$H$9</definedName>
    <definedName name="rngTPlotmin" localSheetId="3">#REF!</definedName>
    <definedName name="rngTPlotmin">'[1]t-Plot'!$G$8</definedName>
    <definedName name="rngTPlotminReal" localSheetId="3">#REF!</definedName>
    <definedName name="rngTPlotminReal">'[1]t-Plot'!$G$9</definedName>
    <definedName name="rngTPLOTOverlay01" localSheetId="3">#REF!</definedName>
    <definedName name="rngTPLOTOverlay01">'[1]t-Plot Overlays'!$C$14</definedName>
    <definedName name="rngTPLOTOverlay01X" localSheetId="3">OFFSET('Fig 6'!rngTPLOTCount01,0,2,'Fig 6'!rngTPLOTCount01,1)</definedName>
    <definedName name="rngTPLOTOverlay01X">OFFSET(rngTPLOTCount01,0,2,rngTPLOTCount01,1)</definedName>
    <definedName name="rngTPLOTOverlay01Xa" localSheetId="3">OFFSET('Fig 6'!rngTPLOTCount01,'Fig 6'!rngTPLOTCount01b,3,'Fig 6'!rngTPLOTCount01a,1)</definedName>
    <definedName name="rngTPLOTOverlay01Xa">OFFSET(rngTPLOTCount01,rngTPLOTCount01b,3,rngTPLOTCount01a,1)</definedName>
    <definedName name="rngTPLOTOverlay01Y" localSheetId="3">OFFSET('Fig 6'!rngTPLOTCount01,0,4,'Fig 6'!rngTPLOTCount01,1)</definedName>
    <definedName name="rngTPLOTOverlay01Y">OFFSET(rngTPLOTCount01,0,4,rngTPLOTCount01,1)</definedName>
    <definedName name="rngTPLOTOverlay01Ya" localSheetId="3">OFFSET('Fig 6'!rngTPLOTCount01,'Fig 6'!rngTPLOTCount01b,4,'Fig 6'!rngTPLOTCount01a,1)</definedName>
    <definedName name="rngTPLOTOverlay01Ya">OFFSET(rngTPLOTCount01,rngTPLOTCount01b,4,rngTPLOTCount01a,1)</definedName>
    <definedName name="rngTPLOTOverlay02" localSheetId="3">#REF!</definedName>
    <definedName name="rngTPLOTOverlay02">'[1]t-Plot Overlays'!$I$14</definedName>
    <definedName name="rngTPLOTOverlay02X" localSheetId="3">OFFSET('Fig 6'!rngTPLOTCount02,0,2,'Fig 6'!rngTPLOTCount02,1)</definedName>
    <definedName name="rngTPLOTOverlay02X">OFFSET(rngTPLOTCount02,0,2,rngTPLOTCount02,1)</definedName>
    <definedName name="rngTPLOTOverlay02Xa" localSheetId="3">OFFSET('Fig 6'!rngTPLOTCount02,'Fig 6'!rngTPLOTCount02b,3,'Fig 6'!rngTPLOTCount02a,1)</definedName>
    <definedName name="rngTPLOTOverlay02Xa">OFFSET(rngTPLOTCount02,rngTPLOTCount02b,3,rngTPLOTCount02a,1)</definedName>
    <definedName name="rngTPLOTOverlay02Y" localSheetId="3">OFFSET('Fig 6'!rngTPLOTCount02,0,4,'Fig 6'!rngTPLOTCount02,1)</definedName>
    <definedName name="rngTPLOTOverlay02Y">OFFSET(rngTPLOTCount02,0,4,rngTPLOTCount02,1)</definedName>
    <definedName name="rngTPLOTOverlay02Ya" localSheetId="3">OFFSET('Fig 6'!rngTPLOTCount02,'Fig 6'!rngTPLOTCount02b,4,'Fig 6'!rngTPLOTCount02a,1)</definedName>
    <definedName name="rngTPLOTOverlay02Ya">OFFSET(rngTPLOTCount02,rngTPLOTCount02b,4,rngTPLOTCount02a,1)</definedName>
    <definedName name="rngTPLOTOverlay03" localSheetId="3">#REF!</definedName>
    <definedName name="rngTPLOTOverlay03">'[1]t-Plot Overlays'!$O$14</definedName>
    <definedName name="rngTPLOTOverlay03X" localSheetId="3">OFFSET('Fig 6'!rngTPLOTCount03,0,2,'Fig 6'!rngTPLOTCount03,1)</definedName>
    <definedName name="rngTPLOTOverlay03X">OFFSET(rngTPLOTCount03,0,2,rngTPLOTCount03,1)</definedName>
    <definedName name="rngTPLOTOverlay03Xa" localSheetId="3">OFFSET('Fig 6'!rngTPLOTCount03,'Fig 6'!rngTPLOTCount03b,3,'Fig 6'!rngTPLOTCount03a,1)</definedName>
    <definedName name="rngTPLOTOverlay03Xa">OFFSET(rngTPLOTCount03,rngTPLOTCount03b,3,rngTPLOTCount03a,1)</definedName>
    <definedName name="rngTPLOTOverlay03Y" localSheetId="3">OFFSET('Fig 6'!rngTPLOTCount03,0,4,'Fig 6'!rngTPLOTCount03,1)</definedName>
    <definedName name="rngTPLOTOverlay03Y">OFFSET(rngTPLOTCount03,0,4,rngTPLOTCount03,1)</definedName>
    <definedName name="rngTPLOTOverlay03Ya" localSheetId="3">OFFSET('Fig 6'!rngTPLOTCount03,'Fig 6'!rngTPLOTCount03b,4,'Fig 6'!rngTPLOTCount03a,1)</definedName>
    <definedName name="rngTPLOTOverlay03Ya">OFFSET(rngTPLOTCount03,rngTPLOTCount03b,4,rngTPLOTCount03a,1)</definedName>
    <definedName name="rngTPLOTOverlay04" localSheetId="3">#REF!</definedName>
    <definedName name="rngTPLOTOverlay04">'[1]t-Plot Overlays'!$U$14</definedName>
    <definedName name="rngTPLOTOverlay04X" localSheetId="3">OFFSET('Fig 6'!rngTPLOTCount04,0,2,'Fig 6'!rngTPLOTCount04,1)</definedName>
    <definedName name="rngTPLOTOverlay04X">OFFSET(rngTPLOTCount04,0,2,rngTPLOTCount04,1)</definedName>
    <definedName name="rngTPLOTOverlay04Xa" localSheetId="3">OFFSET('Fig 6'!rngTPLOTCount04,'Fig 6'!rngTPLOTCount04b,3,'Fig 6'!rngTPLOTCount04a,1)</definedName>
    <definedName name="rngTPLOTOverlay04Xa">OFFSET(rngTPLOTCount04,rngTPLOTCount04b,3,rngTPLOTCount04a,1)</definedName>
    <definedName name="rngTPLOTOverlay04Y" localSheetId="3">OFFSET('Fig 6'!rngTPLOTCount04,0,4,'Fig 6'!rngTPLOTCount04,1)</definedName>
    <definedName name="rngTPLOTOverlay04Y">OFFSET(rngTPLOTCount04,0,4,rngTPLOTCount04,1)</definedName>
    <definedName name="rngTPLOTOverlay04Ya" localSheetId="3">OFFSET('Fig 6'!rngTPLOTCount04,'Fig 6'!rngTPLOTCount04b,4,'Fig 6'!rngTPLOTCount04a,1)</definedName>
    <definedName name="rngTPLOTOverlay04Ya">OFFSET(rngTPLOTCount04,rngTPLOTCount04b,4,rngTPLOTCount04a,1)</definedName>
    <definedName name="rngTPLOTOverlay05" localSheetId="3">#REF!</definedName>
    <definedName name="rngTPLOTOverlay05">'[1]t-Plot Overlays'!$AA$14</definedName>
    <definedName name="rngTPLOTOverlay05X" localSheetId="3">OFFSET('Fig 6'!rngTPLOTCount05,0,2,'Fig 6'!rngTPLOTCount05,1)</definedName>
    <definedName name="rngTPLOTOverlay05X">OFFSET(rngTPLOTCount05,0,2,rngTPLOTCount05,1)</definedName>
    <definedName name="rngTPLOTOverlay05Xa" localSheetId="3">OFFSET('Fig 6'!rngTPLOTCount05,'Fig 6'!rngTPLOTCount05b,3,'Fig 6'!rngTPLOTCount05a,1)</definedName>
    <definedName name="rngTPLOTOverlay05Xa">OFFSET(rngTPLOTCount05,rngTPLOTCount05b,3,rngTPLOTCount05a,1)</definedName>
    <definedName name="rngTPLOTOverlay05Y" localSheetId="3">OFFSET('Fig 6'!rngTPLOTCount05,0,4,'Fig 6'!rngTPLOTCount05,1)</definedName>
    <definedName name="rngTPLOTOverlay05Y">OFFSET(rngTPLOTCount05,0,4,rngTPLOTCount05,1)</definedName>
    <definedName name="rngTPLOTOverlay05Ya" localSheetId="3">OFFSET('Fig 6'!rngTPLOTCount05,'Fig 6'!rngTPLOTCount05b,4,'Fig 6'!rngTPLOTCount05a,1)</definedName>
    <definedName name="rngTPLOTOverlay05Ya">OFFSET(rngTPLOTCount05,rngTPLOTCount05b,4,rngTPLOTCount05a,1)</definedName>
    <definedName name="rngTPLOTPrCnt2" localSheetId="3">#REF!</definedName>
    <definedName name="rngTPLOTPrCnt2">'[1]t-Plot'!$E$46</definedName>
    <definedName name="rngTPLOTPrCnt3" localSheetId="3">#REF!</definedName>
    <definedName name="rngTPLOTPrCnt3">'[1]t-Plot'!$E$47</definedName>
    <definedName name="rngTPLOTRP" localSheetId="3">#REF!</definedName>
    <definedName name="rngTPLOTRP">'[1]t-Plot'!$F$44</definedName>
    <definedName name="rngWorksheets" localSheetId="3">#REF!</definedName>
    <definedName name="rngWorksheets">[1]Parameters!$I$2</definedName>
    <definedName name="SelectedGAS" localSheetId="3">#REF!</definedName>
    <definedName name="SelectedGAS">#REF!</definedName>
    <definedName name="ThicknessType" localSheetId="3">#REF!</definedName>
    <definedName name="ThicknessType">[1]Parameters!$L$3:$L$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31" uniqueCount="40">
  <si>
    <t>Dataset</t>
  </si>
  <si>
    <t>p/p0</t>
  </si>
  <si>
    <t>V (cm3/g STP)</t>
  </si>
  <si>
    <t>CO2</t>
  </si>
  <si>
    <t>Sample</t>
  </si>
  <si>
    <t>Corresponding author: *Seyed Ali Nabavi (s.nabavi@cranfield.ac.uk)</t>
  </si>
  <si>
    <t>Centre for Climate and Environmental Protection, Cranfield University, Bedford, Bedfordshire MK43 0AL, UK</t>
  </si>
  <si>
    <t>-196 C</t>
  </si>
  <si>
    <t>Nitrogen Gas</t>
  </si>
  <si>
    <t>Temp</t>
  </si>
  <si>
    <t>Gas</t>
  </si>
  <si>
    <t>SBA-P</t>
  </si>
  <si>
    <t>20BE0LU</t>
  </si>
  <si>
    <t>25BE0LU</t>
  </si>
  <si>
    <t>30BE0LU</t>
  </si>
  <si>
    <t>20BE5LU</t>
  </si>
  <si>
    <t>25BE5LU</t>
  </si>
  <si>
    <t>20BE10LU</t>
  </si>
  <si>
    <t>20BE0LU-TA</t>
  </si>
  <si>
    <t>20BE5LU-TA</t>
  </si>
  <si>
    <t>25BE0LU-TA</t>
  </si>
  <si>
    <t>20BE10LU-TA</t>
  </si>
  <si>
    <t>SBA-P-TA</t>
  </si>
  <si>
    <t>Wt%</t>
  </si>
  <si>
    <t>TGA Stability Measurements</t>
  </si>
  <si>
    <r>
      <t>Temp (</t>
    </r>
    <r>
      <rPr>
        <b/>
        <sz val="11"/>
        <color theme="1"/>
        <rFont val="Calibri"/>
        <family val="2"/>
      </rPr>
      <t>°C)</t>
    </r>
  </si>
  <si>
    <t>p (kPa)</t>
  </si>
  <si>
    <t>q (mmol/g)</t>
  </si>
  <si>
    <t>SBA-P-TA-N2</t>
  </si>
  <si>
    <t>SBA-P-TA-CH4</t>
  </si>
  <si>
    <t>25BE0LU-TA-N2</t>
  </si>
  <si>
    <t>25BE0LU-TA-CH4</t>
  </si>
  <si>
    <t>mmol/g</t>
  </si>
  <si>
    <t>Time (min)</t>
  </si>
  <si>
    <t>Mass (mg)</t>
  </si>
  <si>
    <t>Formulation, Adsorption Performance, and Mechanical Integrity of Triamine Grafted Binder-Based Mesoporous Silica Pellets for CO2 Capture</t>
  </si>
  <si>
    <r>
      <t>BasilWadi</t>
    </r>
    <r>
      <rPr>
        <vertAlign val="superscript"/>
        <sz val="16"/>
        <color rgb="FF0000FF"/>
        <rFont val="Times New Roman"/>
        <family val="1"/>
      </rPr>
      <t>a</t>
    </r>
    <r>
      <rPr>
        <sz val="16"/>
        <color rgb="FF222222"/>
        <rFont val="Times New Roman"/>
        <family val="1"/>
      </rPr>
      <t>AnisaMahomed</t>
    </r>
    <r>
      <rPr>
        <vertAlign val="superscript"/>
        <sz val="16"/>
        <color rgb="FF0000FF"/>
        <rFont val="Times New Roman"/>
        <family val="1"/>
      </rPr>
      <t>b</t>
    </r>
    <r>
      <rPr>
        <sz val="16"/>
        <color rgb="FF222222"/>
        <rFont val="Times New Roman"/>
        <family val="1"/>
      </rPr>
      <t>YangBai</t>
    </r>
    <r>
      <rPr>
        <vertAlign val="superscript"/>
        <sz val="16"/>
        <color rgb="FF0000FF"/>
        <rFont val="Times New Roman"/>
        <family val="1"/>
      </rPr>
      <t>b</t>
    </r>
    <r>
      <rPr>
        <sz val="16"/>
        <color rgb="FF222222"/>
        <rFont val="Times New Roman"/>
        <family val="1"/>
      </rPr>
      <t>AminOsatiashtiani</t>
    </r>
    <r>
      <rPr>
        <vertAlign val="superscript"/>
        <sz val="16"/>
        <color rgb="FF0000FF"/>
        <rFont val="Times New Roman"/>
        <family val="1"/>
      </rPr>
      <t>b</t>
    </r>
    <r>
      <rPr>
        <sz val="16"/>
        <color rgb="FF222222"/>
        <rFont val="Times New Roman"/>
        <family val="1"/>
      </rPr>
      <t>VasilijeManovic</t>
    </r>
    <r>
      <rPr>
        <vertAlign val="superscript"/>
        <sz val="16"/>
        <color rgb="FF0000FF"/>
        <rFont val="Times New Roman"/>
        <family val="1"/>
      </rPr>
      <t>a</t>
    </r>
    <r>
      <rPr>
        <sz val="16"/>
        <color rgb="FF222222"/>
        <rFont val="Times New Roman"/>
        <family val="1"/>
      </rPr>
      <t>Seyed AliNabavi</t>
    </r>
  </si>
  <si>
    <t>Nitrogen</t>
  </si>
  <si>
    <t>N2 and CH4</t>
  </si>
  <si>
    <r>
      <t>b</t>
    </r>
    <r>
      <rPr>
        <i/>
        <sz val="16"/>
        <color rgb="FF222222"/>
        <rFont val="Times New Roman"/>
        <family val="1"/>
      </rPr>
      <t>Chemical Engineering and Applied Chemistry, College of Engineering and Physical Sciences, Aston University, Aston Triangle, Birmingham B4 7ET, UK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.0000"/>
    <numFmt numFmtId="165" formatCode="0.000"/>
  </numFmts>
  <fonts count="21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11"/>
      <name val="Calibri"/>
      <family val="2"/>
      <scheme val="minor"/>
    </font>
    <font>
      <sz val="10"/>
      <name val="Arial"/>
      <family val="2"/>
    </font>
    <font>
      <b/>
      <sz val="16"/>
      <color theme="1"/>
      <name val="Arial"/>
      <family val="2"/>
    </font>
    <font>
      <b/>
      <sz val="20"/>
      <color theme="1"/>
      <name val="Arial"/>
      <family val="2"/>
    </font>
    <font>
      <i/>
      <sz val="16"/>
      <color theme="1"/>
      <name val="Arial"/>
      <family val="2"/>
    </font>
    <font>
      <sz val="14"/>
      <color theme="1"/>
      <name val="Arial"/>
      <family val="2"/>
    </font>
    <font>
      <sz val="12"/>
      <color theme="1"/>
      <name val="Arial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000000"/>
      <name val="Calibri"/>
      <family val="2"/>
      <scheme val="minor"/>
    </font>
    <font>
      <sz val="11"/>
      <color indexed="10"/>
      <name val="Calibri"/>
      <family val="2"/>
      <scheme val="minor"/>
    </font>
    <font>
      <b/>
      <sz val="11"/>
      <color theme="1"/>
      <name val="Calibri"/>
      <family val="2"/>
    </font>
    <font>
      <i/>
      <sz val="14"/>
      <color theme="1"/>
      <name val="Times New Roman"/>
      <family val="1"/>
    </font>
    <font>
      <sz val="16"/>
      <color theme="1"/>
      <name val="Times New Roman"/>
      <family val="1"/>
    </font>
    <font>
      <i/>
      <sz val="16"/>
      <color theme="1"/>
      <name val="Times New Roman"/>
      <family val="1"/>
    </font>
    <font>
      <sz val="16"/>
      <color rgb="FF222222"/>
      <name val="Times New Roman"/>
      <family val="1"/>
    </font>
    <font>
      <vertAlign val="superscript"/>
      <sz val="16"/>
      <color rgb="FF0000FF"/>
      <name val="Times New Roman"/>
      <family val="1"/>
    </font>
    <font>
      <b/>
      <sz val="16"/>
      <color rgb="FF323130"/>
      <name val="Times New Roman"/>
      <family val="1"/>
    </font>
    <font>
      <i/>
      <sz val="16"/>
      <color rgb="FF222222"/>
      <name val="Times New Roman"/>
      <family val="1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8">
    <xf numFmtId="0" fontId="0" fillId="0" borderId="0"/>
    <xf numFmtId="0" fontId="1" fillId="0" borderId="0"/>
    <xf numFmtId="0" fontId="3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</cellStyleXfs>
  <cellXfs count="44">
    <xf numFmtId="0" fontId="0" fillId="0" borderId="0" xfId="0"/>
    <xf numFmtId="0" fontId="1" fillId="2" borderId="0" xfId="1" applyFill="1"/>
    <xf numFmtId="0" fontId="4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center" vertical="center"/>
    </xf>
    <xf numFmtId="0" fontId="6" fillId="0" borderId="0" xfId="1" applyFont="1" applyAlignment="1">
      <alignment horizontal="center" vertical="center"/>
    </xf>
    <xf numFmtId="0" fontId="7" fillId="2" borderId="0" xfId="1" applyFont="1" applyFill="1" applyAlignment="1">
      <alignment horizontal="justify" vertical="center" wrapText="1"/>
    </xf>
    <xf numFmtId="0" fontId="8" fillId="2" borderId="0" xfId="1" applyFont="1" applyFill="1" applyAlignment="1">
      <alignment horizontal="justify" vertical="center"/>
    </xf>
    <xf numFmtId="0" fontId="10" fillId="2" borderId="0" xfId="0" applyFont="1" applyFill="1"/>
    <xf numFmtId="0" fontId="0" fillId="0" borderId="0" xfId="0" applyAlignment="1">
      <alignment horizontal="center"/>
    </xf>
    <xf numFmtId="165" fontId="0" fillId="0" borderId="0" xfId="0" applyNumberFormat="1" applyAlignment="1">
      <alignment horizontal="center"/>
    </xf>
    <xf numFmtId="2" fontId="0" fillId="0" borderId="0" xfId="0" applyNumberFormat="1" applyAlignment="1">
      <alignment horizontal="center"/>
    </xf>
    <xf numFmtId="0" fontId="10" fillId="0" borderId="0" xfId="0" applyFont="1"/>
    <xf numFmtId="0" fontId="0" fillId="0" borderId="0" xfId="1" applyFont="1"/>
    <xf numFmtId="0" fontId="0" fillId="0" borderId="0" xfId="0" applyFont="1"/>
    <xf numFmtId="0" fontId="10" fillId="0" borderId="0" xfId="1" applyFont="1"/>
    <xf numFmtId="164" fontId="12" fillId="0" borderId="0" xfId="2" applyNumberFormat="1" applyFont="1" applyAlignment="1">
      <alignment horizontal="center" vertical="center" wrapText="1"/>
    </xf>
    <xf numFmtId="0" fontId="10" fillId="0" borderId="0" xfId="1" applyFont="1" applyBorder="1"/>
    <xf numFmtId="0" fontId="0" fillId="0" borderId="0" xfId="0" applyFont="1" applyBorder="1"/>
    <xf numFmtId="165" fontId="10" fillId="0" borderId="0" xfId="1" applyNumberFormat="1" applyFont="1"/>
    <xf numFmtId="0" fontId="10" fillId="0" borderId="0" xfId="1" applyFont="1" applyAlignment="1">
      <alignment horizontal="center"/>
    </xf>
    <xf numFmtId="165" fontId="0" fillId="0" borderId="0" xfId="1" applyNumberFormat="1" applyFont="1"/>
    <xf numFmtId="165" fontId="0" fillId="0" borderId="0" xfId="0" applyNumberFormat="1" applyFont="1"/>
    <xf numFmtId="165" fontId="2" fillId="0" borderId="0" xfId="2" applyNumberFormat="1" applyFont="1" applyAlignment="1">
      <alignment horizontal="center" vertical="center" wrapText="1"/>
    </xf>
    <xf numFmtId="165" fontId="0" fillId="0" borderId="0" xfId="1" applyNumberFormat="1" applyFont="1" applyBorder="1"/>
    <xf numFmtId="0" fontId="10" fillId="0" borderId="0" xfId="0" applyFont="1" applyAlignment="1">
      <alignment horizontal="center"/>
    </xf>
    <xf numFmtId="0" fontId="0" fillId="0" borderId="0" xfId="0" applyFont="1" applyAlignment="1">
      <alignment horizontal="center"/>
    </xf>
    <xf numFmtId="165" fontId="0" fillId="0" borderId="0" xfId="0" applyNumberFormat="1" applyFont="1" applyAlignment="1">
      <alignment horizontal="center"/>
    </xf>
    <xf numFmtId="165" fontId="2" fillId="0" borderId="0" xfId="0" applyNumberFormat="1" applyFont="1" applyAlignment="1">
      <alignment horizontal="center"/>
    </xf>
    <xf numFmtId="0" fontId="11" fillId="0" borderId="0" xfId="0" applyFont="1" applyAlignment="1">
      <alignment horizontal="center" vertical="center" wrapText="1"/>
    </xf>
    <xf numFmtId="165" fontId="2" fillId="0" borderId="0" xfId="0" applyNumberFormat="1" applyFont="1" applyAlignment="1">
      <alignment horizontal="center" vertical="center" wrapText="1"/>
    </xf>
    <xf numFmtId="0" fontId="0" fillId="0" borderId="0" xfId="4" applyFont="1" applyAlignment="1">
      <alignment horizontal="center"/>
    </xf>
    <xf numFmtId="165" fontId="2" fillId="0" borderId="0" xfId="4" applyNumberFormat="1" applyFont="1" applyAlignment="1">
      <alignment horizontal="center"/>
    </xf>
    <xf numFmtId="165" fontId="0" fillId="0" borderId="0" xfId="1" applyNumberFormat="1" applyFont="1" applyAlignment="1">
      <alignment horizontal="center"/>
    </xf>
    <xf numFmtId="0" fontId="0" fillId="0" borderId="0" xfId="1" applyFont="1" applyAlignment="1">
      <alignment horizontal="center"/>
    </xf>
    <xf numFmtId="165" fontId="10" fillId="0" borderId="0" xfId="1" applyNumberFormat="1" applyFont="1" applyAlignment="1">
      <alignment horizontal="center"/>
    </xf>
    <xf numFmtId="0" fontId="0" fillId="0" borderId="0" xfId="5" applyFont="1" applyAlignment="1">
      <alignment horizontal="center"/>
    </xf>
    <xf numFmtId="0" fontId="0" fillId="0" borderId="0" xfId="7" applyFont="1" applyAlignment="1">
      <alignment horizontal="center"/>
    </xf>
    <xf numFmtId="0" fontId="10" fillId="0" borderId="0" xfId="0" quotePrefix="1" applyFont="1"/>
    <xf numFmtId="0" fontId="10" fillId="0" borderId="0" xfId="0" applyFont="1" applyAlignment="1">
      <alignment horizontal="left"/>
    </xf>
    <xf numFmtId="0" fontId="14" fillId="2" borderId="0" xfId="1" applyFont="1" applyFill="1" applyAlignment="1">
      <alignment horizontal="center" vertical="center"/>
    </xf>
    <xf numFmtId="0" fontId="15" fillId="2" borderId="0" xfId="1" applyFont="1" applyFill="1" applyAlignment="1">
      <alignment horizontal="center" vertical="center"/>
    </xf>
    <xf numFmtId="0" fontId="16" fillId="2" borderId="0" xfId="1" applyFont="1" applyFill="1" applyAlignment="1">
      <alignment horizontal="center" vertical="center"/>
    </xf>
    <xf numFmtId="0" fontId="17" fillId="0" borderId="0" xfId="0" applyFont="1" applyAlignment="1">
      <alignment horizontal="center"/>
    </xf>
    <xf numFmtId="0" fontId="19" fillId="0" borderId="0" xfId="0" applyFont="1" applyAlignment="1">
      <alignment horizontal="center"/>
    </xf>
  </cellXfs>
  <cellStyles count="8">
    <cellStyle name="Normal" xfId="0" builtinId="0"/>
    <cellStyle name="Normal 11" xfId="3" xr:uid="{8B956377-FED0-41B4-B6ED-A4E6AED6D8A3}"/>
    <cellStyle name="Normal 2_DPL_Regression-AR-1-25-12" xfId="2" xr:uid="{E8EA1043-A04D-4F57-AC05-4EA36C2A0763}"/>
    <cellStyle name="Normal 3" xfId="6" xr:uid="{FD12A7E3-D1C6-4A42-A2FD-C3BF5A187711}"/>
    <cellStyle name="Normal 3 2" xfId="1" xr:uid="{00000000-0005-0000-0000-000001000000}"/>
    <cellStyle name="Normal 6" xfId="7" xr:uid="{1DA70809-7A6E-40BD-8F1E-FD2F6B910ACB}"/>
    <cellStyle name="Normal 7" xfId="5" xr:uid="{00150B2F-C39F-4832-AC47-9CDFED1D4C80}"/>
    <cellStyle name="Normal 8" xfId="4" xr:uid="{0EABBA33-219B-4E96-9AEA-8AC2E972701D}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3.xm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4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4.xml"/></Relationships>
</file>

<file path=xl/charts/_rels/chart6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5.xm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7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6.xm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8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7.xml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0"/>
          <c:order val="0"/>
          <c:tx>
            <c:strRef>
              <c:f>'Fig 1'!$B$15</c:f>
              <c:strCache>
                <c:ptCount val="1"/>
                <c:pt idx="0">
                  <c:v>SBA-P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'!$B$17:$B$50</c:f>
              <c:numCache>
                <c:formatCode>0.00</c:formatCode>
                <c:ptCount val="34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8675321999999999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'!$C$17:$C$50</c:f>
              <c:numCache>
                <c:formatCode>0.00</c:formatCode>
                <c:ptCount val="34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24.63823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13E6-4041-8E0D-25974592C136}"/>
            </c:ext>
          </c:extLst>
        </c:ser>
        <c:ser>
          <c:idx val="1"/>
          <c:order val="1"/>
          <c:tx>
            <c:strRef>
              <c:f>'Fig 1'!$E$15</c:f>
              <c:strCache>
                <c:ptCount val="1"/>
                <c:pt idx="0">
                  <c:v>20BE0LU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'!$E$17:$E$46</c:f>
              <c:numCache>
                <c:formatCode>0.00</c:formatCode>
                <c:ptCount val="30"/>
                <c:pt idx="0">
                  <c:v>2.0053399999999999E-2</c:v>
                </c:pt>
                <c:pt idx="1">
                  <c:v>0.13870047999999999</c:v>
                </c:pt>
                <c:pt idx="2">
                  <c:v>0.37460248000000002</c:v>
                </c:pt>
                <c:pt idx="3">
                  <c:v>0.61269101999999998</c:v>
                </c:pt>
                <c:pt idx="4">
                  <c:v>0.73152795000000004</c:v>
                </c:pt>
                <c:pt idx="5">
                  <c:v>0.78258232999999999</c:v>
                </c:pt>
                <c:pt idx="6">
                  <c:v>0.79342400999999996</c:v>
                </c:pt>
                <c:pt idx="7">
                  <c:v>0.79818646000000004</c:v>
                </c:pt>
                <c:pt idx="8">
                  <c:v>0.80395970000000005</c:v>
                </c:pt>
                <c:pt idx="9">
                  <c:v>0.81273483000000002</c:v>
                </c:pt>
                <c:pt idx="10">
                  <c:v>0.87178164999999996</c:v>
                </c:pt>
                <c:pt idx="11">
                  <c:v>0.95631144999999995</c:v>
                </c:pt>
                <c:pt idx="12">
                  <c:v>0.98468047000000003</c:v>
                </c:pt>
                <c:pt idx="13">
                  <c:v>0.80718593999999999</c:v>
                </c:pt>
                <c:pt idx="14">
                  <c:v>0.74294176000000001</c:v>
                </c:pt>
                <c:pt idx="15">
                  <c:v>0.73412012999999998</c:v>
                </c:pt>
                <c:pt idx="16">
                  <c:v>0.72508041000000001</c:v>
                </c:pt>
                <c:pt idx="17">
                  <c:v>0.69941969999999998</c:v>
                </c:pt>
                <c:pt idx="18">
                  <c:v>0.58367294000000003</c:v>
                </c:pt>
                <c:pt idx="19">
                  <c:v>0.44463635000000001</c:v>
                </c:pt>
                <c:pt idx="20">
                  <c:v>0.33018887000000002</c:v>
                </c:pt>
                <c:pt idx="21">
                  <c:v>0.24595014000000001</c:v>
                </c:pt>
                <c:pt idx="22">
                  <c:v>0.18742458000000001</c:v>
                </c:pt>
                <c:pt idx="23">
                  <c:v>0.14701231000000001</c:v>
                </c:pt>
                <c:pt idx="24">
                  <c:v>0.11989882</c:v>
                </c:pt>
                <c:pt idx="25">
                  <c:v>0.10057985999999999</c:v>
                </c:pt>
                <c:pt idx="26">
                  <c:v>8.7167330000000001E-2</c:v>
                </c:pt>
                <c:pt idx="27">
                  <c:v>0.11933952142152024</c:v>
                </c:pt>
                <c:pt idx="28">
                  <c:v>9.4415195261599208E-2</c:v>
                </c:pt>
              </c:numCache>
            </c:numRef>
          </c:xVal>
          <c:yVal>
            <c:numRef>
              <c:f>'Fig 1'!$F$17:$F$46</c:f>
              <c:numCache>
                <c:formatCode>0.00</c:formatCode>
                <c:ptCount val="30"/>
                <c:pt idx="0">
                  <c:v>63.929040000000001</c:v>
                </c:pt>
                <c:pt idx="1">
                  <c:v>97.072640000000007</c:v>
                </c:pt>
                <c:pt idx="2">
                  <c:v>133.94837999999999</c:v>
                </c:pt>
                <c:pt idx="3">
                  <c:v>182.91884999999999</c:v>
                </c:pt>
                <c:pt idx="4">
                  <c:v>235.82064</c:v>
                </c:pt>
                <c:pt idx="5">
                  <c:v>293.85566</c:v>
                </c:pt>
                <c:pt idx="6">
                  <c:v>357.85415</c:v>
                </c:pt>
                <c:pt idx="7">
                  <c:v>421.50456000000003</c:v>
                </c:pt>
                <c:pt idx="8">
                  <c:v>485.46444000000002</c:v>
                </c:pt>
                <c:pt idx="9">
                  <c:v>547.56674999999996</c:v>
                </c:pt>
                <c:pt idx="10">
                  <c:v>592.67420000000004</c:v>
                </c:pt>
                <c:pt idx="11">
                  <c:v>622.01522</c:v>
                </c:pt>
                <c:pt idx="12">
                  <c:v>657.37728000000004</c:v>
                </c:pt>
                <c:pt idx="13">
                  <c:v>583.71579999999994</c:v>
                </c:pt>
                <c:pt idx="14">
                  <c:v>499.39506</c:v>
                </c:pt>
                <c:pt idx="15">
                  <c:v>406.91739999999999</c:v>
                </c:pt>
                <c:pt idx="16">
                  <c:v>315.59980999999999</c:v>
                </c:pt>
                <c:pt idx="17">
                  <c:v>230.76685000000001</c:v>
                </c:pt>
                <c:pt idx="18">
                  <c:v>177.24829</c:v>
                </c:pt>
                <c:pt idx="19">
                  <c:v>148.35307</c:v>
                </c:pt>
                <c:pt idx="20">
                  <c:v>128.10087999999999</c:v>
                </c:pt>
                <c:pt idx="21">
                  <c:v>115.59005000000001</c:v>
                </c:pt>
                <c:pt idx="22">
                  <c:v>106.69421</c:v>
                </c:pt>
                <c:pt idx="23">
                  <c:v>100.26421000000001</c:v>
                </c:pt>
                <c:pt idx="24">
                  <c:v>95.481430000000003</c:v>
                </c:pt>
                <c:pt idx="25">
                  <c:v>91.801879999999997</c:v>
                </c:pt>
                <c:pt idx="26">
                  <c:v>89.017080000000007</c:v>
                </c:pt>
                <c:pt idx="27">
                  <c:v>72.453140000000005</c:v>
                </c:pt>
                <c:pt idx="28">
                  <c:v>67.746189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13E6-4041-8E0D-25974592C136}"/>
            </c:ext>
          </c:extLst>
        </c:ser>
        <c:ser>
          <c:idx val="2"/>
          <c:order val="2"/>
          <c:tx>
            <c:strRef>
              <c:f>'Fig 1'!$H$15</c:f>
              <c:strCache>
                <c:ptCount val="1"/>
                <c:pt idx="0">
                  <c:v>25BE0LU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'!$H$17:$H$51</c:f>
              <c:numCache>
                <c:formatCode>0.00</c:formatCode>
                <c:ptCount val="35"/>
                <c:pt idx="0">
                  <c:v>3.9694800000000001E-3</c:v>
                </c:pt>
                <c:pt idx="1">
                  <c:v>6.7676630000000002E-2</c:v>
                </c:pt>
                <c:pt idx="2">
                  <c:v>0.18709964000000001</c:v>
                </c:pt>
                <c:pt idx="3">
                  <c:v>0.40418965000000001</c:v>
                </c:pt>
                <c:pt idx="4">
                  <c:v>0.59686055999999998</c:v>
                </c:pt>
                <c:pt idx="5">
                  <c:v>0.71122841000000003</c:v>
                </c:pt>
                <c:pt idx="6">
                  <c:v>0.76718242999999997</c:v>
                </c:pt>
                <c:pt idx="7">
                  <c:v>0.78776036000000005</c:v>
                </c:pt>
                <c:pt idx="8">
                  <c:v>0.79358269999999997</c:v>
                </c:pt>
                <c:pt idx="9">
                  <c:v>0.79819642000000002</c:v>
                </c:pt>
                <c:pt idx="10">
                  <c:v>0.80284027000000002</c:v>
                </c:pt>
                <c:pt idx="11">
                  <c:v>0.80858964</c:v>
                </c:pt>
                <c:pt idx="12">
                  <c:v>0.82937181999999998</c:v>
                </c:pt>
                <c:pt idx="13">
                  <c:v>0.90657611000000005</c:v>
                </c:pt>
                <c:pt idx="14">
                  <c:v>0.96555155999999998</c:v>
                </c:pt>
                <c:pt idx="15">
                  <c:v>0.98857554999999997</c:v>
                </c:pt>
                <c:pt idx="16">
                  <c:v>0.98857554999999997</c:v>
                </c:pt>
                <c:pt idx="17">
                  <c:v>0.95489623999999995</c:v>
                </c:pt>
                <c:pt idx="18">
                  <c:v>0.88888948000000001</c:v>
                </c:pt>
                <c:pt idx="19">
                  <c:v>0.82290711000000005</c:v>
                </c:pt>
                <c:pt idx="20">
                  <c:v>0.77280028999999995</c:v>
                </c:pt>
                <c:pt idx="21">
                  <c:v>0.75528083000000001</c:v>
                </c:pt>
                <c:pt idx="22">
                  <c:v>0.74795816999999998</c:v>
                </c:pt>
                <c:pt idx="23">
                  <c:v>0.74432518999999997</c:v>
                </c:pt>
                <c:pt idx="24">
                  <c:v>0.74117111000000002</c:v>
                </c:pt>
                <c:pt idx="25">
                  <c:v>0.73523896</c:v>
                </c:pt>
                <c:pt idx="26">
                  <c:v>0.72559556999999997</c:v>
                </c:pt>
                <c:pt idx="27">
                  <c:v>0.69046551</c:v>
                </c:pt>
                <c:pt idx="28">
                  <c:v>0.59444169999999996</c:v>
                </c:pt>
                <c:pt idx="29">
                  <c:v>0.47012952000000002</c:v>
                </c:pt>
                <c:pt idx="30">
                  <c:v>0.36112424999999998</c:v>
                </c:pt>
                <c:pt idx="31">
                  <c:v>0.27631868999999998</c:v>
                </c:pt>
                <c:pt idx="32">
                  <c:v>0.21476161999999999</c:v>
                </c:pt>
                <c:pt idx="33">
                  <c:v>0.17061548000000001</c:v>
                </c:pt>
                <c:pt idx="34">
                  <c:v>0.13940923999999999</c:v>
                </c:pt>
              </c:numCache>
            </c:numRef>
          </c:xVal>
          <c:yVal>
            <c:numRef>
              <c:f>'Fig 1'!$I$17:$I$51</c:f>
              <c:numCache>
                <c:formatCode>0.00</c:formatCode>
                <c:ptCount val="35"/>
                <c:pt idx="0">
                  <c:v>49.841160000000002</c:v>
                </c:pt>
                <c:pt idx="1">
                  <c:v>85.61645</c:v>
                </c:pt>
                <c:pt idx="2">
                  <c:v>108.02428999999999</c:v>
                </c:pt>
                <c:pt idx="3">
                  <c:v>140.05976000000001</c:v>
                </c:pt>
                <c:pt idx="4">
                  <c:v>178.01766000000001</c:v>
                </c:pt>
                <c:pt idx="5">
                  <c:v>222.44995</c:v>
                </c:pt>
                <c:pt idx="6">
                  <c:v>268.7876</c:v>
                </c:pt>
                <c:pt idx="7">
                  <c:v>318.18428</c:v>
                </c:pt>
                <c:pt idx="8">
                  <c:v>369.00394999999997</c:v>
                </c:pt>
                <c:pt idx="9">
                  <c:v>419.70733000000001</c:v>
                </c:pt>
                <c:pt idx="10">
                  <c:v>469.99106</c:v>
                </c:pt>
                <c:pt idx="11">
                  <c:v>519.30875000000003</c:v>
                </c:pt>
                <c:pt idx="12">
                  <c:v>564.74782000000005</c:v>
                </c:pt>
                <c:pt idx="13">
                  <c:v>594.90477999999996</c:v>
                </c:pt>
                <c:pt idx="14">
                  <c:v>617.82154000000003</c:v>
                </c:pt>
                <c:pt idx="15">
                  <c:v>646.90107999999998</c:v>
                </c:pt>
                <c:pt idx="16">
                  <c:v>646.90107999999998</c:v>
                </c:pt>
                <c:pt idx="17">
                  <c:v>619.25458000000003</c:v>
                </c:pt>
                <c:pt idx="18">
                  <c:v>599.15498000000002</c:v>
                </c:pt>
                <c:pt idx="19">
                  <c:v>579.22676000000001</c:v>
                </c:pt>
                <c:pt idx="20">
                  <c:v>555.40529000000004</c:v>
                </c:pt>
                <c:pt idx="21">
                  <c:v>523.95809999999994</c:v>
                </c:pt>
                <c:pt idx="22">
                  <c:v>490.01841000000002</c:v>
                </c:pt>
                <c:pt idx="23">
                  <c:v>455.21606000000003</c:v>
                </c:pt>
                <c:pt idx="24">
                  <c:v>420.33983999999998</c:v>
                </c:pt>
                <c:pt idx="25">
                  <c:v>350.32535000000001</c:v>
                </c:pt>
                <c:pt idx="26">
                  <c:v>281.78721000000002</c:v>
                </c:pt>
                <c:pt idx="27">
                  <c:v>220.07413</c:v>
                </c:pt>
                <c:pt idx="28">
                  <c:v>177.54113000000001</c:v>
                </c:pt>
                <c:pt idx="29">
                  <c:v>153.05051</c:v>
                </c:pt>
                <c:pt idx="30">
                  <c:v>133.7047</c:v>
                </c:pt>
                <c:pt idx="31">
                  <c:v>121.19014</c:v>
                </c:pt>
                <c:pt idx="32">
                  <c:v>112.1063</c:v>
                </c:pt>
                <c:pt idx="33">
                  <c:v>104.93129999999999</c:v>
                </c:pt>
                <c:pt idx="34">
                  <c:v>99.32720000000000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13E6-4041-8E0D-25974592C136}"/>
            </c:ext>
          </c:extLst>
        </c:ser>
        <c:ser>
          <c:idx val="6"/>
          <c:order val="3"/>
          <c:tx>
            <c:strRef>
              <c:f>'Fig 1'!$K$15</c:f>
              <c:strCache>
                <c:ptCount val="1"/>
                <c:pt idx="0">
                  <c:v>30BE0LU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'!$K$17:$K$51</c:f>
              <c:numCache>
                <c:formatCode>0.00</c:formatCode>
                <c:ptCount val="35"/>
                <c:pt idx="0">
                  <c:v>1.44743E-3</c:v>
                </c:pt>
                <c:pt idx="1">
                  <c:v>3.8699699999999997E-2</c:v>
                </c:pt>
                <c:pt idx="2">
                  <c:v>0.13597936999999999</c:v>
                </c:pt>
                <c:pt idx="3">
                  <c:v>0.34167861999999999</c:v>
                </c:pt>
                <c:pt idx="4">
                  <c:v>0.53581168999999995</c:v>
                </c:pt>
                <c:pt idx="5">
                  <c:v>0.67587638999999999</c:v>
                </c:pt>
                <c:pt idx="6">
                  <c:v>0.73878303999999995</c:v>
                </c:pt>
                <c:pt idx="7">
                  <c:v>0.77788051999999996</c:v>
                </c:pt>
                <c:pt idx="8">
                  <c:v>0.78956545</c:v>
                </c:pt>
                <c:pt idx="9">
                  <c:v>0.79601144000000001</c:v>
                </c:pt>
                <c:pt idx="10">
                  <c:v>0.79898731999999995</c:v>
                </c:pt>
                <c:pt idx="11">
                  <c:v>0.80179142000000003</c:v>
                </c:pt>
                <c:pt idx="12">
                  <c:v>0.80659910999999995</c:v>
                </c:pt>
                <c:pt idx="13">
                  <c:v>0.81349041</c:v>
                </c:pt>
                <c:pt idx="14">
                  <c:v>0.84835596000000002</c:v>
                </c:pt>
                <c:pt idx="15">
                  <c:v>0.90684129000000002</c:v>
                </c:pt>
                <c:pt idx="16">
                  <c:v>0.95965931999999998</c:v>
                </c:pt>
                <c:pt idx="17">
                  <c:v>0.98229781000000005</c:v>
                </c:pt>
                <c:pt idx="18">
                  <c:v>0.98905262999999999</c:v>
                </c:pt>
                <c:pt idx="19">
                  <c:v>0.98905262999999999</c:v>
                </c:pt>
                <c:pt idx="20">
                  <c:v>0.97290359999999998</c:v>
                </c:pt>
                <c:pt idx="21">
                  <c:v>0.93679614</c:v>
                </c:pt>
                <c:pt idx="22">
                  <c:v>0.87686717000000003</c:v>
                </c:pt>
                <c:pt idx="23">
                  <c:v>0.81693388</c:v>
                </c:pt>
                <c:pt idx="24">
                  <c:v>0.77290859999999995</c:v>
                </c:pt>
                <c:pt idx="25">
                  <c:v>0.75537544999999995</c:v>
                </c:pt>
                <c:pt idx="26">
                  <c:v>0.74715412000000003</c:v>
                </c:pt>
                <c:pt idx="27">
                  <c:v>0.74311786000000002</c:v>
                </c:pt>
                <c:pt idx="28">
                  <c:v>0.74083929999999998</c:v>
                </c:pt>
                <c:pt idx="29">
                  <c:v>0.73976293999999998</c:v>
                </c:pt>
                <c:pt idx="30">
                  <c:v>0.73710721999999995</c:v>
                </c:pt>
                <c:pt idx="31">
                  <c:v>0.73549834000000003</c:v>
                </c:pt>
                <c:pt idx="32">
                  <c:v>0.72928267999999996</c:v>
                </c:pt>
                <c:pt idx="33">
                  <c:v>0.71106486000000002</c:v>
                </c:pt>
                <c:pt idx="34">
                  <c:v>0.63502334999999999</c:v>
                </c:pt>
              </c:numCache>
            </c:numRef>
          </c:xVal>
          <c:yVal>
            <c:numRef>
              <c:f>'Fig 1'!$L$17:$L$51</c:f>
              <c:numCache>
                <c:formatCode>0.00</c:formatCode>
                <c:ptCount val="35"/>
                <c:pt idx="0">
                  <c:v>41.21416</c:v>
                </c:pt>
                <c:pt idx="1">
                  <c:v>75.78913</c:v>
                </c:pt>
                <c:pt idx="2">
                  <c:v>98.85848</c:v>
                </c:pt>
                <c:pt idx="3">
                  <c:v>129.49441999999999</c:v>
                </c:pt>
                <c:pt idx="4">
                  <c:v>161.97425000000001</c:v>
                </c:pt>
                <c:pt idx="5">
                  <c:v>199.41218000000001</c:v>
                </c:pt>
                <c:pt idx="6">
                  <c:v>239.68172000000001</c:v>
                </c:pt>
                <c:pt idx="7">
                  <c:v>279.26501999999999</c:v>
                </c:pt>
                <c:pt idx="8">
                  <c:v>320.45350999999999</c:v>
                </c:pt>
                <c:pt idx="9">
                  <c:v>361.87846999999999</c:v>
                </c:pt>
                <c:pt idx="10">
                  <c:v>403.10302000000001</c:v>
                </c:pt>
                <c:pt idx="11">
                  <c:v>444.11342000000002</c:v>
                </c:pt>
                <c:pt idx="12">
                  <c:v>484.67122000000001</c:v>
                </c:pt>
                <c:pt idx="13">
                  <c:v>523.77466000000004</c:v>
                </c:pt>
                <c:pt idx="14">
                  <c:v>557.43007999999998</c:v>
                </c:pt>
                <c:pt idx="15">
                  <c:v>577.22828000000004</c:v>
                </c:pt>
                <c:pt idx="16">
                  <c:v>597.98982999999998</c:v>
                </c:pt>
                <c:pt idx="17">
                  <c:v>621.69712000000004</c:v>
                </c:pt>
                <c:pt idx="18">
                  <c:v>645.81395999999995</c:v>
                </c:pt>
                <c:pt idx="19">
                  <c:v>645.81395999999995</c:v>
                </c:pt>
                <c:pt idx="20">
                  <c:v>619.73269000000005</c:v>
                </c:pt>
                <c:pt idx="21">
                  <c:v>597.12873999999999</c:v>
                </c:pt>
                <c:pt idx="22">
                  <c:v>579.08142999999995</c:v>
                </c:pt>
                <c:pt idx="23">
                  <c:v>560.93768</c:v>
                </c:pt>
                <c:pt idx="24">
                  <c:v>539.96429999999998</c:v>
                </c:pt>
                <c:pt idx="25">
                  <c:v>514.05835999999999</c:v>
                </c:pt>
                <c:pt idx="26">
                  <c:v>486.39132000000001</c:v>
                </c:pt>
                <c:pt idx="27">
                  <c:v>458.02332999999999</c:v>
                </c:pt>
                <c:pt idx="28">
                  <c:v>429.50175999999999</c:v>
                </c:pt>
                <c:pt idx="29">
                  <c:v>400.78897999999998</c:v>
                </c:pt>
                <c:pt idx="30">
                  <c:v>372.12416000000002</c:v>
                </c:pt>
                <c:pt idx="31">
                  <c:v>343.47478999999998</c:v>
                </c:pt>
                <c:pt idx="32">
                  <c:v>286.55018999999999</c:v>
                </c:pt>
                <c:pt idx="33">
                  <c:v>232.15824000000001</c:v>
                </c:pt>
                <c:pt idx="34">
                  <c:v>189.9501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3E6-4041-8E0D-25974592C13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 baseline="0"/>
                  <a:t>V (cm</a:t>
                </a:r>
                <a:r>
                  <a:rPr lang="en-US" baseline="30000"/>
                  <a:t>3</a:t>
                </a:r>
                <a:r>
                  <a:rPr lang="en-US" baseline="0"/>
                  <a:t>/g)</a:t>
                </a:r>
                <a:endParaRPr lang="en-US"/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0472117545784588"/>
          <c:y val="0.1764409359200553"/>
          <c:w val="0.27798641695622006"/>
          <c:h val="0.3272884736722623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6"/>
          <c:order val="0"/>
          <c:tx>
            <c:strRef>
              <c:f>'Fig 1'!$B$15</c:f>
              <c:strCache>
                <c:ptCount val="1"/>
                <c:pt idx="0">
                  <c:v>SBA-P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'!$B$17:$B$50</c:f>
              <c:numCache>
                <c:formatCode>0.00</c:formatCode>
                <c:ptCount val="34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8675321999999999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'!$C$17:$C$50</c:f>
              <c:numCache>
                <c:formatCode>0.00</c:formatCode>
                <c:ptCount val="34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24.63823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B0B8-45FD-8B95-88C579BC0777}"/>
            </c:ext>
          </c:extLst>
        </c:ser>
        <c:ser>
          <c:idx val="0"/>
          <c:order val="1"/>
          <c:tx>
            <c:strRef>
              <c:f>'Fig 1b'!$B$7</c:f>
              <c:strCache>
                <c:ptCount val="1"/>
                <c:pt idx="0">
                  <c:v>20BE5LU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b'!$B$9:$B$54</c:f>
              <c:numCache>
                <c:formatCode>0.00</c:formatCode>
                <c:ptCount val="46"/>
                <c:pt idx="0">
                  <c:v>3.0871700000000002E-3</c:v>
                </c:pt>
                <c:pt idx="1">
                  <c:v>5.5755310000000002E-2</c:v>
                </c:pt>
                <c:pt idx="2">
                  <c:v>0.16417055</c:v>
                </c:pt>
                <c:pt idx="3">
                  <c:v>0.36819393</c:v>
                </c:pt>
                <c:pt idx="4">
                  <c:v>0.55427223999999997</c:v>
                </c:pt>
                <c:pt idx="5">
                  <c:v>0.68461190000000005</c:v>
                </c:pt>
                <c:pt idx="6">
                  <c:v>0.75260753000000002</c:v>
                </c:pt>
                <c:pt idx="7">
                  <c:v>0.78388806</c:v>
                </c:pt>
                <c:pt idx="8">
                  <c:v>0.79213621000000001</c:v>
                </c:pt>
                <c:pt idx="9">
                  <c:v>0.79594127000000003</c:v>
                </c:pt>
                <c:pt idx="10">
                  <c:v>0.79956329000000004</c:v>
                </c:pt>
                <c:pt idx="11">
                  <c:v>0.80334667000000004</c:v>
                </c:pt>
                <c:pt idx="12">
                  <c:v>0.80960235000000003</c:v>
                </c:pt>
                <c:pt idx="13">
                  <c:v>0.82634313000000004</c:v>
                </c:pt>
                <c:pt idx="14">
                  <c:v>0.90359871000000003</c:v>
                </c:pt>
                <c:pt idx="15">
                  <c:v>0.95913185000000001</c:v>
                </c:pt>
                <c:pt idx="16">
                  <c:v>0.98154306000000002</c:v>
                </c:pt>
                <c:pt idx="17">
                  <c:v>0.98154306000000002</c:v>
                </c:pt>
                <c:pt idx="18">
                  <c:v>0.94634651999999997</c:v>
                </c:pt>
                <c:pt idx="19">
                  <c:v>0.88301521000000005</c:v>
                </c:pt>
                <c:pt idx="20">
                  <c:v>0.81665887999999998</c:v>
                </c:pt>
                <c:pt idx="21">
                  <c:v>0.76487397999999995</c:v>
                </c:pt>
                <c:pt idx="22">
                  <c:v>0.74845759000000001</c:v>
                </c:pt>
                <c:pt idx="23">
                  <c:v>0.74240150999999999</c:v>
                </c:pt>
                <c:pt idx="24">
                  <c:v>0.73942282999999998</c:v>
                </c:pt>
                <c:pt idx="25">
                  <c:v>0.73552145999999996</c:v>
                </c:pt>
                <c:pt idx="26">
                  <c:v>0.73330633999999995</c:v>
                </c:pt>
                <c:pt idx="27">
                  <c:v>0.73028674000000005</c:v>
                </c:pt>
                <c:pt idx="28">
                  <c:v>0.72831396999999998</c:v>
                </c:pt>
                <c:pt idx="29">
                  <c:v>0.72437755999999998</c:v>
                </c:pt>
                <c:pt idx="30">
                  <c:v>0.70801831999999998</c:v>
                </c:pt>
                <c:pt idx="31">
                  <c:v>0.62751422000000001</c:v>
                </c:pt>
                <c:pt idx="32">
                  <c:v>0.5181616</c:v>
                </c:pt>
                <c:pt idx="33">
                  <c:v>0.40989523</c:v>
                </c:pt>
                <c:pt idx="34">
                  <c:v>0.31764181000000002</c:v>
                </c:pt>
                <c:pt idx="35">
                  <c:v>0.24791754999999999</c:v>
                </c:pt>
                <c:pt idx="36">
                  <c:v>0.19669817000000001</c:v>
                </c:pt>
                <c:pt idx="37">
                  <c:v>0.15942503999999999</c:v>
                </c:pt>
                <c:pt idx="38">
                  <c:v>0.13265621</c:v>
                </c:pt>
                <c:pt idx="39">
                  <c:v>0.11313606</c:v>
                </c:pt>
                <c:pt idx="40">
                  <c:v>9.8898059999999996E-2</c:v>
                </c:pt>
                <c:pt idx="41">
                  <c:v>8.7887530000000005E-2</c:v>
                </c:pt>
              </c:numCache>
            </c:numRef>
          </c:xVal>
          <c:yVal>
            <c:numRef>
              <c:f>'Fig 1b'!$C$9:$C$54</c:f>
              <c:numCache>
                <c:formatCode>0.00</c:formatCode>
                <c:ptCount val="46"/>
                <c:pt idx="0">
                  <c:v>46.093559999999997</c:v>
                </c:pt>
                <c:pt idx="1">
                  <c:v>81.097099999999998</c:v>
                </c:pt>
                <c:pt idx="2">
                  <c:v>103.66976</c:v>
                </c:pt>
                <c:pt idx="3">
                  <c:v>135.09868</c:v>
                </c:pt>
                <c:pt idx="4">
                  <c:v>169.96827999999999</c:v>
                </c:pt>
                <c:pt idx="5">
                  <c:v>209.99034</c:v>
                </c:pt>
                <c:pt idx="6">
                  <c:v>252.02278000000001</c:v>
                </c:pt>
                <c:pt idx="7">
                  <c:v>295.43819999999999</c:v>
                </c:pt>
                <c:pt idx="8">
                  <c:v>340.69337000000002</c:v>
                </c:pt>
                <c:pt idx="9">
                  <c:v>386.33821999999998</c:v>
                </c:pt>
                <c:pt idx="10">
                  <c:v>432.01261</c:v>
                </c:pt>
                <c:pt idx="11">
                  <c:v>477.25891999999999</c:v>
                </c:pt>
                <c:pt idx="12">
                  <c:v>521.90521999999999</c:v>
                </c:pt>
                <c:pt idx="13">
                  <c:v>563.60135000000002</c:v>
                </c:pt>
                <c:pt idx="14">
                  <c:v>589.71241999999995</c:v>
                </c:pt>
                <c:pt idx="15">
                  <c:v>610.87265000000002</c:v>
                </c:pt>
                <c:pt idx="16">
                  <c:v>636.07024000000001</c:v>
                </c:pt>
                <c:pt idx="17">
                  <c:v>636.07024000000001</c:v>
                </c:pt>
                <c:pt idx="18">
                  <c:v>611.12991999999997</c:v>
                </c:pt>
                <c:pt idx="19">
                  <c:v>592.21113000000003</c:v>
                </c:pt>
                <c:pt idx="20">
                  <c:v>574.44248000000005</c:v>
                </c:pt>
                <c:pt idx="21">
                  <c:v>553.10308999999995</c:v>
                </c:pt>
                <c:pt idx="22">
                  <c:v>523.93931999999995</c:v>
                </c:pt>
                <c:pt idx="23">
                  <c:v>492.54557</c:v>
                </c:pt>
                <c:pt idx="24">
                  <c:v>460.63704999999999</c:v>
                </c:pt>
                <c:pt idx="25">
                  <c:v>428.50993</c:v>
                </c:pt>
                <c:pt idx="26">
                  <c:v>396.24200000000002</c:v>
                </c:pt>
                <c:pt idx="27">
                  <c:v>364.13861000000003</c:v>
                </c:pt>
                <c:pt idx="28">
                  <c:v>331.84687000000002</c:v>
                </c:pt>
                <c:pt idx="29">
                  <c:v>299.97471999999999</c:v>
                </c:pt>
                <c:pt idx="30">
                  <c:v>238.25864000000001</c:v>
                </c:pt>
                <c:pt idx="31">
                  <c:v>192.50482</c:v>
                </c:pt>
                <c:pt idx="32">
                  <c:v>163.20142999999999</c:v>
                </c:pt>
                <c:pt idx="33">
                  <c:v>142.91317000000001</c:v>
                </c:pt>
                <c:pt idx="34">
                  <c:v>127.31134</c:v>
                </c:pt>
                <c:pt idx="35">
                  <c:v>116.57062000000001</c:v>
                </c:pt>
                <c:pt idx="36">
                  <c:v>108.68049999999999</c:v>
                </c:pt>
                <c:pt idx="37">
                  <c:v>102.68172</c:v>
                </c:pt>
                <c:pt idx="38">
                  <c:v>97.1083</c:v>
                </c:pt>
                <c:pt idx="39">
                  <c:v>93.139780000000002</c:v>
                </c:pt>
                <c:pt idx="40">
                  <c:v>90.218040000000002</c:v>
                </c:pt>
                <c:pt idx="41">
                  <c:v>87.7872100000000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B0B8-45FD-8B95-88C579BC0777}"/>
            </c:ext>
          </c:extLst>
        </c:ser>
        <c:ser>
          <c:idx val="1"/>
          <c:order val="2"/>
          <c:tx>
            <c:strRef>
              <c:f>'Fig 1b'!$E$7</c:f>
              <c:strCache>
                <c:ptCount val="1"/>
                <c:pt idx="0">
                  <c:v>25BE5LU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b'!$E$9:$E$46</c:f>
              <c:numCache>
                <c:formatCode>0.00</c:formatCode>
                <c:ptCount val="38"/>
                <c:pt idx="0">
                  <c:v>3.35703E-3</c:v>
                </c:pt>
                <c:pt idx="1">
                  <c:v>5.9863649999999997E-2</c:v>
                </c:pt>
                <c:pt idx="2">
                  <c:v>0.17366124999999999</c:v>
                </c:pt>
                <c:pt idx="3">
                  <c:v>0.38713247000000001</c:v>
                </c:pt>
                <c:pt idx="4">
                  <c:v>0.57991585999999995</c:v>
                </c:pt>
                <c:pt idx="5">
                  <c:v>0.70133025000000004</c:v>
                </c:pt>
                <c:pt idx="6">
                  <c:v>0.75966761999999999</c:v>
                </c:pt>
                <c:pt idx="7">
                  <c:v>0.78782352</c:v>
                </c:pt>
                <c:pt idx="8">
                  <c:v>0.79468496</c:v>
                </c:pt>
                <c:pt idx="9">
                  <c:v>0.79860518000000003</c:v>
                </c:pt>
                <c:pt idx="10">
                  <c:v>0.80327364000000001</c:v>
                </c:pt>
                <c:pt idx="11">
                  <c:v>0.80804127000000003</c:v>
                </c:pt>
                <c:pt idx="12">
                  <c:v>0.82373719000000001</c:v>
                </c:pt>
                <c:pt idx="13">
                  <c:v>0.89431505</c:v>
                </c:pt>
                <c:pt idx="14">
                  <c:v>0.95534353999999999</c:v>
                </c:pt>
                <c:pt idx="15">
                  <c:v>0.98361799000000005</c:v>
                </c:pt>
                <c:pt idx="16">
                  <c:v>0.98361799000000005</c:v>
                </c:pt>
                <c:pt idx="17">
                  <c:v>0.94359784000000002</c:v>
                </c:pt>
                <c:pt idx="18">
                  <c:v>0.87518547000000002</c:v>
                </c:pt>
                <c:pt idx="19">
                  <c:v>0.80832694999999999</c:v>
                </c:pt>
                <c:pt idx="20">
                  <c:v>0.76404585000000003</c:v>
                </c:pt>
                <c:pt idx="21">
                  <c:v>0.74898514000000005</c:v>
                </c:pt>
                <c:pt idx="22">
                  <c:v>0.74252311999999998</c:v>
                </c:pt>
                <c:pt idx="23">
                  <c:v>0.73903129999999995</c:v>
                </c:pt>
                <c:pt idx="24">
                  <c:v>0.73529303999999995</c:v>
                </c:pt>
                <c:pt idx="25">
                  <c:v>0.73191552000000004</c:v>
                </c:pt>
                <c:pt idx="26">
                  <c:v>0.72484804000000003</c:v>
                </c:pt>
                <c:pt idx="27">
                  <c:v>0.70648321000000003</c:v>
                </c:pt>
                <c:pt idx="28">
                  <c:v>0.62393206000000001</c:v>
                </c:pt>
                <c:pt idx="29">
                  <c:v>0.51393622999999999</c:v>
                </c:pt>
                <c:pt idx="30">
                  <c:v>0.40263436000000002</c:v>
                </c:pt>
                <c:pt idx="31">
                  <c:v>0.30882959999999998</c:v>
                </c:pt>
                <c:pt idx="32">
                  <c:v>0.23850199999999999</c:v>
                </c:pt>
                <c:pt idx="33">
                  <c:v>0.18841492000000001</c:v>
                </c:pt>
                <c:pt idx="34">
                  <c:v>0.15252336999999999</c:v>
                </c:pt>
                <c:pt idx="35">
                  <c:v>0.12700553000000001</c:v>
                </c:pt>
                <c:pt idx="36">
                  <c:v>0.10838436</c:v>
                </c:pt>
                <c:pt idx="37">
                  <c:v>9.4867720000000003E-2</c:v>
                </c:pt>
              </c:numCache>
            </c:numRef>
          </c:xVal>
          <c:yVal>
            <c:numRef>
              <c:f>'Fig 1b'!$F$9:$F$46</c:f>
              <c:numCache>
                <c:formatCode>0.00</c:formatCode>
                <c:ptCount val="38"/>
                <c:pt idx="0">
                  <c:v>46.88767</c:v>
                </c:pt>
                <c:pt idx="1">
                  <c:v>82.21181</c:v>
                </c:pt>
                <c:pt idx="2">
                  <c:v>105.11994</c:v>
                </c:pt>
                <c:pt idx="3">
                  <c:v>137.12253000000001</c:v>
                </c:pt>
                <c:pt idx="4">
                  <c:v>173.80837</c:v>
                </c:pt>
                <c:pt idx="5">
                  <c:v>216.36335</c:v>
                </c:pt>
                <c:pt idx="6">
                  <c:v>260.17012999999997</c:v>
                </c:pt>
                <c:pt idx="7">
                  <c:v>305.46095000000003</c:v>
                </c:pt>
                <c:pt idx="8">
                  <c:v>352.91320000000002</c:v>
                </c:pt>
                <c:pt idx="9">
                  <c:v>400.30471999999997</c:v>
                </c:pt>
                <c:pt idx="10">
                  <c:v>447.13639000000001</c:v>
                </c:pt>
                <c:pt idx="11">
                  <c:v>493.49635000000001</c:v>
                </c:pt>
                <c:pt idx="12">
                  <c:v>536.98976000000005</c:v>
                </c:pt>
                <c:pt idx="13">
                  <c:v>567.13878999999997</c:v>
                </c:pt>
                <c:pt idx="14">
                  <c:v>588.45947999999999</c:v>
                </c:pt>
                <c:pt idx="15">
                  <c:v>614.68418999999994</c:v>
                </c:pt>
                <c:pt idx="16">
                  <c:v>614.68418999999994</c:v>
                </c:pt>
                <c:pt idx="17">
                  <c:v>589.83793000000003</c:v>
                </c:pt>
                <c:pt idx="18">
                  <c:v>571.12855999999999</c:v>
                </c:pt>
                <c:pt idx="19">
                  <c:v>552.10287000000005</c:v>
                </c:pt>
                <c:pt idx="20">
                  <c:v>528.20605999999998</c:v>
                </c:pt>
                <c:pt idx="21">
                  <c:v>497.89035000000001</c:v>
                </c:pt>
                <c:pt idx="22">
                  <c:v>465.72487999999998</c:v>
                </c:pt>
                <c:pt idx="23">
                  <c:v>432.89785000000001</c:v>
                </c:pt>
                <c:pt idx="24">
                  <c:v>400.08461</c:v>
                </c:pt>
                <c:pt idx="25">
                  <c:v>367.19907000000001</c:v>
                </c:pt>
                <c:pt idx="26">
                  <c:v>301.59499</c:v>
                </c:pt>
                <c:pt idx="27">
                  <c:v>239.11973</c:v>
                </c:pt>
                <c:pt idx="28">
                  <c:v>192.40776</c:v>
                </c:pt>
                <c:pt idx="29">
                  <c:v>161.25273000000001</c:v>
                </c:pt>
                <c:pt idx="30">
                  <c:v>140.07247000000001</c:v>
                </c:pt>
                <c:pt idx="31">
                  <c:v>125.38373</c:v>
                </c:pt>
                <c:pt idx="32">
                  <c:v>114.84056</c:v>
                </c:pt>
                <c:pt idx="33">
                  <c:v>107.33174</c:v>
                </c:pt>
                <c:pt idx="34">
                  <c:v>100.86476</c:v>
                </c:pt>
                <c:pt idx="35">
                  <c:v>95.752020000000002</c:v>
                </c:pt>
                <c:pt idx="36">
                  <c:v>92.121399999999994</c:v>
                </c:pt>
                <c:pt idx="37">
                  <c:v>89.2583400000000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B0B8-45FD-8B95-88C579BC0777}"/>
            </c:ext>
          </c:extLst>
        </c:ser>
        <c:ser>
          <c:idx val="2"/>
          <c:order val="3"/>
          <c:tx>
            <c:strRef>
              <c:f>'Fig 1b'!$H$7</c:f>
              <c:strCache>
                <c:ptCount val="1"/>
                <c:pt idx="0">
                  <c:v>20BE10LU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b'!$H$9:$H$47</c:f>
              <c:numCache>
                <c:formatCode>0.00</c:formatCode>
                <c:ptCount val="39"/>
                <c:pt idx="0">
                  <c:v>4.7436400000000004E-3</c:v>
                </c:pt>
                <c:pt idx="1">
                  <c:v>6.6830619999999993E-2</c:v>
                </c:pt>
                <c:pt idx="2">
                  <c:v>0.17994977000000001</c:v>
                </c:pt>
                <c:pt idx="3">
                  <c:v>0.39187947000000001</c:v>
                </c:pt>
                <c:pt idx="4">
                  <c:v>0.58003490999999996</c:v>
                </c:pt>
                <c:pt idx="5">
                  <c:v>0.69736997999999994</c:v>
                </c:pt>
                <c:pt idx="6">
                  <c:v>0.75656363999999998</c:v>
                </c:pt>
                <c:pt idx="7">
                  <c:v>0.78714941999999999</c:v>
                </c:pt>
                <c:pt idx="8">
                  <c:v>0.79904023999999996</c:v>
                </c:pt>
                <c:pt idx="9">
                  <c:v>0.80580514000000003</c:v>
                </c:pt>
                <c:pt idx="10">
                  <c:v>0.81189694000000001</c:v>
                </c:pt>
                <c:pt idx="11">
                  <c:v>0.81937932000000002</c:v>
                </c:pt>
                <c:pt idx="12">
                  <c:v>0.83081729999999998</c:v>
                </c:pt>
                <c:pt idx="13">
                  <c:v>0.86935702999999998</c:v>
                </c:pt>
                <c:pt idx="14">
                  <c:v>0.93397741000000001</c:v>
                </c:pt>
                <c:pt idx="15">
                  <c:v>0.98618702999999996</c:v>
                </c:pt>
                <c:pt idx="16">
                  <c:v>0.98618702999999996</c:v>
                </c:pt>
                <c:pt idx="17">
                  <c:v>0.92541728999999995</c:v>
                </c:pt>
                <c:pt idx="18">
                  <c:v>0.85352048000000003</c:v>
                </c:pt>
                <c:pt idx="19">
                  <c:v>0.79206982999999997</c:v>
                </c:pt>
                <c:pt idx="20">
                  <c:v>0.76756217000000004</c:v>
                </c:pt>
                <c:pt idx="21">
                  <c:v>0.75874268</c:v>
                </c:pt>
                <c:pt idx="22">
                  <c:v>0.75514619000000005</c:v>
                </c:pt>
                <c:pt idx="23">
                  <c:v>0.75180952999999995</c:v>
                </c:pt>
                <c:pt idx="24">
                  <c:v>0.74851504000000002</c:v>
                </c:pt>
                <c:pt idx="25">
                  <c:v>0.74628143999999996</c:v>
                </c:pt>
                <c:pt idx="26">
                  <c:v>0.74295365000000002</c:v>
                </c:pt>
                <c:pt idx="27">
                  <c:v>0.73691523999999997</c:v>
                </c:pt>
                <c:pt idx="28">
                  <c:v>0.72638475999999996</c:v>
                </c:pt>
                <c:pt idx="29">
                  <c:v>0.65170653999999995</c:v>
                </c:pt>
                <c:pt idx="30">
                  <c:v>0.54943160999999996</c:v>
                </c:pt>
                <c:pt idx="31">
                  <c:v>0.430504</c:v>
                </c:pt>
                <c:pt idx="32">
                  <c:v>0.32925114999999999</c:v>
                </c:pt>
                <c:pt idx="33">
                  <c:v>0.25307370000000001</c:v>
                </c:pt>
                <c:pt idx="34">
                  <c:v>0.19852326000000001</c:v>
                </c:pt>
                <c:pt idx="35">
                  <c:v>0.15972225000000001</c:v>
                </c:pt>
                <c:pt idx="36">
                  <c:v>0.13197660999999999</c:v>
                </c:pt>
                <c:pt idx="37">
                  <c:v>0.11209084</c:v>
                </c:pt>
                <c:pt idx="38">
                  <c:v>9.7559030000000005E-2</c:v>
                </c:pt>
              </c:numCache>
            </c:numRef>
          </c:xVal>
          <c:yVal>
            <c:numRef>
              <c:f>'Fig 1b'!$I$9:$I$47</c:f>
              <c:numCache>
                <c:formatCode>0.00</c:formatCode>
                <c:ptCount val="39"/>
                <c:pt idx="0">
                  <c:v>45.986289999999997</c:v>
                </c:pt>
                <c:pt idx="1">
                  <c:v>79.770679999999999</c:v>
                </c:pt>
                <c:pt idx="2">
                  <c:v>101.5361</c:v>
                </c:pt>
                <c:pt idx="3">
                  <c:v>133.21338</c:v>
                </c:pt>
                <c:pt idx="4">
                  <c:v>169.55117999999999</c:v>
                </c:pt>
                <c:pt idx="5">
                  <c:v>210.26075</c:v>
                </c:pt>
                <c:pt idx="6">
                  <c:v>252.52009000000001</c:v>
                </c:pt>
                <c:pt idx="7">
                  <c:v>296.69184000000001</c:v>
                </c:pt>
                <c:pt idx="8">
                  <c:v>342.31421999999998</c:v>
                </c:pt>
                <c:pt idx="9">
                  <c:v>387.80085000000003</c:v>
                </c:pt>
                <c:pt idx="10">
                  <c:v>432.54396000000003</c:v>
                </c:pt>
                <c:pt idx="11">
                  <c:v>476.48444000000001</c:v>
                </c:pt>
                <c:pt idx="12">
                  <c:v>519.58815000000004</c:v>
                </c:pt>
                <c:pt idx="13">
                  <c:v>546.29344000000003</c:v>
                </c:pt>
                <c:pt idx="14">
                  <c:v>567.08568000000002</c:v>
                </c:pt>
                <c:pt idx="15">
                  <c:v>589.10281999999995</c:v>
                </c:pt>
                <c:pt idx="16">
                  <c:v>589.10281999999995</c:v>
                </c:pt>
                <c:pt idx="17">
                  <c:v>569.07542999999998</c:v>
                </c:pt>
                <c:pt idx="18">
                  <c:v>551.46937000000003</c:v>
                </c:pt>
                <c:pt idx="19">
                  <c:v>531.51041999999995</c:v>
                </c:pt>
                <c:pt idx="20">
                  <c:v>503.62867</c:v>
                </c:pt>
                <c:pt idx="21">
                  <c:v>472.28352000000001</c:v>
                </c:pt>
                <c:pt idx="22">
                  <c:v>439.84955000000002</c:v>
                </c:pt>
                <c:pt idx="23">
                  <c:v>407.32019000000003</c:v>
                </c:pt>
                <c:pt idx="24">
                  <c:v>374.73811000000001</c:v>
                </c:pt>
                <c:pt idx="25">
                  <c:v>341.87747000000002</c:v>
                </c:pt>
                <c:pt idx="26">
                  <c:v>309.25018</c:v>
                </c:pt>
                <c:pt idx="27">
                  <c:v>277.25876</c:v>
                </c:pt>
                <c:pt idx="28">
                  <c:v>246.24454</c:v>
                </c:pt>
                <c:pt idx="29">
                  <c:v>196.33537999999999</c:v>
                </c:pt>
                <c:pt idx="30">
                  <c:v>163.64087000000001</c:v>
                </c:pt>
                <c:pt idx="31">
                  <c:v>140.6728</c:v>
                </c:pt>
                <c:pt idx="32">
                  <c:v>123.85227999999999</c:v>
                </c:pt>
                <c:pt idx="33">
                  <c:v>112.46598</c:v>
                </c:pt>
                <c:pt idx="34">
                  <c:v>104.31229</c:v>
                </c:pt>
                <c:pt idx="35">
                  <c:v>97.644090000000006</c:v>
                </c:pt>
                <c:pt idx="36">
                  <c:v>92.305509999999998</c:v>
                </c:pt>
                <c:pt idx="37">
                  <c:v>88.642039999999994</c:v>
                </c:pt>
                <c:pt idx="38">
                  <c:v>85.68317999999999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B0B8-45FD-8B95-88C579BC077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V (cm</a:t>
                </a:r>
                <a:r>
                  <a:rPr lang="en-US" baseline="30000"/>
                  <a:t>3</a:t>
                </a:r>
                <a:r>
                  <a:rPr lang="en-US"/>
                  <a:t>/g)</a:t>
                </a:r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1327498299331182"/>
          <c:y val="0.10184877531431023"/>
          <c:w val="0.32075556842750441"/>
          <c:h val="0.4711444551843573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183403997577226"/>
          <c:y val="0.10087532808398948"/>
          <c:w val="0.72748345890693067"/>
          <c:h val="0.72564410595887385"/>
        </c:manualLayout>
      </c:layout>
      <c:scatterChart>
        <c:scatterStyle val="smoothMarker"/>
        <c:varyColors val="0"/>
        <c:ser>
          <c:idx val="6"/>
          <c:order val="0"/>
          <c:tx>
            <c:strRef>
              <c:f>'Fig 1'!$B$15</c:f>
              <c:strCache>
                <c:ptCount val="1"/>
                <c:pt idx="0">
                  <c:v>SBA-P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1'!$B$17:$B$50</c:f>
              <c:numCache>
                <c:formatCode>0.00</c:formatCode>
                <c:ptCount val="34"/>
                <c:pt idx="0">
                  <c:v>8.7600000000000008E-6</c:v>
                </c:pt>
                <c:pt idx="1">
                  <c:v>1.0750340000000001E-2</c:v>
                </c:pt>
                <c:pt idx="2">
                  <c:v>4.9694660000000002E-2</c:v>
                </c:pt>
                <c:pt idx="3">
                  <c:v>0.11006498000000001</c:v>
                </c:pt>
                <c:pt idx="4">
                  <c:v>0.25054134</c:v>
                </c:pt>
                <c:pt idx="5">
                  <c:v>0.39675224999999997</c:v>
                </c:pt>
                <c:pt idx="6">
                  <c:v>0.58781611</c:v>
                </c:pt>
                <c:pt idx="7">
                  <c:v>0.72444114999999998</c:v>
                </c:pt>
                <c:pt idx="8">
                  <c:v>0.77140105000000003</c:v>
                </c:pt>
                <c:pt idx="9">
                  <c:v>0.78720657000000005</c:v>
                </c:pt>
                <c:pt idx="10">
                  <c:v>0.79330491999999997</c:v>
                </c:pt>
                <c:pt idx="11">
                  <c:v>0.79767094999999999</c:v>
                </c:pt>
                <c:pt idx="12">
                  <c:v>0.80550321000000003</c:v>
                </c:pt>
                <c:pt idx="13">
                  <c:v>0.81588835999999998</c:v>
                </c:pt>
                <c:pt idx="14">
                  <c:v>0.88960406000000003</c:v>
                </c:pt>
                <c:pt idx="15">
                  <c:v>0.96839934000000005</c:v>
                </c:pt>
                <c:pt idx="16">
                  <c:v>0.98675321999999999</c:v>
                </c:pt>
                <c:pt idx="17">
                  <c:v>0.99273073000000001</c:v>
                </c:pt>
                <c:pt idx="18">
                  <c:v>0.99273073000000001</c:v>
                </c:pt>
                <c:pt idx="19">
                  <c:v>0.94799049999999996</c:v>
                </c:pt>
                <c:pt idx="20">
                  <c:v>0.79698614000000001</c:v>
                </c:pt>
                <c:pt idx="21">
                  <c:v>0.75369271999999998</c:v>
                </c:pt>
                <c:pt idx="22">
                  <c:v>0.74408169999999996</c:v>
                </c:pt>
                <c:pt idx="23">
                  <c:v>0.73950475000000004</c:v>
                </c:pt>
                <c:pt idx="24">
                  <c:v>0.73442081000000003</c:v>
                </c:pt>
                <c:pt idx="25">
                  <c:v>0.72541931000000004</c:v>
                </c:pt>
                <c:pt idx="26">
                  <c:v>0.67595432</c:v>
                </c:pt>
                <c:pt idx="27">
                  <c:v>0.56821348999999999</c:v>
                </c:pt>
                <c:pt idx="28">
                  <c:v>0.44162404999999999</c:v>
                </c:pt>
                <c:pt idx="29">
                  <c:v>0.32223790000000002</c:v>
                </c:pt>
                <c:pt idx="30">
                  <c:v>0.23411851</c:v>
                </c:pt>
                <c:pt idx="31">
                  <c:v>0.17146713999999999</c:v>
                </c:pt>
                <c:pt idx="32">
                  <c:v>0.12821883000000001</c:v>
                </c:pt>
                <c:pt idx="33">
                  <c:v>9.8212610000000006E-2</c:v>
                </c:pt>
              </c:numCache>
            </c:numRef>
          </c:xVal>
          <c:yVal>
            <c:numRef>
              <c:f>'Fig 1'!$C$17:$C$50</c:f>
              <c:numCache>
                <c:formatCode>0.00</c:formatCode>
                <c:ptCount val="34"/>
                <c:pt idx="0">
                  <c:v>35.154620000000001</c:v>
                </c:pt>
                <c:pt idx="1">
                  <c:v>69.614469999999997</c:v>
                </c:pt>
                <c:pt idx="2">
                  <c:v>96.004109999999997</c:v>
                </c:pt>
                <c:pt idx="3">
                  <c:v>114.66924</c:v>
                </c:pt>
                <c:pt idx="4">
                  <c:v>143.49137999999999</c:v>
                </c:pt>
                <c:pt idx="5">
                  <c:v>170.93628000000001</c:v>
                </c:pt>
                <c:pt idx="6">
                  <c:v>216.47926000000001</c:v>
                </c:pt>
                <c:pt idx="7">
                  <c:v>275.23164000000003</c:v>
                </c:pt>
                <c:pt idx="8">
                  <c:v>344.65215000000001</c:v>
                </c:pt>
                <c:pt idx="9">
                  <c:v>412.91631000000001</c:v>
                </c:pt>
                <c:pt idx="10">
                  <c:v>485.12223</c:v>
                </c:pt>
                <c:pt idx="11">
                  <c:v>556.43901000000005</c:v>
                </c:pt>
                <c:pt idx="12">
                  <c:v>626.90580999999997</c:v>
                </c:pt>
                <c:pt idx="13">
                  <c:v>697.79825000000005</c:v>
                </c:pt>
                <c:pt idx="14">
                  <c:v>744.62233000000003</c:v>
                </c:pt>
                <c:pt idx="15">
                  <c:v>780.17846999999995</c:v>
                </c:pt>
                <c:pt idx="16">
                  <c:v>824.63823000000002</c:v>
                </c:pt>
                <c:pt idx="17">
                  <c:v>870.37004000000002</c:v>
                </c:pt>
                <c:pt idx="18">
                  <c:v>870.37004000000002</c:v>
                </c:pt>
                <c:pt idx="19">
                  <c:v>775.43701999999996</c:v>
                </c:pt>
                <c:pt idx="20">
                  <c:v>715.19970000000001</c:v>
                </c:pt>
                <c:pt idx="21">
                  <c:v>623.33291999999994</c:v>
                </c:pt>
                <c:pt idx="22">
                  <c:v>521.00414000000001</c:v>
                </c:pt>
                <c:pt idx="23">
                  <c:v>446.87331</c:v>
                </c:pt>
                <c:pt idx="24">
                  <c:v>374.35003</c:v>
                </c:pt>
                <c:pt idx="25">
                  <c:v>302.95202</c:v>
                </c:pt>
                <c:pt idx="26">
                  <c:v>254.38102000000001</c:v>
                </c:pt>
                <c:pt idx="27">
                  <c:v>211.80667</c:v>
                </c:pt>
                <c:pt idx="28">
                  <c:v>181.63215</c:v>
                </c:pt>
                <c:pt idx="29">
                  <c:v>156.94936999999999</c:v>
                </c:pt>
                <c:pt idx="30">
                  <c:v>140.12183999999999</c:v>
                </c:pt>
                <c:pt idx="31">
                  <c:v>127.26738</c:v>
                </c:pt>
                <c:pt idx="32">
                  <c:v>118.39394</c:v>
                </c:pt>
                <c:pt idx="33">
                  <c:v>111.0047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6938-4D76-A68D-B47ACC6905C7}"/>
            </c:ext>
          </c:extLst>
        </c:ser>
        <c:ser>
          <c:idx val="0"/>
          <c:order val="1"/>
          <c:tx>
            <c:strRef>
              <c:f>'Fig 1b'!$B$7</c:f>
              <c:strCache>
                <c:ptCount val="1"/>
                <c:pt idx="0">
                  <c:v>20BE5LU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Fig 1b'!$B$9:$B$54</c:f>
              <c:numCache>
                <c:formatCode>0.00</c:formatCode>
                <c:ptCount val="46"/>
                <c:pt idx="0">
                  <c:v>3.0871700000000002E-3</c:v>
                </c:pt>
                <c:pt idx="1">
                  <c:v>5.5755310000000002E-2</c:v>
                </c:pt>
                <c:pt idx="2">
                  <c:v>0.16417055</c:v>
                </c:pt>
                <c:pt idx="3">
                  <c:v>0.36819393</c:v>
                </c:pt>
                <c:pt idx="4">
                  <c:v>0.55427223999999997</c:v>
                </c:pt>
                <c:pt idx="5">
                  <c:v>0.68461190000000005</c:v>
                </c:pt>
                <c:pt idx="6">
                  <c:v>0.75260753000000002</c:v>
                </c:pt>
                <c:pt idx="7">
                  <c:v>0.78388806</c:v>
                </c:pt>
                <c:pt idx="8">
                  <c:v>0.79213621000000001</c:v>
                </c:pt>
                <c:pt idx="9">
                  <c:v>0.79594127000000003</c:v>
                </c:pt>
                <c:pt idx="10">
                  <c:v>0.79956329000000004</c:v>
                </c:pt>
                <c:pt idx="11">
                  <c:v>0.80334667000000004</c:v>
                </c:pt>
                <c:pt idx="12">
                  <c:v>0.80960235000000003</c:v>
                </c:pt>
                <c:pt idx="13">
                  <c:v>0.82634313000000004</c:v>
                </c:pt>
                <c:pt idx="14">
                  <c:v>0.90359871000000003</c:v>
                </c:pt>
                <c:pt idx="15">
                  <c:v>0.95913185000000001</c:v>
                </c:pt>
                <c:pt idx="16">
                  <c:v>0.98154306000000002</c:v>
                </c:pt>
                <c:pt idx="17">
                  <c:v>0.98154306000000002</c:v>
                </c:pt>
                <c:pt idx="18">
                  <c:v>0.94634651999999997</c:v>
                </c:pt>
                <c:pt idx="19">
                  <c:v>0.88301521000000005</c:v>
                </c:pt>
                <c:pt idx="20">
                  <c:v>0.81665887999999998</c:v>
                </c:pt>
                <c:pt idx="21">
                  <c:v>0.76487397999999995</c:v>
                </c:pt>
                <c:pt idx="22">
                  <c:v>0.74845759000000001</c:v>
                </c:pt>
                <c:pt idx="23">
                  <c:v>0.74240150999999999</c:v>
                </c:pt>
                <c:pt idx="24">
                  <c:v>0.73942282999999998</c:v>
                </c:pt>
                <c:pt idx="25">
                  <c:v>0.73552145999999996</c:v>
                </c:pt>
                <c:pt idx="26">
                  <c:v>0.73330633999999995</c:v>
                </c:pt>
                <c:pt idx="27">
                  <c:v>0.73028674000000005</c:v>
                </c:pt>
                <c:pt idx="28">
                  <c:v>0.72831396999999998</c:v>
                </c:pt>
                <c:pt idx="29">
                  <c:v>0.72437755999999998</c:v>
                </c:pt>
                <c:pt idx="30">
                  <c:v>0.70801831999999998</c:v>
                </c:pt>
                <c:pt idx="31">
                  <c:v>0.62751422000000001</c:v>
                </c:pt>
                <c:pt idx="32">
                  <c:v>0.5181616</c:v>
                </c:pt>
                <c:pt idx="33">
                  <c:v>0.40989523</c:v>
                </c:pt>
                <c:pt idx="34">
                  <c:v>0.31764181000000002</c:v>
                </c:pt>
                <c:pt idx="35">
                  <c:v>0.24791754999999999</c:v>
                </c:pt>
                <c:pt idx="36">
                  <c:v>0.19669817000000001</c:v>
                </c:pt>
                <c:pt idx="37">
                  <c:v>0.15942503999999999</c:v>
                </c:pt>
                <c:pt idx="38">
                  <c:v>0.13265621</c:v>
                </c:pt>
                <c:pt idx="39">
                  <c:v>0.11313606</c:v>
                </c:pt>
                <c:pt idx="40">
                  <c:v>9.8898059999999996E-2</c:v>
                </c:pt>
                <c:pt idx="41">
                  <c:v>8.7887530000000005E-2</c:v>
                </c:pt>
              </c:numCache>
            </c:numRef>
          </c:xVal>
          <c:yVal>
            <c:numRef>
              <c:f>'Fig 1b'!$C$9:$C$54</c:f>
              <c:numCache>
                <c:formatCode>0.00</c:formatCode>
                <c:ptCount val="46"/>
                <c:pt idx="0">
                  <c:v>46.093559999999997</c:v>
                </c:pt>
                <c:pt idx="1">
                  <c:v>81.097099999999998</c:v>
                </c:pt>
                <c:pt idx="2">
                  <c:v>103.66976</c:v>
                </c:pt>
                <c:pt idx="3">
                  <c:v>135.09868</c:v>
                </c:pt>
                <c:pt idx="4">
                  <c:v>169.96827999999999</c:v>
                </c:pt>
                <c:pt idx="5">
                  <c:v>209.99034</c:v>
                </c:pt>
                <c:pt idx="6">
                  <c:v>252.02278000000001</c:v>
                </c:pt>
                <c:pt idx="7">
                  <c:v>295.43819999999999</c:v>
                </c:pt>
                <c:pt idx="8">
                  <c:v>340.69337000000002</c:v>
                </c:pt>
                <c:pt idx="9">
                  <c:v>386.33821999999998</c:v>
                </c:pt>
                <c:pt idx="10">
                  <c:v>432.01261</c:v>
                </c:pt>
                <c:pt idx="11">
                  <c:v>477.25891999999999</c:v>
                </c:pt>
                <c:pt idx="12">
                  <c:v>521.90521999999999</c:v>
                </c:pt>
                <c:pt idx="13">
                  <c:v>563.60135000000002</c:v>
                </c:pt>
                <c:pt idx="14">
                  <c:v>589.71241999999995</c:v>
                </c:pt>
                <c:pt idx="15">
                  <c:v>610.87265000000002</c:v>
                </c:pt>
                <c:pt idx="16">
                  <c:v>636.07024000000001</c:v>
                </c:pt>
                <c:pt idx="17">
                  <c:v>636.07024000000001</c:v>
                </c:pt>
                <c:pt idx="18">
                  <c:v>611.12991999999997</c:v>
                </c:pt>
                <c:pt idx="19">
                  <c:v>592.21113000000003</c:v>
                </c:pt>
                <c:pt idx="20">
                  <c:v>574.44248000000005</c:v>
                </c:pt>
                <c:pt idx="21">
                  <c:v>553.10308999999995</c:v>
                </c:pt>
                <c:pt idx="22">
                  <c:v>523.93931999999995</c:v>
                </c:pt>
                <c:pt idx="23">
                  <c:v>492.54557</c:v>
                </c:pt>
                <c:pt idx="24">
                  <c:v>460.63704999999999</c:v>
                </c:pt>
                <c:pt idx="25">
                  <c:v>428.50993</c:v>
                </c:pt>
                <c:pt idx="26">
                  <c:v>396.24200000000002</c:v>
                </c:pt>
                <c:pt idx="27">
                  <c:v>364.13861000000003</c:v>
                </c:pt>
                <c:pt idx="28">
                  <c:v>331.84687000000002</c:v>
                </c:pt>
                <c:pt idx="29">
                  <c:v>299.97471999999999</c:v>
                </c:pt>
                <c:pt idx="30">
                  <c:v>238.25864000000001</c:v>
                </c:pt>
                <c:pt idx="31">
                  <c:v>192.50482</c:v>
                </c:pt>
                <c:pt idx="32">
                  <c:v>163.20142999999999</c:v>
                </c:pt>
                <c:pt idx="33">
                  <c:v>142.91317000000001</c:v>
                </c:pt>
                <c:pt idx="34">
                  <c:v>127.31134</c:v>
                </c:pt>
                <c:pt idx="35">
                  <c:v>116.57062000000001</c:v>
                </c:pt>
                <c:pt idx="36">
                  <c:v>108.68049999999999</c:v>
                </c:pt>
                <c:pt idx="37">
                  <c:v>102.68172</c:v>
                </c:pt>
                <c:pt idx="38">
                  <c:v>97.1083</c:v>
                </c:pt>
                <c:pt idx="39">
                  <c:v>93.139780000000002</c:v>
                </c:pt>
                <c:pt idx="40">
                  <c:v>90.218040000000002</c:v>
                </c:pt>
                <c:pt idx="41">
                  <c:v>87.7872100000000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6938-4D76-A68D-B47ACC6905C7}"/>
            </c:ext>
          </c:extLst>
        </c:ser>
        <c:ser>
          <c:idx val="1"/>
          <c:order val="2"/>
          <c:tx>
            <c:strRef>
              <c:f>'Fig 1b'!$E$7</c:f>
              <c:strCache>
                <c:ptCount val="1"/>
                <c:pt idx="0">
                  <c:v>25BE5LU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solidFill>
                  <a:srgbClr val="C00000"/>
                </a:solidFill>
              </a:ln>
              <a:effectLst/>
            </c:spPr>
          </c:marker>
          <c:xVal>
            <c:numRef>
              <c:f>'Fig 1b'!$E$9:$E$46</c:f>
              <c:numCache>
                <c:formatCode>0.00</c:formatCode>
                <c:ptCount val="38"/>
                <c:pt idx="0">
                  <c:v>3.35703E-3</c:v>
                </c:pt>
                <c:pt idx="1">
                  <c:v>5.9863649999999997E-2</c:v>
                </c:pt>
                <c:pt idx="2">
                  <c:v>0.17366124999999999</c:v>
                </c:pt>
                <c:pt idx="3">
                  <c:v>0.38713247000000001</c:v>
                </c:pt>
                <c:pt idx="4">
                  <c:v>0.57991585999999995</c:v>
                </c:pt>
                <c:pt idx="5">
                  <c:v>0.70133025000000004</c:v>
                </c:pt>
                <c:pt idx="6">
                  <c:v>0.75966761999999999</c:v>
                </c:pt>
                <c:pt idx="7">
                  <c:v>0.78782352</c:v>
                </c:pt>
                <c:pt idx="8">
                  <c:v>0.79468496</c:v>
                </c:pt>
                <c:pt idx="9">
                  <c:v>0.79860518000000003</c:v>
                </c:pt>
                <c:pt idx="10">
                  <c:v>0.80327364000000001</c:v>
                </c:pt>
                <c:pt idx="11">
                  <c:v>0.80804127000000003</c:v>
                </c:pt>
                <c:pt idx="12">
                  <c:v>0.82373719000000001</c:v>
                </c:pt>
                <c:pt idx="13">
                  <c:v>0.89431505</c:v>
                </c:pt>
                <c:pt idx="14">
                  <c:v>0.95534353999999999</c:v>
                </c:pt>
                <c:pt idx="15">
                  <c:v>0.98361799000000005</c:v>
                </c:pt>
                <c:pt idx="16">
                  <c:v>0.98361799000000005</c:v>
                </c:pt>
                <c:pt idx="17">
                  <c:v>0.94359784000000002</c:v>
                </c:pt>
                <c:pt idx="18">
                  <c:v>0.87518547000000002</c:v>
                </c:pt>
                <c:pt idx="19">
                  <c:v>0.80832694999999999</c:v>
                </c:pt>
                <c:pt idx="20">
                  <c:v>0.76404585000000003</c:v>
                </c:pt>
                <c:pt idx="21">
                  <c:v>0.74898514000000005</c:v>
                </c:pt>
                <c:pt idx="22">
                  <c:v>0.74252311999999998</c:v>
                </c:pt>
                <c:pt idx="23">
                  <c:v>0.73903129999999995</c:v>
                </c:pt>
                <c:pt idx="24">
                  <c:v>0.73529303999999995</c:v>
                </c:pt>
                <c:pt idx="25">
                  <c:v>0.73191552000000004</c:v>
                </c:pt>
                <c:pt idx="26">
                  <c:v>0.72484804000000003</c:v>
                </c:pt>
                <c:pt idx="27">
                  <c:v>0.70648321000000003</c:v>
                </c:pt>
                <c:pt idx="28">
                  <c:v>0.62393206000000001</c:v>
                </c:pt>
                <c:pt idx="29">
                  <c:v>0.51393622999999999</c:v>
                </c:pt>
                <c:pt idx="30">
                  <c:v>0.40263436000000002</c:v>
                </c:pt>
                <c:pt idx="31">
                  <c:v>0.30882959999999998</c:v>
                </c:pt>
                <c:pt idx="32">
                  <c:v>0.23850199999999999</c:v>
                </c:pt>
                <c:pt idx="33">
                  <c:v>0.18841492000000001</c:v>
                </c:pt>
                <c:pt idx="34">
                  <c:v>0.15252336999999999</c:v>
                </c:pt>
                <c:pt idx="35">
                  <c:v>0.12700553000000001</c:v>
                </c:pt>
                <c:pt idx="36">
                  <c:v>0.10838436</c:v>
                </c:pt>
                <c:pt idx="37">
                  <c:v>9.4867720000000003E-2</c:v>
                </c:pt>
              </c:numCache>
            </c:numRef>
          </c:xVal>
          <c:yVal>
            <c:numRef>
              <c:f>'Fig 1b'!$F$9:$F$46</c:f>
              <c:numCache>
                <c:formatCode>0.00</c:formatCode>
                <c:ptCount val="38"/>
                <c:pt idx="0">
                  <c:v>46.88767</c:v>
                </c:pt>
                <c:pt idx="1">
                  <c:v>82.21181</c:v>
                </c:pt>
                <c:pt idx="2">
                  <c:v>105.11994</c:v>
                </c:pt>
                <c:pt idx="3">
                  <c:v>137.12253000000001</c:v>
                </c:pt>
                <c:pt idx="4">
                  <c:v>173.80837</c:v>
                </c:pt>
                <c:pt idx="5">
                  <c:v>216.36335</c:v>
                </c:pt>
                <c:pt idx="6">
                  <c:v>260.17012999999997</c:v>
                </c:pt>
                <c:pt idx="7">
                  <c:v>305.46095000000003</c:v>
                </c:pt>
                <c:pt idx="8">
                  <c:v>352.91320000000002</c:v>
                </c:pt>
                <c:pt idx="9">
                  <c:v>400.30471999999997</c:v>
                </c:pt>
                <c:pt idx="10">
                  <c:v>447.13639000000001</c:v>
                </c:pt>
                <c:pt idx="11">
                  <c:v>493.49635000000001</c:v>
                </c:pt>
                <c:pt idx="12">
                  <c:v>536.98976000000005</c:v>
                </c:pt>
                <c:pt idx="13">
                  <c:v>567.13878999999997</c:v>
                </c:pt>
                <c:pt idx="14">
                  <c:v>588.45947999999999</c:v>
                </c:pt>
                <c:pt idx="15">
                  <c:v>614.68418999999994</c:v>
                </c:pt>
                <c:pt idx="16">
                  <c:v>614.68418999999994</c:v>
                </c:pt>
                <c:pt idx="17">
                  <c:v>589.83793000000003</c:v>
                </c:pt>
                <c:pt idx="18">
                  <c:v>571.12855999999999</c:v>
                </c:pt>
                <c:pt idx="19">
                  <c:v>552.10287000000005</c:v>
                </c:pt>
                <c:pt idx="20">
                  <c:v>528.20605999999998</c:v>
                </c:pt>
                <c:pt idx="21">
                  <c:v>497.89035000000001</c:v>
                </c:pt>
                <c:pt idx="22">
                  <c:v>465.72487999999998</c:v>
                </c:pt>
                <c:pt idx="23">
                  <c:v>432.89785000000001</c:v>
                </c:pt>
                <c:pt idx="24">
                  <c:v>400.08461</c:v>
                </c:pt>
                <c:pt idx="25">
                  <c:v>367.19907000000001</c:v>
                </c:pt>
                <c:pt idx="26">
                  <c:v>301.59499</c:v>
                </c:pt>
                <c:pt idx="27">
                  <c:v>239.11973</c:v>
                </c:pt>
                <c:pt idx="28">
                  <c:v>192.40776</c:v>
                </c:pt>
                <c:pt idx="29">
                  <c:v>161.25273000000001</c:v>
                </c:pt>
                <c:pt idx="30">
                  <c:v>140.07247000000001</c:v>
                </c:pt>
                <c:pt idx="31">
                  <c:v>125.38373</c:v>
                </c:pt>
                <c:pt idx="32">
                  <c:v>114.84056</c:v>
                </c:pt>
                <c:pt idx="33">
                  <c:v>107.33174</c:v>
                </c:pt>
                <c:pt idx="34">
                  <c:v>100.86476</c:v>
                </c:pt>
                <c:pt idx="35">
                  <c:v>95.752020000000002</c:v>
                </c:pt>
                <c:pt idx="36">
                  <c:v>92.121399999999994</c:v>
                </c:pt>
                <c:pt idx="37">
                  <c:v>89.2583400000000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6938-4D76-A68D-B47ACC6905C7}"/>
            </c:ext>
          </c:extLst>
        </c:ser>
        <c:ser>
          <c:idx val="2"/>
          <c:order val="3"/>
          <c:tx>
            <c:strRef>
              <c:f>'Fig 1b'!$H$7</c:f>
              <c:strCache>
                <c:ptCount val="1"/>
                <c:pt idx="0">
                  <c:v>20BE10LU</c:v>
                </c:pt>
              </c:strCache>
            </c:strRef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1b'!$H$9:$H$47</c:f>
              <c:numCache>
                <c:formatCode>0.00</c:formatCode>
                <c:ptCount val="39"/>
                <c:pt idx="0">
                  <c:v>4.7436400000000004E-3</c:v>
                </c:pt>
                <c:pt idx="1">
                  <c:v>6.6830619999999993E-2</c:v>
                </c:pt>
                <c:pt idx="2">
                  <c:v>0.17994977000000001</c:v>
                </c:pt>
                <c:pt idx="3">
                  <c:v>0.39187947000000001</c:v>
                </c:pt>
                <c:pt idx="4">
                  <c:v>0.58003490999999996</c:v>
                </c:pt>
                <c:pt idx="5">
                  <c:v>0.69736997999999994</c:v>
                </c:pt>
                <c:pt idx="6">
                  <c:v>0.75656363999999998</c:v>
                </c:pt>
                <c:pt idx="7">
                  <c:v>0.78714941999999999</c:v>
                </c:pt>
                <c:pt idx="8">
                  <c:v>0.79904023999999996</c:v>
                </c:pt>
                <c:pt idx="9">
                  <c:v>0.80580514000000003</c:v>
                </c:pt>
                <c:pt idx="10">
                  <c:v>0.81189694000000001</c:v>
                </c:pt>
                <c:pt idx="11">
                  <c:v>0.81937932000000002</c:v>
                </c:pt>
                <c:pt idx="12">
                  <c:v>0.83081729999999998</c:v>
                </c:pt>
                <c:pt idx="13">
                  <c:v>0.86935702999999998</c:v>
                </c:pt>
                <c:pt idx="14">
                  <c:v>0.93397741000000001</c:v>
                </c:pt>
                <c:pt idx="15">
                  <c:v>0.98618702999999996</c:v>
                </c:pt>
                <c:pt idx="16">
                  <c:v>0.98618702999999996</c:v>
                </c:pt>
                <c:pt idx="17">
                  <c:v>0.92541728999999995</c:v>
                </c:pt>
                <c:pt idx="18">
                  <c:v>0.85352048000000003</c:v>
                </c:pt>
                <c:pt idx="19">
                  <c:v>0.79206982999999997</c:v>
                </c:pt>
                <c:pt idx="20">
                  <c:v>0.76756217000000004</c:v>
                </c:pt>
                <c:pt idx="21">
                  <c:v>0.75874268</c:v>
                </c:pt>
                <c:pt idx="22">
                  <c:v>0.75514619000000005</c:v>
                </c:pt>
                <c:pt idx="23">
                  <c:v>0.75180952999999995</c:v>
                </c:pt>
                <c:pt idx="24">
                  <c:v>0.74851504000000002</c:v>
                </c:pt>
                <c:pt idx="25">
                  <c:v>0.74628143999999996</c:v>
                </c:pt>
                <c:pt idx="26">
                  <c:v>0.74295365000000002</c:v>
                </c:pt>
                <c:pt idx="27">
                  <c:v>0.73691523999999997</c:v>
                </c:pt>
                <c:pt idx="28">
                  <c:v>0.72638475999999996</c:v>
                </c:pt>
                <c:pt idx="29">
                  <c:v>0.65170653999999995</c:v>
                </c:pt>
                <c:pt idx="30">
                  <c:v>0.54943160999999996</c:v>
                </c:pt>
                <c:pt idx="31">
                  <c:v>0.430504</c:v>
                </c:pt>
                <c:pt idx="32">
                  <c:v>0.32925114999999999</c:v>
                </c:pt>
                <c:pt idx="33">
                  <c:v>0.25307370000000001</c:v>
                </c:pt>
                <c:pt idx="34">
                  <c:v>0.19852326000000001</c:v>
                </c:pt>
                <c:pt idx="35">
                  <c:v>0.15972225000000001</c:v>
                </c:pt>
                <c:pt idx="36">
                  <c:v>0.13197660999999999</c:v>
                </c:pt>
                <c:pt idx="37">
                  <c:v>0.11209084</c:v>
                </c:pt>
                <c:pt idx="38">
                  <c:v>9.7559030000000005E-2</c:v>
                </c:pt>
              </c:numCache>
            </c:numRef>
          </c:xVal>
          <c:yVal>
            <c:numRef>
              <c:f>'Fig 1b'!$I$9:$I$47</c:f>
              <c:numCache>
                <c:formatCode>0.00</c:formatCode>
                <c:ptCount val="39"/>
                <c:pt idx="0">
                  <c:v>45.986289999999997</c:v>
                </c:pt>
                <c:pt idx="1">
                  <c:v>79.770679999999999</c:v>
                </c:pt>
                <c:pt idx="2">
                  <c:v>101.5361</c:v>
                </c:pt>
                <c:pt idx="3">
                  <c:v>133.21338</c:v>
                </c:pt>
                <c:pt idx="4">
                  <c:v>169.55117999999999</c:v>
                </c:pt>
                <c:pt idx="5">
                  <c:v>210.26075</c:v>
                </c:pt>
                <c:pt idx="6">
                  <c:v>252.52009000000001</c:v>
                </c:pt>
                <c:pt idx="7">
                  <c:v>296.69184000000001</c:v>
                </c:pt>
                <c:pt idx="8">
                  <c:v>342.31421999999998</c:v>
                </c:pt>
                <c:pt idx="9">
                  <c:v>387.80085000000003</c:v>
                </c:pt>
                <c:pt idx="10">
                  <c:v>432.54396000000003</c:v>
                </c:pt>
                <c:pt idx="11">
                  <c:v>476.48444000000001</c:v>
                </c:pt>
                <c:pt idx="12">
                  <c:v>519.58815000000004</c:v>
                </c:pt>
                <c:pt idx="13">
                  <c:v>546.29344000000003</c:v>
                </c:pt>
                <c:pt idx="14">
                  <c:v>567.08568000000002</c:v>
                </c:pt>
                <c:pt idx="15">
                  <c:v>589.10281999999995</c:v>
                </c:pt>
                <c:pt idx="16">
                  <c:v>589.10281999999995</c:v>
                </c:pt>
                <c:pt idx="17">
                  <c:v>569.07542999999998</c:v>
                </c:pt>
                <c:pt idx="18">
                  <c:v>551.46937000000003</c:v>
                </c:pt>
                <c:pt idx="19">
                  <c:v>531.51041999999995</c:v>
                </c:pt>
                <c:pt idx="20">
                  <c:v>503.62867</c:v>
                </c:pt>
                <c:pt idx="21">
                  <c:v>472.28352000000001</c:v>
                </c:pt>
                <c:pt idx="22">
                  <c:v>439.84955000000002</c:v>
                </c:pt>
                <c:pt idx="23">
                  <c:v>407.32019000000003</c:v>
                </c:pt>
                <c:pt idx="24">
                  <c:v>374.73811000000001</c:v>
                </c:pt>
                <c:pt idx="25">
                  <c:v>341.87747000000002</c:v>
                </c:pt>
                <c:pt idx="26">
                  <c:v>309.25018</c:v>
                </c:pt>
                <c:pt idx="27">
                  <c:v>277.25876</c:v>
                </c:pt>
                <c:pt idx="28">
                  <c:v>246.24454</c:v>
                </c:pt>
                <c:pt idx="29">
                  <c:v>196.33537999999999</c:v>
                </c:pt>
                <c:pt idx="30">
                  <c:v>163.64087000000001</c:v>
                </c:pt>
                <c:pt idx="31">
                  <c:v>140.6728</c:v>
                </c:pt>
                <c:pt idx="32">
                  <c:v>123.85227999999999</c:v>
                </c:pt>
                <c:pt idx="33">
                  <c:v>112.46598</c:v>
                </c:pt>
                <c:pt idx="34">
                  <c:v>104.31229</c:v>
                </c:pt>
                <c:pt idx="35">
                  <c:v>97.644090000000006</c:v>
                </c:pt>
                <c:pt idx="36">
                  <c:v>92.305509999999998</c:v>
                </c:pt>
                <c:pt idx="37">
                  <c:v>88.642039999999994</c:v>
                </c:pt>
                <c:pt idx="38">
                  <c:v>85.68317999999999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6938-4D76-A68D-B47ACC6905C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0.99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/P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  <c:majorUnit val="0.2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V (cm</a:t>
                </a:r>
                <a:r>
                  <a:rPr lang="en-US" baseline="30000"/>
                  <a:t>3</a:t>
                </a:r>
                <a:r>
                  <a:rPr lang="en-US"/>
                  <a:t>/g)</a:t>
                </a:r>
              </a:p>
            </c:rich>
          </c:tx>
          <c:layout>
            <c:manualLayout>
              <c:xMode val="edge"/>
              <c:yMode val="edge"/>
              <c:x val="3.7560444568216916E-2"/>
              <c:y val="0.2524416876860679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 w="9525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r"/>
      <c:layout>
        <c:manualLayout>
          <c:xMode val="edge"/>
          <c:yMode val="edge"/>
          <c:x val="0.21327498299331182"/>
          <c:y val="0.10184877531431023"/>
          <c:w val="0.32075556842750441"/>
          <c:h val="0.4711444551843573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Fig 6'!$D$9:$D$2696</c:f>
              <c:numCache>
                <c:formatCode>General</c:formatCode>
                <c:ptCount val="2688"/>
                <c:pt idx="0">
                  <c:v>100</c:v>
                </c:pt>
                <c:pt idx="1">
                  <c:v>99.99174334900917</c:v>
                </c:pt>
                <c:pt idx="2">
                  <c:v>99.983051421524621</c:v>
                </c:pt>
                <c:pt idx="3">
                  <c:v>99.974808372924215</c:v>
                </c:pt>
                <c:pt idx="4">
                  <c:v>99.967014203208009</c:v>
                </c:pt>
                <c:pt idx="5">
                  <c:v>99.958771154607646</c:v>
                </c:pt>
                <c:pt idx="6">
                  <c:v>99.950976984891426</c:v>
                </c:pt>
                <c:pt idx="7">
                  <c:v>99.943658898840255</c:v>
                </c:pt>
                <c:pt idx="8">
                  <c:v>99.936327210398645</c:v>
                </c:pt>
                <c:pt idx="9">
                  <c:v>99.928995521957049</c:v>
                </c:pt>
                <c:pt idx="10">
                  <c:v>99.921663833515453</c:v>
                </c:pt>
                <c:pt idx="11">
                  <c:v>99.914794626348453</c:v>
                </c:pt>
                <c:pt idx="12">
                  <c:v>99.908387900456077</c:v>
                </c:pt>
                <c:pt idx="13">
                  <c:v>99.901967572173263</c:v>
                </c:pt>
                <c:pt idx="14">
                  <c:v>99.896009725165058</c:v>
                </c:pt>
                <c:pt idx="15">
                  <c:v>99.889602999272668</c:v>
                </c:pt>
                <c:pt idx="16">
                  <c:v>99.883182670989854</c:v>
                </c:pt>
                <c:pt idx="17">
                  <c:v>99.877238426372088</c:v>
                </c:pt>
                <c:pt idx="18">
                  <c:v>99.871280579363898</c:v>
                </c:pt>
                <c:pt idx="19">
                  <c:v>99.865785213630303</c:v>
                </c:pt>
                <c:pt idx="20">
                  <c:v>99.859827366622113</c:v>
                </c:pt>
                <c:pt idx="21">
                  <c:v>99.854332000888519</c:v>
                </c:pt>
                <c:pt idx="22">
                  <c:v>99.8483741538803</c:v>
                </c:pt>
                <c:pt idx="23">
                  <c:v>99.84287878814672</c:v>
                </c:pt>
                <c:pt idx="24">
                  <c:v>99.837383422413126</c:v>
                </c:pt>
                <c:pt idx="25">
                  <c:v>99.832336935563717</c:v>
                </c:pt>
                <c:pt idx="26">
                  <c:v>99.827304051104733</c:v>
                </c:pt>
                <c:pt idx="27">
                  <c:v>99.822271166645749</c:v>
                </c:pt>
                <c:pt idx="28">
                  <c:v>99.81722467979634</c:v>
                </c:pt>
                <c:pt idx="29">
                  <c:v>99.812640674221541</c:v>
                </c:pt>
                <c:pt idx="30">
                  <c:v>99.807607789762542</c:v>
                </c:pt>
                <c:pt idx="31">
                  <c:v>99.803023784187744</c:v>
                </c:pt>
                <c:pt idx="32">
                  <c:v>99.798453381003355</c:v>
                </c:pt>
                <c:pt idx="33">
                  <c:v>99.793869375428571</c:v>
                </c:pt>
                <c:pt idx="34">
                  <c:v>99.789285369853758</c:v>
                </c:pt>
                <c:pt idx="35">
                  <c:v>99.784701364278959</c:v>
                </c:pt>
                <c:pt idx="36">
                  <c:v>99.780130961094585</c:v>
                </c:pt>
                <c:pt idx="37">
                  <c:v>99.775995834403957</c:v>
                </c:pt>
                <c:pt idx="38">
                  <c:v>99.771425431219583</c:v>
                </c:pt>
                <c:pt idx="39">
                  <c:v>99.767303906919395</c:v>
                </c:pt>
                <c:pt idx="40">
                  <c:v>99.763182382619192</c:v>
                </c:pt>
                <c:pt idx="41">
                  <c:v>99.759047255928564</c:v>
                </c:pt>
                <c:pt idx="42">
                  <c:v>99.754925731628376</c:v>
                </c:pt>
                <c:pt idx="43">
                  <c:v>99.750804207328187</c:v>
                </c:pt>
                <c:pt idx="44">
                  <c:v>99.74714516430258</c:v>
                </c:pt>
                <c:pt idx="45">
                  <c:v>99.743023640002406</c:v>
                </c:pt>
                <c:pt idx="46">
                  <c:v>99.739350994586388</c:v>
                </c:pt>
                <c:pt idx="47">
                  <c:v>99.735691951560796</c:v>
                </c:pt>
                <c:pt idx="48">
                  <c:v>99.732032908535203</c:v>
                </c:pt>
                <c:pt idx="49">
                  <c:v>99.728360263119214</c:v>
                </c:pt>
                <c:pt idx="50">
                  <c:v>99.724701220093621</c:v>
                </c:pt>
                <c:pt idx="51">
                  <c:v>99.721028574677604</c:v>
                </c:pt>
                <c:pt idx="52">
                  <c:v>99.716907050377401</c:v>
                </c:pt>
                <c:pt idx="53">
                  <c:v>99.713248007351822</c:v>
                </c:pt>
                <c:pt idx="54">
                  <c:v>99.70912648305162</c:v>
                </c:pt>
                <c:pt idx="55">
                  <c:v>99.705453837635616</c:v>
                </c:pt>
                <c:pt idx="56">
                  <c:v>99.701332313335413</c:v>
                </c:pt>
                <c:pt idx="57">
                  <c:v>99.696761910151039</c:v>
                </c:pt>
                <c:pt idx="58">
                  <c:v>99.692177904576241</c:v>
                </c:pt>
                <c:pt idx="59">
                  <c:v>99.688056380276052</c:v>
                </c:pt>
                <c:pt idx="60">
                  <c:v>99.683472374701239</c:v>
                </c:pt>
                <c:pt idx="61">
                  <c:v>99.67888836912644</c:v>
                </c:pt>
                <c:pt idx="62">
                  <c:v>99.674317965942066</c:v>
                </c:pt>
                <c:pt idx="63">
                  <c:v>99.669271479092643</c:v>
                </c:pt>
                <c:pt idx="64">
                  <c:v>99.664687473517844</c:v>
                </c:pt>
                <c:pt idx="65">
                  <c:v>99.66011707033347</c:v>
                </c:pt>
                <c:pt idx="66">
                  <c:v>99.655070583484061</c:v>
                </c:pt>
                <c:pt idx="67">
                  <c:v>99.650486577909263</c:v>
                </c:pt>
                <c:pt idx="68">
                  <c:v>99.645453693450278</c:v>
                </c:pt>
                <c:pt idx="69">
                  <c:v>99.64086968787548</c:v>
                </c:pt>
                <c:pt idx="70">
                  <c:v>99.635836803416495</c:v>
                </c:pt>
                <c:pt idx="71">
                  <c:v>99.630790316567072</c:v>
                </c:pt>
                <c:pt idx="72">
                  <c:v>99.625757432108102</c:v>
                </c:pt>
                <c:pt idx="73">
                  <c:v>99.620724547649104</c:v>
                </c:pt>
                <c:pt idx="74">
                  <c:v>99.615678060799681</c:v>
                </c:pt>
                <c:pt idx="75">
                  <c:v>99.611094055224896</c:v>
                </c:pt>
                <c:pt idx="76">
                  <c:v>99.606523652040508</c:v>
                </c:pt>
                <c:pt idx="77">
                  <c:v>99.601939646465709</c:v>
                </c:pt>
                <c:pt idx="78">
                  <c:v>99.59735564089091</c:v>
                </c:pt>
                <c:pt idx="79">
                  <c:v>99.593234116590722</c:v>
                </c:pt>
                <c:pt idx="80">
                  <c:v>99.588650111015923</c:v>
                </c:pt>
                <c:pt idx="81">
                  <c:v>99.58452858671572</c:v>
                </c:pt>
                <c:pt idx="82">
                  <c:v>99.580869543690127</c:v>
                </c:pt>
                <c:pt idx="83">
                  <c:v>99.577196898274124</c:v>
                </c:pt>
                <c:pt idx="84">
                  <c:v>99.574000336523156</c:v>
                </c:pt>
                <c:pt idx="85">
                  <c:v>99.570790172381734</c:v>
                </c:pt>
                <c:pt idx="86">
                  <c:v>99.567580008240327</c:v>
                </c:pt>
                <c:pt idx="87">
                  <c:v>99.563920965214734</c:v>
                </c:pt>
                <c:pt idx="88">
                  <c:v>99.561173282347951</c:v>
                </c:pt>
                <c:pt idx="89">
                  <c:v>99.557963118206544</c:v>
                </c:pt>
                <c:pt idx="90">
                  <c:v>99.555215435339733</c:v>
                </c:pt>
                <c:pt idx="91">
                  <c:v>99.552930233747546</c:v>
                </c:pt>
                <c:pt idx="92">
                  <c:v>99.552005271198325</c:v>
                </c:pt>
                <c:pt idx="93">
                  <c:v>99.549257588331542</c:v>
                </c:pt>
                <c:pt idx="94">
                  <c:v>99.54697238673937</c:v>
                </c:pt>
                <c:pt idx="95">
                  <c:v>99.545136064031354</c:v>
                </c:pt>
                <c:pt idx="96">
                  <c:v>99.543299741323338</c:v>
                </c:pt>
                <c:pt idx="97">
                  <c:v>99.541477021005775</c:v>
                </c:pt>
                <c:pt idx="98">
                  <c:v>99.539640698297745</c:v>
                </c:pt>
                <c:pt idx="99">
                  <c:v>99.537804375589758</c:v>
                </c:pt>
                <c:pt idx="100">
                  <c:v>99.536430534156338</c:v>
                </c:pt>
                <c:pt idx="101">
                  <c:v>99.535056692722961</c:v>
                </c:pt>
                <c:pt idx="102">
                  <c:v>99.533682851289555</c:v>
                </c:pt>
                <c:pt idx="103">
                  <c:v>99.532771491130774</c:v>
                </c:pt>
                <c:pt idx="104">
                  <c:v>99.531397649697368</c:v>
                </c:pt>
                <c:pt idx="105">
                  <c:v>99.530472687148148</c:v>
                </c:pt>
                <c:pt idx="106">
                  <c:v>99.530023808263962</c:v>
                </c:pt>
                <c:pt idx="107">
                  <c:v>99.529561326989366</c:v>
                </c:pt>
                <c:pt idx="108">
                  <c:v>99.528649966830557</c:v>
                </c:pt>
                <c:pt idx="109">
                  <c:v>99.528187485555961</c:v>
                </c:pt>
                <c:pt idx="110">
                  <c:v>99.527725004281351</c:v>
                </c:pt>
                <c:pt idx="111">
                  <c:v>99.526813644122569</c:v>
                </c:pt>
                <c:pt idx="112">
                  <c:v>99.526813644122569</c:v>
                </c:pt>
                <c:pt idx="113">
                  <c:v>99.526813644122569</c:v>
                </c:pt>
                <c:pt idx="114">
                  <c:v>99.526351162847959</c:v>
                </c:pt>
                <c:pt idx="115">
                  <c:v>99.525902283963774</c:v>
                </c:pt>
                <c:pt idx="116">
                  <c:v>99.525439802689164</c:v>
                </c:pt>
                <c:pt idx="117">
                  <c:v>99.523603479981162</c:v>
                </c:pt>
                <c:pt idx="118">
                  <c:v>99.523603479981162</c:v>
                </c:pt>
                <c:pt idx="119">
                  <c:v>99.523603479981162</c:v>
                </c:pt>
                <c:pt idx="120">
                  <c:v>99.523154601096991</c:v>
                </c:pt>
                <c:pt idx="121">
                  <c:v>99.522692119822381</c:v>
                </c:pt>
                <c:pt idx="122">
                  <c:v>99.521780759663585</c:v>
                </c:pt>
                <c:pt idx="123">
                  <c:v>99.521318278388961</c:v>
                </c:pt>
                <c:pt idx="124">
                  <c:v>99.520855797114351</c:v>
                </c:pt>
                <c:pt idx="125">
                  <c:v>99.520406918230179</c:v>
                </c:pt>
                <c:pt idx="126">
                  <c:v>99.519481955680959</c:v>
                </c:pt>
                <c:pt idx="127">
                  <c:v>99.519033076796802</c:v>
                </c:pt>
                <c:pt idx="128">
                  <c:v>99.518108114247568</c:v>
                </c:pt>
                <c:pt idx="129">
                  <c:v>99.517196754088772</c:v>
                </c:pt>
                <c:pt idx="130">
                  <c:v>99.516285393929977</c:v>
                </c:pt>
                <c:pt idx="131">
                  <c:v>99.51536043138077</c:v>
                </c:pt>
                <c:pt idx="132">
                  <c:v>99.514449071221989</c:v>
                </c:pt>
                <c:pt idx="133">
                  <c:v>99.513537711063194</c:v>
                </c:pt>
                <c:pt idx="134">
                  <c:v>99.512612748513973</c:v>
                </c:pt>
                <c:pt idx="135">
                  <c:v>99.511701388355192</c:v>
                </c:pt>
                <c:pt idx="136">
                  <c:v>99.510776425805972</c:v>
                </c:pt>
                <c:pt idx="137">
                  <c:v>99.509402584372566</c:v>
                </c:pt>
                <c:pt idx="138">
                  <c:v>99.508491224213785</c:v>
                </c:pt>
                <c:pt idx="139">
                  <c:v>99.507579864054989</c:v>
                </c:pt>
                <c:pt idx="140">
                  <c:v>99.506654901505769</c:v>
                </c:pt>
                <c:pt idx="141">
                  <c:v>99.505743541346973</c:v>
                </c:pt>
                <c:pt idx="142">
                  <c:v>99.504832181188192</c:v>
                </c:pt>
                <c:pt idx="143">
                  <c:v>99.503907218638972</c:v>
                </c:pt>
                <c:pt idx="144">
                  <c:v>99.502995858480176</c:v>
                </c:pt>
                <c:pt idx="145">
                  <c:v>99.502533377205566</c:v>
                </c:pt>
                <c:pt idx="146">
                  <c:v>99.501622017046785</c:v>
                </c:pt>
                <c:pt idx="147">
                  <c:v>99.50115953577216</c:v>
                </c:pt>
                <c:pt idx="148">
                  <c:v>99.500248175613393</c:v>
                </c:pt>
                <c:pt idx="149">
                  <c:v>99.499336815454598</c:v>
                </c:pt>
                <c:pt idx="150">
                  <c:v>99.498411852905377</c:v>
                </c:pt>
                <c:pt idx="151">
                  <c:v>99.497962974021206</c:v>
                </c:pt>
                <c:pt idx="152">
                  <c:v>99.497038011471986</c:v>
                </c:pt>
                <c:pt idx="153">
                  <c:v>99.496126651313205</c:v>
                </c:pt>
                <c:pt idx="154">
                  <c:v>99.495664170038594</c:v>
                </c:pt>
                <c:pt idx="155">
                  <c:v>99.494752809879799</c:v>
                </c:pt>
                <c:pt idx="156">
                  <c:v>99.494290328605189</c:v>
                </c:pt>
                <c:pt idx="157">
                  <c:v>99.493378968446393</c:v>
                </c:pt>
                <c:pt idx="158">
                  <c:v>99.492454005897173</c:v>
                </c:pt>
                <c:pt idx="159">
                  <c:v>99.491542645738406</c:v>
                </c:pt>
                <c:pt idx="160">
                  <c:v>99.491080164463781</c:v>
                </c:pt>
                <c:pt idx="161">
                  <c:v>99.49063128557961</c:v>
                </c:pt>
                <c:pt idx="162">
                  <c:v>99.490168804304986</c:v>
                </c:pt>
                <c:pt idx="163">
                  <c:v>99.48970632303039</c:v>
                </c:pt>
                <c:pt idx="164">
                  <c:v>99.488794962871594</c:v>
                </c:pt>
                <c:pt idx="165">
                  <c:v>99.487883602712799</c:v>
                </c:pt>
                <c:pt idx="166">
                  <c:v>99.487421121438203</c:v>
                </c:pt>
                <c:pt idx="167">
                  <c:v>99.486958640163607</c:v>
                </c:pt>
                <c:pt idx="168">
                  <c:v>99.486047280004811</c:v>
                </c:pt>
                <c:pt idx="169">
                  <c:v>99.485584798730201</c:v>
                </c:pt>
                <c:pt idx="170">
                  <c:v>99.484673438571392</c:v>
                </c:pt>
                <c:pt idx="171">
                  <c:v>99.484210957296781</c:v>
                </c:pt>
                <c:pt idx="172">
                  <c:v>99.483299597138014</c:v>
                </c:pt>
                <c:pt idx="173">
                  <c:v>99.48283711586339</c:v>
                </c:pt>
                <c:pt idx="174">
                  <c:v>99.482388236979219</c:v>
                </c:pt>
                <c:pt idx="175">
                  <c:v>99.481925755704609</c:v>
                </c:pt>
                <c:pt idx="176">
                  <c:v>99.481463274429998</c:v>
                </c:pt>
                <c:pt idx="177">
                  <c:v>99.480551914271203</c:v>
                </c:pt>
                <c:pt idx="178">
                  <c:v>99.480089432996593</c:v>
                </c:pt>
                <c:pt idx="179">
                  <c:v>99.479640554112407</c:v>
                </c:pt>
                <c:pt idx="180">
                  <c:v>99.479178072837811</c:v>
                </c:pt>
                <c:pt idx="181">
                  <c:v>99.479178072837811</c:v>
                </c:pt>
                <c:pt idx="182">
                  <c:v>99.478715591563201</c:v>
                </c:pt>
                <c:pt idx="183">
                  <c:v>99.478266712679016</c:v>
                </c:pt>
                <c:pt idx="184">
                  <c:v>99.477341750129796</c:v>
                </c:pt>
                <c:pt idx="185">
                  <c:v>99.476879268855186</c:v>
                </c:pt>
                <c:pt idx="186">
                  <c:v>99.475967908696404</c:v>
                </c:pt>
                <c:pt idx="187">
                  <c:v>99.475505427421794</c:v>
                </c:pt>
                <c:pt idx="188">
                  <c:v>99.474594067263013</c:v>
                </c:pt>
                <c:pt idx="189">
                  <c:v>99.474131585988403</c:v>
                </c:pt>
                <c:pt idx="190">
                  <c:v>99.473682707104217</c:v>
                </c:pt>
                <c:pt idx="191">
                  <c:v>99.473220225829607</c:v>
                </c:pt>
                <c:pt idx="192">
                  <c:v>99.472308865670826</c:v>
                </c:pt>
                <c:pt idx="193">
                  <c:v>99.471846384396216</c:v>
                </c:pt>
                <c:pt idx="194">
                  <c:v>99.47138390312162</c:v>
                </c:pt>
                <c:pt idx="195">
                  <c:v>99.470935024237434</c:v>
                </c:pt>
                <c:pt idx="196">
                  <c:v>99.470472542962796</c:v>
                </c:pt>
                <c:pt idx="197">
                  <c:v>99.470010061688214</c:v>
                </c:pt>
                <c:pt idx="198">
                  <c:v>99.469098701529404</c:v>
                </c:pt>
                <c:pt idx="199">
                  <c:v>99.468636220254794</c:v>
                </c:pt>
                <c:pt idx="200">
                  <c:v>99.468187341370637</c:v>
                </c:pt>
                <c:pt idx="201">
                  <c:v>99.467724860096013</c:v>
                </c:pt>
                <c:pt idx="202">
                  <c:v>99.467262378821417</c:v>
                </c:pt>
                <c:pt idx="203">
                  <c:v>99.466813499937217</c:v>
                </c:pt>
                <c:pt idx="204">
                  <c:v>99.465888537387997</c:v>
                </c:pt>
                <c:pt idx="205">
                  <c:v>99.465439658503826</c:v>
                </c:pt>
                <c:pt idx="206">
                  <c:v>99.464977177229215</c:v>
                </c:pt>
                <c:pt idx="207">
                  <c:v>99.464065817070434</c:v>
                </c:pt>
                <c:pt idx="208">
                  <c:v>99.463603335795824</c:v>
                </c:pt>
                <c:pt idx="209">
                  <c:v>99.463603335795824</c:v>
                </c:pt>
                <c:pt idx="210">
                  <c:v>99.4631408545212</c:v>
                </c:pt>
                <c:pt idx="211">
                  <c:v>99.4631408545212</c:v>
                </c:pt>
                <c:pt idx="212">
                  <c:v>99.462691975637028</c:v>
                </c:pt>
                <c:pt idx="213">
                  <c:v>99.462229494362418</c:v>
                </c:pt>
                <c:pt idx="214">
                  <c:v>99.462229494362418</c:v>
                </c:pt>
                <c:pt idx="215">
                  <c:v>99.461767013087808</c:v>
                </c:pt>
                <c:pt idx="216">
                  <c:v>99.460855652929027</c:v>
                </c:pt>
                <c:pt idx="217">
                  <c:v>99.459930690379807</c:v>
                </c:pt>
                <c:pt idx="218">
                  <c:v>99.459019330221025</c:v>
                </c:pt>
                <c:pt idx="219">
                  <c:v>99.458556848946401</c:v>
                </c:pt>
                <c:pt idx="220">
                  <c:v>99.45764548878762</c:v>
                </c:pt>
                <c:pt idx="221">
                  <c:v>99.457183007513009</c:v>
                </c:pt>
                <c:pt idx="222">
                  <c:v>99.456271647354228</c:v>
                </c:pt>
                <c:pt idx="223">
                  <c:v>99.455809166079618</c:v>
                </c:pt>
                <c:pt idx="224">
                  <c:v>99.455360287195433</c:v>
                </c:pt>
                <c:pt idx="225">
                  <c:v>99.454435324646212</c:v>
                </c:pt>
                <c:pt idx="226">
                  <c:v>99.453986445762027</c:v>
                </c:pt>
                <c:pt idx="227">
                  <c:v>99.453523964487417</c:v>
                </c:pt>
                <c:pt idx="228">
                  <c:v>99.453061483212807</c:v>
                </c:pt>
                <c:pt idx="229">
                  <c:v>99.45261260432865</c:v>
                </c:pt>
                <c:pt idx="230">
                  <c:v>99.452150123054011</c:v>
                </c:pt>
                <c:pt idx="231">
                  <c:v>99.451687641779429</c:v>
                </c:pt>
                <c:pt idx="232">
                  <c:v>99.45077628162062</c:v>
                </c:pt>
                <c:pt idx="233">
                  <c:v>99.450313800346024</c:v>
                </c:pt>
                <c:pt idx="234">
                  <c:v>99.449864921461838</c:v>
                </c:pt>
                <c:pt idx="235">
                  <c:v>99.448939958912632</c:v>
                </c:pt>
                <c:pt idx="236">
                  <c:v>99.448491080028447</c:v>
                </c:pt>
                <c:pt idx="237">
                  <c:v>99.448028598753837</c:v>
                </c:pt>
                <c:pt idx="238">
                  <c:v>99.447117238595055</c:v>
                </c:pt>
                <c:pt idx="239">
                  <c:v>99.446654757320431</c:v>
                </c:pt>
                <c:pt idx="240">
                  <c:v>99.446654757320431</c:v>
                </c:pt>
                <c:pt idx="241">
                  <c:v>99.446192276045821</c:v>
                </c:pt>
                <c:pt idx="242">
                  <c:v>99.446192276045821</c:v>
                </c:pt>
                <c:pt idx="243">
                  <c:v>99.446192276045821</c:v>
                </c:pt>
                <c:pt idx="244">
                  <c:v>99.446192276045821</c:v>
                </c:pt>
                <c:pt idx="245">
                  <c:v>99.446192276045821</c:v>
                </c:pt>
                <c:pt idx="246">
                  <c:v>99.44574339716165</c:v>
                </c:pt>
                <c:pt idx="247">
                  <c:v>99.44574339716165</c:v>
                </c:pt>
                <c:pt idx="248">
                  <c:v>99.445280915887039</c:v>
                </c:pt>
                <c:pt idx="249">
                  <c:v>99.445280915887039</c:v>
                </c:pt>
                <c:pt idx="250">
                  <c:v>99.444818434612429</c:v>
                </c:pt>
                <c:pt idx="251">
                  <c:v>99.444369555728244</c:v>
                </c:pt>
                <c:pt idx="252">
                  <c:v>99.443907074453648</c:v>
                </c:pt>
                <c:pt idx="253">
                  <c:v>99.443444593179038</c:v>
                </c:pt>
                <c:pt idx="254">
                  <c:v>99.443444593179038</c:v>
                </c:pt>
                <c:pt idx="255">
                  <c:v>99.442995714294852</c:v>
                </c:pt>
                <c:pt idx="256">
                  <c:v>99.442995714294852</c:v>
                </c:pt>
                <c:pt idx="257">
                  <c:v>99.442533233020242</c:v>
                </c:pt>
                <c:pt idx="258">
                  <c:v>99.442533233020242</c:v>
                </c:pt>
                <c:pt idx="259">
                  <c:v>99.442070751745632</c:v>
                </c:pt>
                <c:pt idx="260">
                  <c:v>99.442070751745632</c:v>
                </c:pt>
                <c:pt idx="261">
                  <c:v>99.442070751745632</c:v>
                </c:pt>
                <c:pt idx="262">
                  <c:v>99.441608270471022</c:v>
                </c:pt>
                <c:pt idx="263">
                  <c:v>99.441159391586837</c:v>
                </c:pt>
                <c:pt idx="264">
                  <c:v>99.440696910312226</c:v>
                </c:pt>
                <c:pt idx="265">
                  <c:v>99.440234429037616</c:v>
                </c:pt>
                <c:pt idx="266">
                  <c:v>99.439785550153431</c:v>
                </c:pt>
                <c:pt idx="267">
                  <c:v>99.439323068878835</c:v>
                </c:pt>
                <c:pt idx="268">
                  <c:v>99.438860587604225</c:v>
                </c:pt>
                <c:pt idx="269">
                  <c:v>99.437949227445444</c:v>
                </c:pt>
                <c:pt idx="270">
                  <c:v>99.437486746170819</c:v>
                </c:pt>
                <c:pt idx="271">
                  <c:v>99.437037867286634</c:v>
                </c:pt>
                <c:pt idx="272">
                  <c:v>99.436112904737442</c:v>
                </c:pt>
                <c:pt idx="273">
                  <c:v>99.435664025853242</c:v>
                </c:pt>
                <c:pt idx="274">
                  <c:v>99.434739063304036</c:v>
                </c:pt>
                <c:pt idx="275">
                  <c:v>99.433827703145226</c:v>
                </c:pt>
                <c:pt idx="276">
                  <c:v>99.433365221870645</c:v>
                </c:pt>
                <c:pt idx="277">
                  <c:v>99.432916342986459</c:v>
                </c:pt>
                <c:pt idx="278">
                  <c:v>99.432453861711835</c:v>
                </c:pt>
                <c:pt idx="279">
                  <c:v>99.431991380437239</c:v>
                </c:pt>
                <c:pt idx="280">
                  <c:v>99.431542501553054</c:v>
                </c:pt>
                <c:pt idx="281">
                  <c:v>99.431080020278443</c:v>
                </c:pt>
                <c:pt idx="282">
                  <c:v>99.430617539003833</c:v>
                </c:pt>
                <c:pt idx="283">
                  <c:v>99.430168660119662</c:v>
                </c:pt>
                <c:pt idx="284">
                  <c:v>99.429706178845052</c:v>
                </c:pt>
                <c:pt idx="285">
                  <c:v>99.429243697570442</c:v>
                </c:pt>
                <c:pt idx="286">
                  <c:v>99.428794818686256</c:v>
                </c:pt>
                <c:pt idx="287">
                  <c:v>99.428794818686256</c:v>
                </c:pt>
                <c:pt idx="288">
                  <c:v>99.428332337411646</c:v>
                </c:pt>
                <c:pt idx="289">
                  <c:v>99.428332337411646</c:v>
                </c:pt>
                <c:pt idx="290">
                  <c:v>99.427869856137036</c:v>
                </c:pt>
                <c:pt idx="291">
                  <c:v>99.427869856137036</c:v>
                </c:pt>
                <c:pt idx="292">
                  <c:v>99.427420977252851</c:v>
                </c:pt>
                <c:pt idx="293">
                  <c:v>99.426958495978241</c:v>
                </c:pt>
                <c:pt idx="294">
                  <c:v>99.426958495978241</c:v>
                </c:pt>
                <c:pt idx="295">
                  <c:v>99.426496014703631</c:v>
                </c:pt>
                <c:pt idx="296">
                  <c:v>99.426496014703631</c:v>
                </c:pt>
                <c:pt idx="297">
                  <c:v>99.426047135819459</c:v>
                </c:pt>
                <c:pt idx="298">
                  <c:v>99.426047135819459</c:v>
                </c:pt>
                <c:pt idx="299">
                  <c:v>99.426047135819459</c:v>
                </c:pt>
                <c:pt idx="300">
                  <c:v>99.426047135819459</c:v>
                </c:pt>
                <c:pt idx="301">
                  <c:v>99.426047135819459</c:v>
                </c:pt>
                <c:pt idx="302">
                  <c:v>99.426047135819459</c:v>
                </c:pt>
                <c:pt idx="303">
                  <c:v>99.426047135819459</c:v>
                </c:pt>
                <c:pt idx="304">
                  <c:v>99.426047135819459</c:v>
                </c:pt>
                <c:pt idx="305">
                  <c:v>99.425584654544849</c:v>
                </c:pt>
                <c:pt idx="306">
                  <c:v>99.425122173270239</c:v>
                </c:pt>
                <c:pt idx="307">
                  <c:v>99.425122173270239</c:v>
                </c:pt>
                <c:pt idx="308">
                  <c:v>99.424659691995629</c:v>
                </c:pt>
                <c:pt idx="309">
                  <c:v>99.424210813111458</c:v>
                </c:pt>
                <c:pt idx="310">
                  <c:v>99.424210813111458</c:v>
                </c:pt>
                <c:pt idx="311">
                  <c:v>99.423748331836848</c:v>
                </c:pt>
                <c:pt idx="312">
                  <c:v>99.423285850562237</c:v>
                </c:pt>
                <c:pt idx="313">
                  <c:v>99.423285850562237</c:v>
                </c:pt>
                <c:pt idx="314">
                  <c:v>99.422836971678066</c:v>
                </c:pt>
                <c:pt idx="315">
                  <c:v>99.422374490403442</c:v>
                </c:pt>
                <c:pt idx="316">
                  <c:v>99.421912009128832</c:v>
                </c:pt>
                <c:pt idx="317">
                  <c:v>99.421912009128832</c:v>
                </c:pt>
                <c:pt idx="318">
                  <c:v>99.421463130244661</c:v>
                </c:pt>
                <c:pt idx="319">
                  <c:v>99.421463130244661</c:v>
                </c:pt>
                <c:pt idx="320">
                  <c:v>99.421000648970065</c:v>
                </c:pt>
                <c:pt idx="321">
                  <c:v>99.42053816769544</c:v>
                </c:pt>
                <c:pt idx="322">
                  <c:v>99.42053816769544</c:v>
                </c:pt>
                <c:pt idx="323">
                  <c:v>99.420089288811269</c:v>
                </c:pt>
                <c:pt idx="324">
                  <c:v>99.420089288811269</c:v>
                </c:pt>
                <c:pt idx="325">
                  <c:v>99.420089288811269</c:v>
                </c:pt>
                <c:pt idx="326">
                  <c:v>99.420089288811269</c:v>
                </c:pt>
                <c:pt idx="327">
                  <c:v>99.419626807536659</c:v>
                </c:pt>
                <c:pt idx="328">
                  <c:v>99.419164326262049</c:v>
                </c:pt>
                <c:pt idx="329">
                  <c:v>99.419164326262049</c:v>
                </c:pt>
                <c:pt idx="330">
                  <c:v>99.419164326262049</c:v>
                </c:pt>
                <c:pt idx="331">
                  <c:v>99.418715447377849</c:v>
                </c:pt>
                <c:pt idx="332">
                  <c:v>99.418252966103253</c:v>
                </c:pt>
                <c:pt idx="333">
                  <c:v>99.418252966103253</c:v>
                </c:pt>
                <c:pt idx="334">
                  <c:v>99.417790484828629</c:v>
                </c:pt>
                <c:pt idx="335">
                  <c:v>99.417341605944472</c:v>
                </c:pt>
                <c:pt idx="336">
                  <c:v>99.416879124669848</c:v>
                </c:pt>
                <c:pt idx="337">
                  <c:v>99.416416643395252</c:v>
                </c:pt>
                <c:pt idx="338">
                  <c:v>99.415967764511066</c:v>
                </c:pt>
                <c:pt idx="339">
                  <c:v>99.415505283236456</c:v>
                </c:pt>
                <c:pt idx="340">
                  <c:v>99.415505283236456</c:v>
                </c:pt>
                <c:pt idx="341">
                  <c:v>99.415042801961846</c:v>
                </c:pt>
                <c:pt idx="342">
                  <c:v>99.415042801961846</c:v>
                </c:pt>
                <c:pt idx="343">
                  <c:v>99.414593923077661</c:v>
                </c:pt>
                <c:pt idx="344">
                  <c:v>99.414593923077661</c:v>
                </c:pt>
                <c:pt idx="345">
                  <c:v>99.41413144180305</c:v>
                </c:pt>
                <c:pt idx="346">
                  <c:v>99.41413144180305</c:v>
                </c:pt>
                <c:pt idx="347">
                  <c:v>99.41413144180305</c:v>
                </c:pt>
                <c:pt idx="348">
                  <c:v>99.41366896052844</c:v>
                </c:pt>
                <c:pt idx="349">
                  <c:v>99.412757600369659</c:v>
                </c:pt>
                <c:pt idx="350">
                  <c:v>99.412295119095035</c:v>
                </c:pt>
                <c:pt idx="351">
                  <c:v>99.411383758936253</c:v>
                </c:pt>
                <c:pt idx="352">
                  <c:v>99.410921277661643</c:v>
                </c:pt>
                <c:pt idx="353">
                  <c:v>99.410472398777472</c:v>
                </c:pt>
                <c:pt idx="354">
                  <c:v>99.410009917502862</c:v>
                </c:pt>
                <c:pt idx="355">
                  <c:v>99.409547436228252</c:v>
                </c:pt>
                <c:pt idx="356">
                  <c:v>99.40909855734408</c:v>
                </c:pt>
                <c:pt idx="357">
                  <c:v>99.40863607606947</c:v>
                </c:pt>
                <c:pt idx="358">
                  <c:v>99.40817359479486</c:v>
                </c:pt>
                <c:pt idx="359">
                  <c:v>99.407724715910675</c:v>
                </c:pt>
                <c:pt idx="360">
                  <c:v>99.407724715910675</c:v>
                </c:pt>
                <c:pt idx="361">
                  <c:v>99.407724715910675</c:v>
                </c:pt>
                <c:pt idx="362">
                  <c:v>99.407724715910675</c:v>
                </c:pt>
                <c:pt idx="363">
                  <c:v>99.407724715910675</c:v>
                </c:pt>
                <c:pt idx="364">
                  <c:v>99.407724715910675</c:v>
                </c:pt>
                <c:pt idx="365">
                  <c:v>99.407262234636079</c:v>
                </c:pt>
                <c:pt idx="366">
                  <c:v>99.407262234636079</c:v>
                </c:pt>
                <c:pt idx="367">
                  <c:v>99.407262234636079</c:v>
                </c:pt>
                <c:pt idx="368">
                  <c:v>99.406799753361454</c:v>
                </c:pt>
                <c:pt idx="369">
                  <c:v>99.406799753361454</c:v>
                </c:pt>
                <c:pt idx="370">
                  <c:v>99.406799753361454</c:v>
                </c:pt>
                <c:pt idx="371">
                  <c:v>99.406337272086844</c:v>
                </c:pt>
                <c:pt idx="372">
                  <c:v>99.406337272086844</c:v>
                </c:pt>
                <c:pt idx="373">
                  <c:v>99.406337272086844</c:v>
                </c:pt>
                <c:pt idx="374">
                  <c:v>99.406337272086844</c:v>
                </c:pt>
                <c:pt idx="375">
                  <c:v>99.406337272086844</c:v>
                </c:pt>
                <c:pt idx="376">
                  <c:v>99.406337272086844</c:v>
                </c:pt>
                <c:pt idx="377">
                  <c:v>99.405888393202673</c:v>
                </c:pt>
                <c:pt idx="378">
                  <c:v>99.405888393202673</c:v>
                </c:pt>
                <c:pt idx="379">
                  <c:v>99.405888393202673</c:v>
                </c:pt>
                <c:pt idx="380">
                  <c:v>99.405888393202673</c:v>
                </c:pt>
                <c:pt idx="381">
                  <c:v>99.405888393202673</c:v>
                </c:pt>
                <c:pt idx="382">
                  <c:v>99.405888393202673</c:v>
                </c:pt>
                <c:pt idx="383">
                  <c:v>99.405888393202673</c:v>
                </c:pt>
                <c:pt idx="384">
                  <c:v>99.406337272086844</c:v>
                </c:pt>
                <c:pt idx="385">
                  <c:v>99.406337272086844</c:v>
                </c:pt>
                <c:pt idx="386">
                  <c:v>99.407262234636079</c:v>
                </c:pt>
                <c:pt idx="387">
                  <c:v>99.407262234636079</c:v>
                </c:pt>
                <c:pt idx="388">
                  <c:v>99.407262234636079</c:v>
                </c:pt>
                <c:pt idx="389">
                  <c:v>99.406799753361454</c:v>
                </c:pt>
                <c:pt idx="390">
                  <c:v>99.406799753361454</c:v>
                </c:pt>
                <c:pt idx="391">
                  <c:v>99.406337272086844</c:v>
                </c:pt>
                <c:pt idx="392">
                  <c:v>99.406337272086844</c:v>
                </c:pt>
                <c:pt idx="393">
                  <c:v>99.406337272086844</c:v>
                </c:pt>
                <c:pt idx="394">
                  <c:v>99.405888393202673</c:v>
                </c:pt>
                <c:pt idx="395">
                  <c:v>99.405888393202673</c:v>
                </c:pt>
                <c:pt idx="396">
                  <c:v>99.405425911928063</c:v>
                </c:pt>
                <c:pt idx="397">
                  <c:v>99.405425911928063</c:v>
                </c:pt>
                <c:pt idx="398">
                  <c:v>99.405425911928063</c:v>
                </c:pt>
                <c:pt idx="399">
                  <c:v>99.405425911928063</c:v>
                </c:pt>
                <c:pt idx="400">
                  <c:v>99.405425911928063</c:v>
                </c:pt>
                <c:pt idx="401">
                  <c:v>99.405425911928063</c:v>
                </c:pt>
                <c:pt idx="402">
                  <c:v>99.405425911928063</c:v>
                </c:pt>
                <c:pt idx="403">
                  <c:v>99.404963430653453</c:v>
                </c:pt>
                <c:pt idx="404">
                  <c:v>99.404963430653453</c:v>
                </c:pt>
                <c:pt idx="405">
                  <c:v>99.404514551769267</c:v>
                </c:pt>
                <c:pt idx="406">
                  <c:v>99.403589589220047</c:v>
                </c:pt>
                <c:pt idx="407">
                  <c:v>99.403140710335862</c:v>
                </c:pt>
                <c:pt idx="408">
                  <c:v>99.402215747786641</c:v>
                </c:pt>
                <c:pt idx="409">
                  <c:v>99.401766868902484</c:v>
                </c:pt>
                <c:pt idx="410">
                  <c:v>99.400841906353264</c:v>
                </c:pt>
                <c:pt idx="411">
                  <c:v>99.400393027469065</c:v>
                </c:pt>
                <c:pt idx="412">
                  <c:v>99.399468064919859</c:v>
                </c:pt>
                <c:pt idx="413">
                  <c:v>99.399019186035673</c:v>
                </c:pt>
                <c:pt idx="414">
                  <c:v>99.398094223486467</c:v>
                </c:pt>
                <c:pt idx="415">
                  <c:v>99.397182863327671</c:v>
                </c:pt>
                <c:pt idx="416">
                  <c:v>99.396720382053076</c:v>
                </c:pt>
                <c:pt idx="417">
                  <c:v>99.395809021894266</c:v>
                </c:pt>
                <c:pt idx="418">
                  <c:v>99.395346540619684</c:v>
                </c:pt>
                <c:pt idx="419">
                  <c:v>99.394897661735484</c:v>
                </c:pt>
                <c:pt idx="420">
                  <c:v>99.394897661735484</c:v>
                </c:pt>
                <c:pt idx="421">
                  <c:v>99.394435180460874</c:v>
                </c:pt>
                <c:pt idx="422">
                  <c:v>99.393972699186264</c:v>
                </c:pt>
                <c:pt idx="423">
                  <c:v>99.393523820302093</c:v>
                </c:pt>
                <c:pt idx="424">
                  <c:v>99.393061339027483</c:v>
                </c:pt>
                <c:pt idx="425">
                  <c:v>99.393061339027483</c:v>
                </c:pt>
                <c:pt idx="426">
                  <c:v>99.392598857752873</c:v>
                </c:pt>
                <c:pt idx="427">
                  <c:v>99.392598857752873</c:v>
                </c:pt>
                <c:pt idx="428">
                  <c:v>99.392149978868687</c:v>
                </c:pt>
                <c:pt idx="429">
                  <c:v>99.392149978868687</c:v>
                </c:pt>
                <c:pt idx="430">
                  <c:v>99.391687497594077</c:v>
                </c:pt>
                <c:pt idx="431">
                  <c:v>99.392149978868687</c:v>
                </c:pt>
                <c:pt idx="432">
                  <c:v>99.392149978868687</c:v>
                </c:pt>
                <c:pt idx="433">
                  <c:v>99.391687497594077</c:v>
                </c:pt>
                <c:pt idx="434">
                  <c:v>99.391687497594077</c:v>
                </c:pt>
                <c:pt idx="435">
                  <c:v>99.391687497594077</c:v>
                </c:pt>
                <c:pt idx="436">
                  <c:v>99.390776137435282</c:v>
                </c:pt>
                <c:pt idx="437">
                  <c:v>99.389851174886076</c:v>
                </c:pt>
                <c:pt idx="438">
                  <c:v>99.390313656160671</c:v>
                </c:pt>
                <c:pt idx="439">
                  <c:v>99.389851174886076</c:v>
                </c:pt>
                <c:pt idx="440">
                  <c:v>99.390313656160671</c:v>
                </c:pt>
                <c:pt idx="441">
                  <c:v>99.390313656160671</c:v>
                </c:pt>
                <c:pt idx="442">
                  <c:v>99.390776137435282</c:v>
                </c:pt>
                <c:pt idx="443">
                  <c:v>99.390776137435282</c:v>
                </c:pt>
                <c:pt idx="444">
                  <c:v>99.391687497594077</c:v>
                </c:pt>
                <c:pt idx="445">
                  <c:v>99.391225016319467</c:v>
                </c:pt>
                <c:pt idx="446">
                  <c:v>99.390313656160671</c:v>
                </c:pt>
                <c:pt idx="447">
                  <c:v>99.389851174886076</c:v>
                </c:pt>
                <c:pt idx="448">
                  <c:v>99.38940229600189</c:v>
                </c:pt>
                <c:pt idx="449">
                  <c:v>99.38893981472728</c:v>
                </c:pt>
                <c:pt idx="450">
                  <c:v>99.38801485217806</c:v>
                </c:pt>
                <c:pt idx="451">
                  <c:v>99.387565973293889</c:v>
                </c:pt>
                <c:pt idx="452">
                  <c:v>99.386641010744654</c:v>
                </c:pt>
                <c:pt idx="453">
                  <c:v>99.386641010744654</c:v>
                </c:pt>
                <c:pt idx="454">
                  <c:v>99.386192131860469</c:v>
                </c:pt>
                <c:pt idx="455">
                  <c:v>99.386192131860469</c:v>
                </c:pt>
                <c:pt idx="456">
                  <c:v>99.386192131860469</c:v>
                </c:pt>
                <c:pt idx="457">
                  <c:v>99.386192131860469</c:v>
                </c:pt>
                <c:pt idx="458">
                  <c:v>99.386192131860469</c:v>
                </c:pt>
                <c:pt idx="459">
                  <c:v>99.385729650585887</c:v>
                </c:pt>
                <c:pt idx="460">
                  <c:v>99.385729650585887</c:v>
                </c:pt>
                <c:pt idx="461">
                  <c:v>99.385267169311277</c:v>
                </c:pt>
                <c:pt idx="462">
                  <c:v>99.385267169311277</c:v>
                </c:pt>
                <c:pt idx="463">
                  <c:v>99.385267169311277</c:v>
                </c:pt>
                <c:pt idx="464">
                  <c:v>99.385729650585887</c:v>
                </c:pt>
                <c:pt idx="465">
                  <c:v>99.385267169311277</c:v>
                </c:pt>
                <c:pt idx="466">
                  <c:v>99.385267169311277</c:v>
                </c:pt>
                <c:pt idx="467">
                  <c:v>99.385729650585887</c:v>
                </c:pt>
                <c:pt idx="468">
                  <c:v>99.385267169311277</c:v>
                </c:pt>
                <c:pt idx="469">
                  <c:v>99.383893327877871</c:v>
                </c:pt>
                <c:pt idx="470">
                  <c:v>99.384355809152481</c:v>
                </c:pt>
                <c:pt idx="471">
                  <c:v>99.384355809152481</c:v>
                </c:pt>
                <c:pt idx="472">
                  <c:v>99.384355809152481</c:v>
                </c:pt>
                <c:pt idx="473">
                  <c:v>99.384355809152481</c:v>
                </c:pt>
                <c:pt idx="474">
                  <c:v>99.384355809152481</c:v>
                </c:pt>
                <c:pt idx="475">
                  <c:v>99.384355809152481</c:v>
                </c:pt>
                <c:pt idx="476">
                  <c:v>99.384355809152481</c:v>
                </c:pt>
                <c:pt idx="477">
                  <c:v>99.384355809152481</c:v>
                </c:pt>
                <c:pt idx="478">
                  <c:v>99.384818290427077</c:v>
                </c:pt>
                <c:pt idx="479">
                  <c:v>99.384355809152481</c:v>
                </c:pt>
                <c:pt idx="480">
                  <c:v>99.384355809152481</c:v>
                </c:pt>
                <c:pt idx="481">
                  <c:v>99.383893327877871</c:v>
                </c:pt>
                <c:pt idx="482">
                  <c:v>99.383444448993671</c:v>
                </c:pt>
                <c:pt idx="483">
                  <c:v>99.38298196771909</c:v>
                </c:pt>
                <c:pt idx="484">
                  <c:v>99.38251948644448</c:v>
                </c:pt>
                <c:pt idx="485">
                  <c:v>99.38251948644448</c:v>
                </c:pt>
                <c:pt idx="486">
                  <c:v>99.382070607560294</c:v>
                </c:pt>
                <c:pt idx="487">
                  <c:v>99.382070607560294</c:v>
                </c:pt>
                <c:pt idx="488">
                  <c:v>99.381608126285698</c:v>
                </c:pt>
                <c:pt idx="489">
                  <c:v>99.381608126285698</c:v>
                </c:pt>
                <c:pt idx="490">
                  <c:v>99.381145645011088</c:v>
                </c:pt>
                <c:pt idx="491">
                  <c:v>99.380234284852278</c:v>
                </c:pt>
                <c:pt idx="492">
                  <c:v>99.379771803577682</c:v>
                </c:pt>
                <c:pt idx="493">
                  <c:v>99.379322924693497</c:v>
                </c:pt>
                <c:pt idx="494">
                  <c:v>99.378860443418887</c:v>
                </c:pt>
                <c:pt idx="495">
                  <c:v>99.378860443418887</c:v>
                </c:pt>
                <c:pt idx="496">
                  <c:v>99.378397962144277</c:v>
                </c:pt>
                <c:pt idx="497">
                  <c:v>99.378397962144277</c:v>
                </c:pt>
                <c:pt idx="498">
                  <c:v>99.377949083260091</c:v>
                </c:pt>
                <c:pt idx="499">
                  <c:v>99.377949083260091</c:v>
                </c:pt>
                <c:pt idx="500">
                  <c:v>99.377949083260091</c:v>
                </c:pt>
                <c:pt idx="501">
                  <c:v>99.377949083260091</c:v>
                </c:pt>
                <c:pt idx="502">
                  <c:v>99.377486601985481</c:v>
                </c:pt>
                <c:pt idx="503">
                  <c:v>99.377486601985481</c:v>
                </c:pt>
                <c:pt idx="504">
                  <c:v>99.377486601985481</c:v>
                </c:pt>
                <c:pt idx="505">
                  <c:v>99.377024120710871</c:v>
                </c:pt>
                <c:pt idx="506">
                  <c:v>99.377024120710871</c:v>
                </c:pt>
                <c:pt idx="507">
                  <c:v>99.377024120710871</c:v>
                </c:pt>
                <c:pt idx="508">
                  <c:v>99.377024120710871</c:v>
                </c:pt>
                <c:pt idx="509">
                  <c:v>99.377024120710871</c:v>
                </c:pt>
                <c:pt idx="510">
                  <c:v>99.3765752418267</c:v>
                </c:pt>
                <c:pt idx="511">
                  <c:v>99.377024120710871</c:v>
                </c:pt>
                <c:pt idx="512">
                  <c:v>99.377024120710871</c:v>
                </c:pt>
                <c:pt idx="513">
                  <c:v>99.3765752418267</c:v>
                </c:pt>
                <c:pt idx="514">
                  <c:v>99.376112760552076</c:v>
                </c:pt>
                <c:pt idx="515">
                  <c:v>99.376112760552076</c:v>
                </c:pt>
                <c:pt idx="516">
                  <c:v>99.376112760552076</c:v>
                </c:pt>
                <c:pt idx="517">
                  <c:v>99.375650279277465</c:v>
                </c:pt>
                <c:pt idx="518">
                  <c:v>99.375650279277465</c:v>
                </c:pt>
                <c:pt idx="519">
                  <c:v>99.375201400393294</c:v>
                </c:pt>
                <c:pt idx="520">
                  <c:v>99.375201400393294</c:v>
                </c:pt>
                <c:pt idx="521">
                  <c:v>99.375201400393294</c:v>
                </c:pt>
                <c:pt idx="522">
                  <c:v>99.375201400393294</c:v>
                </c:pt>
                <c:pt idx="523">
                  <c:v>99.375201400393294</c:v>
                </c:pt>
                <c:pt idx="524">
                  <c:v>99.374738919118684</c:v>
                </c:pt>
                <c:pt idx="525">
                  <c:v>99.374738919118684</c:v>
                </c:pt>
                <c:pt idx="526">
                  <c:v>99.374276437844074</c:v>
                </c:pt>
                <c:pt idx="527">
                  <c:v>99.374276437844074</c:v>
                </c:pt>
                <c:pt idx="528">
                  <c:v>99.374276437844074</c:v>
                </c:pt>
                <c:pt idx="529">
                  <c:v>99.374738919118684</c:v>
                </c:pt>
                <c:pt idx="530">
                  <c:v>99.374738919118684</c:v>
                </c:pt>
                <c:pt idx="531">
                  <c:v>99.374738919118684</c:v>
                </c:pt>
                <c:pt idx="532">
                  <c:v>99.374738919118684</c:v>
                </c:pt>
                <c:pt idx="533">
                  <c:v>99.374738919118684</c:v>
                </c:pt>
                <c:pt idx="534">
                  <c:v>99.375201400393294</c:v>
                </c:pt>
                <c:pt idx="535">
                  <c:v>99.375650279277465</c:v>
                </c:pt>
                <c:pt idx="536">
                  <c:v>99.3765752418267</c:v>
                </c:pt>
                <c:pt idx="537">
                  <c:v>99.377486601985481</c:v>
                </c:pt>
                <c:pt idx="538">
                  <c:v>99.378860443418887</c:v>
                </c:pt>
                <c:pt idx="539">
                  <c:v>99.380696766126889</c:v>
                </c:pt>
                <c:pt idx="540">
                  <c:v>99.38251948644448</c:v>
                </c:pt>
                <c:pt idx="541">
                  <c:v>99.384818290427077</c:v>
                </c:pt>
                <c:pt idx="542">
                  <c:v>99.387103492019278</c:v>
                </c:pt>
                <c:pt idx="543">
                  <c:v>99.38940229600189</c:v>
                </c:pt>
                <c:pt idx="544">
                  <c:v>99.391687497594077</c:v>
                </c:pt>
                <c:pt idx="545">
                  <c:v>99.393972699186264</c:v>
                </c:pt>
                <c:pt idx="546">
                  <c:v>99.396271503168876</c:v>
                </c:pt>
                <c:pt idx="547">
                  <c:v>99.398556704761063</c:v>
                </c:pt>
                <c:pt idx="548">
                  <c:v>99.401304387627874</c:v>
                </c:pt>
                <c:pt idx="549">
                  <c:v>99.403589589220047</c:v>
                </c:pt>
                <c:pt idx="550">
                  <c:v>99.405888393202673</c:v>
                </c:pt>
                <c:pt idx="551">
                  <c:v>99.40817359479486</c:v>
                </c:pt>
                <c:pt idx="552">
                  <c:v>99.410472398777472</c:v>
                </c:pt>
                <c:pt idx="553">
                  <c:v>99.412757600369659</c:v>
                </c:pt>
                <c:pt idx="554">
                  <c:v>99.415042801961846</c:v>
                </c:pt>
                <c:pt idx="555">
                  <c:v>99.417341605944472</c:v>
                </c:pt>
                <c:pt idx="556">
                  <c:v>99.419626807536659</c:v>
                </c:pt>
                <c:pt idx="557">
                  <c:v>99.421912009128832</c:v>
                </c:pt>
                <c:pt idx="558">
                  <c:v>99.423748331836848</c:v>
                </c:pt>
                <c:pt idx="559">
                  <c:v>99.425584654544849</c:v>
                </c:pt>
                <c:pt idx="560">
                  <c:v>99.427420977252851</c:v>
                </c:pt>
                <c:pt idx="561">
                  <c:v>99.428332337411646</c:v>
                </c:pt>
                <c:pt idx="562">
                  <c:v>99.429243697570442</c:v>
                </c:pt>
                <c:pt idx="563">
                  <c:v>99.430168660119662</c:v>
                </c:pt>
                <c:pt idx="564">
                  <c:v>99.430168660119662</c:v>
                </c:pt>
                <c:pt idx="565">
                  <c:v>99.430617539003833</c:v>
                </c:pt>
                <c:pt idx="566">
                  <c:v>99.430168660119662</c:v>
                </c:pt>
                <c:pt idx="567">
                  <c:v>99.430168660119662</c:v>
                </c:pt>
                <c:pt idx="568">
                  <c:v>99.430168660119662</c:v>
                </c:pt>
                <c:pt idx="569">
                  <c:v>99.429706178845052</c:v>
                </c:pt>
                <c:pt idx="570">
                  <c:v>99.429243697570442</c:v>
                </c:pt>
                <c:pt idx="571">
                  <c:v>99.428794818686256</c:v>
                </c:pt>
                <c:pt idx="572">
                  <c:v>99.428332337411646</c:v>
                </c:pt>
                <c:pt idx="573">
                  <c:v>99.427869856137036</c:v>
                </c:pt>
                <c:pt idx="574">
                  <c:v>99.427420977252851</c:v>
                </c:pt>
                <c:pt idx="575">
                  <c:v>99.426958495978241</c:v>
                </c:pt>
                <c:pt idx="576">
                  <c:v>99.426496014703631</c:v>
                </c:pt>
                <c:pt idx="577">
                  <c:v>99.425584654544849</c:v>
                </c:pt>
                <c:pt idx="578">
                  <c:v>99.424659691995629</c:v>
                </c:pt>
                <c:pt idx="579">
                  <c:v>99.423748331836848</c:v>
                </c:pt>
                <c:pt idx="580">
                  <c:v>99.422374490403442</c:v>
                </c:pt>
                <c:pt idx="581">
                  <c:v>99.421000648970065</c:v>
                </c:pt>
                <c:pt idx="582">
                  <c:v>99.420089288811269</c:v>
                </c:pt>
                <c:pt idx="583">
                  <c:v>99.418715447377849</c:v>
                </c:pt>
                <c:pt idx="584">
                  <c:v>99.417790484828629</c:v>
                </c:pt>
                <c:pt idx="585">
                  <c:v>99.416416643395252</c:v>
                </c:pt>
                <c:pt idx="586">
                  <c:v>99.415505283236456</c:v>
                </c:pt>
                <c:pt idx="587">
                  <c:v>99.41413144180305</c:v>
                </c:pt>
                <c:pt idx="588">
                  <c:v>99.413220081644269</c:v>
                </c:pt>
                <c:pt idx="589">
                  <c:v>99.412295119095035</c:v>
                </c:pt>
                <c:pt idx="590">
                  <c:v>99.411846240210878</c:v>
                </c:pt>
                <c:pt idx="591">
                  <c:v>99.410472398777472</c:v>
                </c:pt>
                <c:pt idx="592">
                  <c:v>99.409547436228252</c:v>
                </c:pt>
                <c:pt idx="593">
                  <c:v>99.40817359479486</c:v>
                </c:pt>
                <c:pt idx="594">
                  <c:v>99.407262234636079</c:v>
                </c:pt>
                <c:pt idx="595">
                  <c:v>99.405888393202673</c:v>
                </c:pt>
                <c:pt idx="596">
                  <c:v>99.404052070494657</c:v>
                </c:pt>
                <c:pt idx="597">
                  <c:v>99.402678229061266</c:v>
                </c:pt>
                <c:pt idx="598">
                  <c:v>99.401304387627874</c:v>
                </c:pt>
                <c:pt idx="599">
                  <c:v>99.399930546194483</c:v>
                </c:pt>
                <c:pt idx="600">
                  <c:v>99.399930546194483</c:v>
                </c:pt>
                <c:pt idx="601">
                  <c:v>99.398556704761063</c:v>
                </c:pt>
                <c:pt idx="602">
                  <c:v>99.397645344602282</c:v>
                </c:pt>
                <c:pt idx="603">
                  <c:v>99.396271503168876</c:v>
                </c:pt>
                <c:pt idx="604">
                  <c:v>99.395346540619684</c:v>
                </c:pt>
                <c:pt idx="605">
                  <c:v>99.393972699186264</c:v>
                </c:pt>
                <c:pt idx="606">
                  <c:v>99.393061339027483</c:v>
                </c:pt>
                <c:pt idx="607">
                  <c:v>99.391687497594077</c:v>
                </c:pt>
                <c:pt idx="608">
                  <c:v>99.389851174886076</c:v>
                </c:pt>
                <c:pt idx="609">
                  <c:v>99.38893981472728</c:v>
                </c:pt>
                <c:pt idx="610">
                  <c:v>99.387565973293889</c:v>
                </c:pt>
                <c:pt idx="611">
                  <c:v>99.386641010744654</c:v>
                </c:pt>
                <c:pt idx="612">
                  <c:v>99.386192131860469</c:v>
                </c:pt>
                <c:pt idx="613">
                  <c:v>99.384355809152481</c:v>
                </c:pt>
                <c:pt idx="614">
                  <c:v>99.382070607560294</c:v>
                </c:pt>
                <c:pt idx="615">
                  <c:v>99.380234284852278</c:v>
                </c:pt>
                <c:pt idx="616">
                  <c:v>99.378397962144277</c:v>
                </c:pt>
                <c:pt idx="617">
                  <c:v>99.3765752418267</c:v>
                </c:pt>
                <c:pt idx="618">
                  <c:v>99.375201400393294</c:v>
                </c:pt>
                <c:pt idx="619">
                  <c:v>99.373365077685293</c:v>
                </c:pt>
                <c:pt idx="620">
                  <c:v>99.371528754977277</c:v>
                </c:pt>
                <c:pt idx="621">
                  <c:v>99.37061739481851</c:v>
                </c:pt>
                <c:pt idx="622">
                  <c:v>99.368781072110494</c:v>
                </c:pt>
                <c:pt idx="623">
                  <c:v>99.366944749402464</c:v>
                </c:pt>
                <c:pt idx="624">
                  <c:v>99.365122029084901</c:v>
                </c:pt>
                <c:pt idx="625">
                  <c:v>99.361911864943494</c:v>
                </c:pt>
                <c:pt idx="626">
                  <c:v>99.359626663351307</c:v>
                </c:pt>
                <c:pt idx="627">
                  <c:v>99.357327859368695</c:v>
                </c:pt>
                <c:pt idx="628">
                  <c:v>99.355505139051132</c:v>
                </c:pt>
                <c:pt idx="629">
                  <c:v>99.353668816343117</c:v>
                </c:pt>
                <c:pt idx="630">
                  <c:v>99.351370012360491</c:v>
                </c:pt>
                <c:pt idx="631">
                  <c:v>99.349547292042899</c:v>
                </c:pt>
                <c:pt idx="632">
                  <c:v>99.347710969334898</c:v>
                </c:pt>
                <c:pt idx="633">
                  <c:v>99.34587464662691</c:v>
                </c:pt>
                <c:pt idx="634">
                  <c:v>99.343589445034709</c:v>
                </c:pt>
                <c:pt idx="635">
                  <c:v>99.341304243442536</c:v>
                </c:pt>
                <c:pt idx="636">
                  <c:v>99.33900543945991</c:v>
                </c:pt>
                <c:pt idx="637">
                  <c:v>99.335346396434332</c:v>
                </c:pt>
                <c:pt idx="638">
                  <c:v>99.333510073726316</c:v>
                </c:pt>
                <c:pt idx="639">
                  <c:v>99.331673751018315</c:v>
                </c:pt>
                <c:pt idx="640">
                  <c:v>99.329851030700723</c:v>
                </c:pt>
                <c:pt idx="641">
                  <c:v>99.327552226718112</c:v>
                </c:pt>
                <c:pt idx="642">
                  <c:v>99.325267025125925</c:v>
                </c:pt>
                <c:pt idx="643">
                  <c:v>99.322981823533752</c:v>
                </c:pt>
                <c:pt idx="644">
                  <c:v>99.320234140666955</c:v>
                </c:pt>
                <c:pt idx="645">
                  <c:v>99.317935336684329</c:v>
                </c:pt>
                <c:pt idx="646">
                  <c:v>99.315650135092142</c:v>
                </c:pt>
                <c:pt idx="647">
                  <c:v>99.313351331109516</c:v>
                </c:pt>
                <c:pt idx="648">
                  <c:v>99.311066129517357</c:v>
                </c:pt>
                <c:pt idx="649">
                  <c:v>99.308780927925142</c:v>
                </c:pt>
                <c:pt idx="650">
                  <c:v>99.306482123942544</c:v>
                </c:pt>
                <c:pt idx="651">
                  <c:v>99.303734441075747</c:v>
                </c:pt>
                <c:pt idx="652">
                  <c:v>99.301449239483546</c:v>
                </c:pt>
                <c:pt idx="653">
                  <c:v>99.299612916775544</c:v>
                </c:pt>
                <c:pt idx="654">
                  <c:v>99.297327715183343</c:v>
                </c:pt>
                <c:pt idx="655">
                  <c:v>99.295028911200745</c:v>
                </c:pt>
                <c:pt idx="656">
                  <c:v>99.292743709608544</c:v>
                </c:pt>
                <c:pt idx="657">
                  <c:v>99.290458508016371</c:v>
                </c:pt>
                <c:pt idx="658">
                  <c:v>99.288159704033745</c:v>
                </c:pt>
                <c:pt idx="659">
                  <c:v>99.285874502441558</c:v>
                </c:pt>
                <c:pt idx="660">
                  <c:v>99.283589300849385</c:v>
                </c:pt>
                <c:pt idx="661">
                  <c:v>99.28129049686676</c:v>
                </c:pt>
                <c:pt idx="662">
                  <c:v>99.279005295274587</c:v>
                </c:pt>
                <c:pt idx="663">
                  <c:v>99.276706491291947</c:v>
                </c:pt>
                <c:pt idx="664">
                  <c:v>99.273958808425149</c:v>
                </c:pt>
                <c:pt idx="665">
                  <c:v>99.271673606832962</c:v>
                </c:pt>
                <c:pt idx="666">
                  <c:v>99.26938840524079</c:v>
                </c:pt>
                <c:pt idx="667">
                  <c:v>99.266640722374007</c:v>
                </c:pt>
                <c:pt idx="668">
                  <c:v>99.263879437116771</c:v>
                </c:pt>
                <c:pt idx="669">
                  <c:v>99.261594235524569</c:v>
                </c:pt>
                <c:pt idx="670">
                  <c:v>99.258846552657772</c:v>
                </c:pt>
                <c:pt idx="671">
                  <c:v>99.255636388516379</c:v>
                </c:pt>
                <c:pt idx="672">
                  <c:v>99.252888705649582</c:v>
                </c:pt>
                <c:pt idx="673">
                  <c:v>99.250603504057395</c:v>
                </c:pt>
                <c:pt idx="674">
                  <c:v>99.248767181349379</c:v>
                </c:pt>
                <c:pt idx="675">
                  <c:v>99.247393339915988</c:v>
                </c:pt>
                <c:pt idx="676">
                  <c:v>99.244645657049176</c:v>
                </c:pt>
                <c:pt idx="677">
                  <c:v>99.241897974182379</c:v>
                </c:pt>
                <c:pt idx="678">
                  <c:v>99.239150291315596</c:v>
                </c:pt>
                <c:pt idx="679">
                  <c:v>99.235940127174189</c:v>
                </c:pt>
                <c:pt idx="680">
                  <c:v>99.23274356542322</c:v>
                </c:pt>
                <c:pt idx="681">
                  <c:v>99.229533401281813</c:v>
                </c:pt>
                <c:pt idx="682">
                  <c:v>99.226323237140392</c:v>
                </c:pt>
                <c:pt idx="683">
                  <c:v>99.223113072998999</c:v>
                </c:pt>
                <c:pt idx="684">
                  <c:v>99.21945402997342</c:v>
                </c:pt>
                <c:pt idx="685">
                  <c:v>99.216243865832013</c:v>
                </c:pt>
                <c:pt idx="686">
                  <c:v>99.21304730408103</c:v>
                </c:pt>
                <c:pt idx="687">
                  <c:v>99.209837139939637</c:v>
                </c:pt>
                <c:pt idx="688">
                  <c:v>99.208000817231607</c:v>
                </c:pt>
                <c:pt idx="689">
                  <c:v>99.204790653090214</c:v>
                </c:pt>
                <c:pt idx="690">
                  <c:v>99.201131610064635</c:v>
                </c:pt>
                <c:pt idx="691">
                  <c:v>99.197472567039043</c:v>
                </c:pt>
                <c:pt idx="692">
                  <c:v>99.194262402897621</c:v>
                </c:pt>
                <c:pt idx="693">
                  <c:v>99.191514720030838</c:v>
                </c:pt>
                <c:pt idx="694">
                  <c:v>99.188304555889431</c:v>
                </c:pt>
                <c:pt idx="695">
                  <c:v>99.185094391748024</c:v>
                </c:pt>
                <c:pt idx="696">
                  <c:v>99.182346708881227</c:v>
                </c:pt>
                <c:pt idx="697">
                  <c:v>99.179599026014444</c:v>
                </c:pt>
                <c:pt idx="698">
                  <c:v>99.176402464263461</c:v>
                </c:pt>
                <c:pt idx="699">
                  <c:v>99.172729818847444</c:v>
                </c:pt>
                <c:pt idx="700">
                  <c:v>99.167696934388445</c:v>
                </c:pt>
                <c:pt idx="701">
                  <c:v>99.164024288972456</c:v>
                </c:pt>
                <c:pt idx="702">
                  <c:v>99.160827727221474</c:v>
                </c:pt>
                <c:pt idx="703">
                  <c:v>99.157617563080052</c:v>
                </c:pt>
                <c:pt idx="704">
                  <c:v>99.154869880213269</c:v>
                </c:pt>
                <c:pt idx="705">
                  <c:v>99.152122197346472</c:v>
                </c:pt>
                <c:pt idx="706">
                  <c:v>99.149374514479675</c:v>
                </c:pt>
                <c:pt idx="707">
                  <c:v>99.146164350338282</c:v>
                </c:pt>
                <c:pt idx="708">
                  <c:v>99.143416667471456</c:v>
                </c:pt>
                <c:pt idx="709">
                  <c:v>99.141131465879283</c:v>
                </c:pt>
                <c:pt idx="710">
                  <c:v>99.13792130173789</c:v>
                </c:pt>
                <c:pt idx="711">
                  <c:v>99.135173618871093</c:v>
                </c:pt>
                <c:pt idx="712">
                  <c:v>99.132425936004282</c:v>
                </c:pt>
                <c:pt idx="713">
                  <c:v>99.128304411704079</c:v>
                </c:pt>
                <c:pt idx="714">
                  <c:v>99.1250942475627</c:v>
                </c:pt>
                <c:pt idx="715">
                  <c:v>99.122346564695903</c:v>
                </c:pt>
                <c:pt idx="716">
                  <c:v>99.119598881829091</c:v>
                </c:pt>
                <c:pt idx="717">
                  <c:v>99.116851198962294</c:v>
                </c:pt>
                <c:pt idx="718">
                  <c:v>99.113641034820901</c:v>
                </c:pt>
                <c:pt idx="719">
                  <c:v>99.110893351954104</c:v>
                </c:pt>
                <c:pt idx="720">
                  <c:v>99.107683187812697</c:v>
                </c:pt>
                <c:pt idx="721">
                  <c:v>99.104473023671289</c:v>
                </c:pt>
                <c:pt idx="722">
                  <c:v>99.101276461920307</c:v>
                </c:pt>
                <c:pt idx="723">
                  <c:v>99.098066297778914</c:v>
                </c:pt>
                <c:pt idx="724">
                  <c:v>99.094856133637492</c:v>
                </c:pt>
                <c:pt idx="725">
                  <c:v>99.092108450770695</c:v>
                </c:pt>
                <c:pt idx="726">
                  <c:v>99.089360767903912</c:v>
                </c:pt>
                <c:pt idx="727">
                  <c:v>99.086150603762519</c:v>
                </c:pt>
                <c:pt idx="728">
                  <c:v>99.083402920895708</c:v>
                </c:pt>
                <c:pt idx="729">
                  <c:v>99.080206359144739</c:v>
                </c:pt>
                <c:pt idx="730">
                  <c:v>99.076996195003332</c:v>
                </c:pt>
                <c:pt idx="731">
                  <c:v>99.073786030861925</c:v>
                </c:pt>
                <c:pt idx="732">
                  <c:v>99.070589469110942</c:v>
                </c:pt>
                <c:pt idx="733">
                  <c:v>99.067379304969535</c:v>
                </c:pt>
                <c:pt idx="734">
                  <c:v>99.064169140828128</c:v>
                </c:pt>
                <c:pt idx="735">
                  <c:v>99.06095897668672</c:v>
                </c:pt>
                <c:pt idx="736">
                  <c:v>99.057762414935738</c:v>
                </c:pt>
                <c:pt idx="737">
                  <c:v>99.05408976951972</c:v>
                </c:pt>
                <c:pt idx="738">
                  <c:v>99.050879605378341</c:v>
                </c:pt>
                <c:pt idx="739">
                  <c:v>99.047683043627359</c:v>
                </c:pt>
                <c:pt idx="740">
                  <c:v>99.044472879485951</c:v>
                </c:pt>
                <c:pt idx="741">
                  <c:v>99.041262715344544</c:v>
                </c:pt>
                <c:pt idx="742">
                  <c:v>99.038066153593562</c:v>
                </c:pt>
                <c:pt idx="743">
                  <c:v>99.034855989452154</c:v>
                </c:pt>
                <c:pt idx="744">
                  <c:v>99.031645825310761</c:v>
                </c:pt>
                <c:pt idx="745">
                  <c:v>99.028898142443964</c:v>
                </c:pt>
                <c:pt idx="746">
                  <c:v>99.025687978302543</c:v>
                </c:pt>
                <c:pt idx="747">
                  <c:v>99.02249141655156</c:v>
                </c:pt>
                <c:pt idx="748">
                  <c:v>99.019281252410181</c:v>
                </c:pt>
                <c:pt idx="749">
                  <c:v>99.015608606994149</c:v>
                </c:pt>
                <c:pt idx="750">
                  <c:v>99.012412045243181</c:v>
                </c:pt>
                <c:pt idx="751">
                  <c:v>99.009201881101788</c:v>
                </c:pt>
                <c:pt idx="752">
                  <c:v>99.005991716960366</c:v>
                </c:pt>
                <c:pt idx="753">
                  <c:v>99.002795155209384</c:v>
                </c:pt>
                <c:pt idx="754">
                  <c:v>98.999584991067977</c:v>
                </c:pt>
                <c:pt idx="755">
                  <c:v>98.996374826926598</c:v>
                </c:pt>
                <c:pt idx="756">
                  <c:v>98.993164662785176</c:v>
                </c:pt>
                <c:pt idx="757">
                  <c:v>98.989968101034208</c:v>
                </c:pt>
                <c:pt idx="758">
                  <c:v>98.986757936892801</c:v>
                </c:pt>
                <c:pt idx="759">
                  <c:v>98.983547772751407</c:v>
                </c:pt>
                <c:pt idx="760">
                  <c:v>98.980337608609986</c:v>
                </c:pt>
                <c:pt idx="761">
                  <c:v>98.977141046859003</c:v>
                </c:pt>
                <c:pt idx="762">
                  <c:v>98.97393088271761</c:v>
                </c:pt>
                <c:pt idx="763">
                  <c:v>98.971183199850813</c:v>
                </c:pt>
                <c:pt idx="764">
                  <c:v>98.967973035709406</c:v>
                </c:pt>
                <c:pt idx="765">
                  <c:v>98.965225352842594</c:v>
                </c:pt>
                <c:pt idx="766">
                  <c:v>98.962015188701201</c:v>
                </c:pt>
                <c:pt idx="767">
                  <c:v>98.958818626950233</c:v>
                </c:pt>
                <c:pt idx="768">
                  <c:v>98.955608462808826</c:v>
                </c:pt>
                <c:pt idx="769">
                  <c:v>98.952398298667404</c:v>
                </c:pt>
                <c:pt idx="770">
                  <c:v>98.949201736916436</c:v>
                </c:pt>
                <c:pt idx="771">
                  <c:v>98.945991572775029</c:v>
                </c:pt>
                <c:pt idx="772">
                  <c:v>98.942781408633635</c:v>
                </c:pt>
                <c:pt idx="773">
                  <c:v>98.939571244492214</c:v>
                </c:pt>
                <c:pt idx="774">
                  <c:v>98.936374682741231</c:v>
                </c:pt>
                <c:pt idx="775">
                  <c:v>98.933164518599852</c:v>
                </c:pt>
                <c:pt idx="776">
                  <c:v>98.929954354458445</c:v>
                </c:pt>
                <c:pt idx="777">
                  <c:v>98.926744190317024</c:v>
                </c:pt>
                <c:pt idx="778">
                  <c:v>98.923085147291445</c:v>
                </c:pt>
                <c:pt idx="779">
                  <c:v>98.919874983150052</c:v>
                </c:pt>
                <c:pt idx="780">
                  <c:v>98.91667842139907</c:v>
                </c:pt>
                <c:pt idx="781">
                  <c:v>98.913005775983038</c:v>
                </c:pt>
                <c:pt idx="782">
                  <c:v>98.909795611841631</c:v>
                </c:pt>
                <c:pt idx="783">
                  <c:v>98.907047928974848</c:v>
                </c:pt>
                <c:pt idx="784">
                  <c:v>98.903851367223865</c:v>
                </c:pt>
                <c:pt idx="785">
                  <c:v>98.900641203082458</c:v>
                </c:pt>
                <c:pt idx="786">
                  <c:v>98.897431038941065</c:v>
                </c:pt>
                <c:pt idx="787">
                  <c:v>98.893771995915486</c:v>
                </c:pt>
                <c:pt idx="788">
                  <c:v>98.890099350499455</c:v>
                </c:pt>
                <c:pt idx="789">
                  <c:v>98.886440307473876</c:v>
                </c:pt>
                <c:pt idx="790">
                  <c:v>98.882781264448283</c:v>
                </c:pt>
                <c:pt idx="791">
                  <c:v>98.87910861903228</c:v>
                </c:pt>
                <c:pt idx="792">
                  <c:v>98.875912057281298</c:v>
                </c:pt>
                <c:pt idx="793">
                  <c:v>98.873150772024061</c:v>
                </c:pt>
                <c:pt idx="794">
                  <c:v>98.869954210273093</c:v>
                </c:pt>
                <c:pt idx="795">
                  <c:v>98.8667440461317</c:v>
                </c:pt>
                <c:pt idx="796">
                  <c:v>98.863533881990278</c:v>
                </c:pt>
                <c:pt idx="797">
                  <c:v>98.86033732023931</c:v>
                </c:pt>
                <c:pt idx="798">
                  <c:v>98.856664674823293</c:v>
                </c:pt>
                <c:pt idx="799">
                  <c:v>98.853454510681885</c:v>
                </c:pt>
                <c:pt idx="800">
                  <c:v>98.850257948930917</c:v>
                </c:pt>
                <c:pt idx="801">
                  <c:v>98.847047784789495</c:v>
                </c:pt>
                <c:pt idx="802">
                  <c:v>98.843388741763931</c:v>
                </c:pt>
                <c:pt idx="803">
                  <c:v>98.839716096347914</c:v>
                </c:pt>
                <c:pt idx="804">
                  <c:v>98.836505932206492</c:v>
                </c:pt>
                <c:pt idx="805">
                  <c:v>98.833309370455538</c:v>
                </c:pt>
                <c:pt idx="806">
                  <c:v>98.830099206314102</c:v>
                </c:pt>
                <c:pt idx="807">
                  <c:v>98.826440163288538</c:v>
                </c:pt>
                <c:pt idx="808">
                  <c:v>98.823229999147131</c:v>
                </c:pt>
                <c:pt idx="809">
                  <c:v>98.820019835005724</c:v>
                </c:pt>
                <c:pt idx="810">
                  <c:v>98.816360791980145</c:v>
                </c:pt>
                <c:pt idx="811">
                  <c:v>98.812688146564128</c:v>
                </c:pt>
                <c:pt idx="812">
                  <c:v>98.809029103538535</c:v>
                </c:pt>
                <c:pt idx="813">
                  <c:v>98.805818939397128</c:v>
                </c:pt>
                <c:pt idx="814">
                  <c:v>98.80260877525572</c:v>
                </c:pt>
                <c:pt idx="815">
                  <c:v>98.798949732230142</c:v>
                </c:pt>
                <c:pt idx="816">
                  <c:v>98.795290689204549</c:v>
                </c:pt>
                <c:pt idx="817">
                  <c:v>98.79161804378856</c:v>
                </c:pt>
                <c:pt idx="818">
                  <c:v>98.787959000762953</c:v>
                </c:pt>
                <c:pt idx="819">
                  <c:v>98.783837476462764</c:v>
                </c:pt>
                <c:pt idx="820">
                  <c:v>98.780164831046761</c:v>
                </c:pt>
                <c:pt idx="821">
                  <c:v>98.776505788021154</c:v>
                </c:pt>
                <c:pt idx="822">
                  <c:v>98.772384263720966</c:v>
                </c:pt>
                <c:pt idx="823">
                  <c:v>98.768262739420777</c:v>
                </c:pt>
                <c:pt idx="824">
                  <c:v>98.76459009400476</c:v>
                </c:pt>
                <c:pt idx="825">
                  <c:v>98.760468569704571</c:v>
                </c:pt>
                <c:pt idx="826">
                  <c:v>98.756809526678978</c:v>
                </c:pt>
                <c:pt idx="827">
                  <c:v>98.75268800237879</c:v>
                </c:pt>
                <c:pt idx="828">
                  <c:v>98.749015356962772</c:v>
                </c:pt>
                <c:pt idx="829">
                  <c:v>98.744893832662584</c:v>
                </c:pt>
                <c:pt idx="830">
                  <c:v>98.741234789636977</c:v>
                </c:pt>
                <c:pt idx="831">
                  <c:v>98.737113265336802</c:v>
                </c:pt>
                <c:pt idx="832">
                  <c:v>98.732991741036599</c:v>
                </c:pt>
                <c:pt idx="833">
                  <c:v>98.728870216736425</c:v>
                </c:pt>
                <c:pt idx="834">
                  <c:v>98.724748692436208</c:v>
                </c:pt>
                <c:pt idx="835">
                  <c:v>98.72107604702019</c:v>
                </c:pt>
                <c:pt idx="836">
                  <c:v>98.716954522720002</c:v>
                </c:pt>
                <c:pt idx="837">
                  <c:v>98.713295479694423</c:v>
                </c:pt>
                <c:pt idx="838">
                  <c:v>98.709622834278406</c:v>
                </c:pt>
                <c:pt idx="839">
                  <c:v>98.705501309978203</c:v>
                </c:pt>
                <c:pt idx="840">
                  <c:v>98.701379785678029</c:v>
                </c:pt>
                <c:pt idx="841">
                  <c:v>98.697720742652422</c:v>
                </c:pt>
                <c:pt idx="842">
                  <c:v>98.693599218352247</c:v>
                </c:pt>
                <c:pt idx="843">
                  <c:v>98.68947769405203</c:v>
                </c:pt>
                <c:pt idx="844">
                  <c:v>98.685356169751842</c:v>
                </c:pt>
                <c:pt idx="845">
                  <c:v>98.681683524335824</c:v>
                </c:pt>
                <c:pt idx="846">
                  <c:v>98.677562000035635</c:v>
                </c:pt>
                <c:pt idx="847">
                  <c:v>98.673902957010043</c:v>
                </c:pt>
                <c:pt idx="848">
                  <c:v>98.670230311594025</c:v>
                </c:pt>
                <c:pt idx="849">
                  <c:v>98.666571268568447</c:v>
                </c:pt>
                <c:pt idx="850">
                  <c:v>98.662912225542883</c:v>
                </c:pt>
                <c:pt idx="851">
                  <c:v>98.659239580126851</c:v>
                </c:pt>
                <c:pt idx="852">
                  <c:v>98.655580537101258</c:v>
                </c:pt>
                <c:pt idx="853">
                  <c:v>98.65145901280107</c:v>
                </c:pt>
                <c:pt idx="854">
                  <c:v>98.647786367385066</c:v>
                </c:pt>
                <c:pt idx="855">
                  <c:v>98.643664843084863</c:v>
                </c:pt>
                <c:pt idx="856">
                  <c:v>98.639543318784675</c:v>
                </c:pt>
                <c:pt idx="857">
                  <c:v>98.635421794484486</c:v>
                </c:pt>
                <c:pt idx="858">
                  <c:v>98.631762751458893</c:v>
                </c:pt>
                <c:pt idx="859">
                  <c:v>98.627641227158705</c:v>
                </c:pt>
                <c:pt idx="860">
                  <c:v>98.623506100468077</c:v>
                </c:pt>
                <c:pt idx="861">
                  <c:v>98.619384576167874</c:v>
                </c:pt>
                <c:pt idx="862">
                  <c:v>98.615263051867686</c:v>
                </c:pt>
                <c:pt idx="863">
                  <c:v>98.611141527567497</c:v>
                </c:pt>
                <c:pt idx="864">
                  <c:v>98.607482484541904</c:v>
                </c:pt>
                <c:pt idx="865">
                  <c:v>98.603809839125887</c:v>
                </c:pt>
                <c:pt idx="866">
                  <c:v>98.599688314825713</c:v>
                </c:pt>
                <c:pt idx="867">
                  <c:v>98.595566790525496</c:v>
                </c:pt>
                <c:pt idx="868">
                  <c:v>98.590996387341136</c:v>
                </c:pt>
                <c:pt idx="869">
                  <c:v>98.586861260650508</c:v>
                </c:pt>
                <c:pt idx="870">
                  <c:v>98.58229085746612</c:v>
                </c:pt>
                <c:pt idx="871">
                  <c:v>98.578169333165931</c:v>
                </c:pt>
                <c:pt idx="872">
                  <c:v>98.574047808865757</c:v>
                </c:pt>
                <c:pt idx="873">
                  <c:v>98.569463803290944</c:v>
                </c:pt>
                <c:pt idx="874">
                  <c:v>98.564879797716131</c:v>
                </c:pt>
                <c:pt idx="875">
                  <c:v>98.560758273415956</c:v>
                </c:pt>
                <c:pt idx="876">
                  <c:v>98.556174267841143</c:v>
                </c:pt>
                <c:pt idx="877">
                  <c:v>98.551590262266345</c:v>
                </c:pt>
                <c:pt idx="878">
                  <c:v>98.547019859081956</c:v>
                </c:pt>
                <c:pt idx="879">
                  <c:v>98.542898334781768</c:v>
                </c:pt>
                <c:pt idx="880">
                  <c:v>98.538776810481579</c:v>
                </c:pt>
                <c:pt idx="881">
                  <c:v>98.534192804906766</c:v>
                </c:pt>
                <c:pt idx="882">
                  <c:v>98.529608799331953</c:v>
                </c:pt>
                <c:pt idx="883">
                  <c:v>98.525024793757154</c:v>
                </c:pt>
                <c:pt idx="884">
                  <c:v>98.52045439057278</c:v>
                </c:pt>
                <c:pt idx="885">
                  <c:v>98.516319263882167</c:v>
                </c:pt>
                <c:pt idx="886">
                  <c:v>98.511748860697779</c:v>
                </c:pt>
                <c:pt idx="887">
                  <c:v>98.50670237384837</c:v>
                </c:pt>
                <c:pt idx="888">
                  <c:v>98.50213197066401</c:v>
                </c:pt>
                <c:pt idx="889">
                  <c:v>98.497547965089197</c:v>
                </c:pt>
                <c:pt idx="890">
                  <c:v>98.492963959514384</c:v>
                </c:pt>
                <c:pt idx="891">
                  <c:v>98.488379953939585</c:v>
                </c:pt>
                <c:pt idx="892">
                  <c:v>98.484258429639397</c:v>
                </c:pt>
                <c:pt idx="893">
                  <c:v>98.479674424064584</c:v>
                </c:pt>
                <c:pt idx="894">
                  <c:v>98.475552899764395</c:v>
                </c:pt>
                <c:pt idx="895">
                  <c:v>98.470982496580021</c:v>
                </c:pt>
                <c:pt idx="896">
                  <c:v>98.466398491005208</c:v>
                </c:pt>
                <c:pt idx="897">
                  <c:v>98.461814485430395</c:v>
                </c:pt>
                <c:pt idx="898">
                  <c:v>98.456781600971439</c:v>
                </c:pt>
                <c:pt idx="899">
                  <c:v>98.451735114122016</c:v>
                </c:pt>
                <c:pt idx="900">
                  <c:v>98.447151108547217</c:v>
                </c:pt>
                <c:pt idx="901">
                  <c:v>98.442580705362843</c:v>
                </c:pt>
                <c:pt idx="902">
                  <c:v>98.43799669978803</c:v>
                </c:pt>
                <c:pt idx="903">
                  <c:v>98.433412694213231</c:v>
                </c:pt>
                <c:pt idx="904">
                  <c:v>98.428828688638418</c:v>
                </c:pt>
                <c:pt idx="905">
                  <c:v>98.424258285454059</c:v>
                </c:pt>
                <c:pt idx="906">
                  <c:v>98.41967427987926</c:v>
                </c:pt>
                <c:pt idx="907">
                  <c:v>98.415090274304447</c:v>
                </c:pt>
                <c:pt idx="908">
                  <c:v>98.410506268729634</c:v>
                </c:pt>
                <c:pt idx="909">
                  <c:v>98.405935865545274</c:v>
                </c:pt>
                <c:pt idx="910">
                  <c:v>98.401351859970461</c:v>
                </c:pt>
                <c:pt idx="911">
                  <c:v>98.396318975511477</c:v>
                </c:pt>
                <c:pt idx="912">
                  <c:v>98.391272488662068</c:v>
                </c:pt>
                <c:pt idx="913">
                  <c:v>98.386239604203084</c:v>
                </c:pt>
                <c:pt idx="914">
                  <c:v>98.381655598628299</c:v>
                </c:pt>
                <c:pt idx="915">
                  <c:v>98.376609111778876</c:v>
                </c:pt>
                <c:pt idx="916">
                  <c:v>98.371576227319878</c:v>
                </c:pt>
                <c:pt idx="917">
                  <c:v>98.366543342860908</c:v>
                </c:pt>
                <c:pt idx="918">
                  <c:v>98.361959337286109</c:v>
                </c:pt>
                <c:pt idx="919">
                  <c:v>98.3569128504367</c:v>
                </c:pt>
                <c:pt idx="920">
                  <c:v>98.351417484703092</c:v>
                </c:pt>
                <c:pt idx="921">
                  <c:v>98.346384600244122</c:v>
                </c:pt>
                <c:pt idx="922">
                  <c:v>98.341338113394698</c:v>
                </c:pt>
                <c:pt idx="923">
                  <c:v>98.3363052289357</c:v>
                </c:pt>
                <c:pt idx="924">
                  <c:v>98.331721223360901</c:v>
                </c:pt>
                <c:pt idx="925">
                  <c:v>98.326688338901931</c:v>
                </c:pt>
                <c:pt idx="926">
                  <c:v>98.322104333327147</c:v>
                </c:pt>
                <c:pt idx="927">
                  <c:v>98.317071448868148</c:v>
                </c:pt>
                <c:pt idx="928">
                  <c:v>98.312487443293335</c:v>
                </c:pt>
                <c:pt idx="929">
                  <c:v>98.307454558834351</c:v>
                </c:pt>
                <c:pt idx="930">
                  <c:v>98.302408071984942</c:v>
                </c:pt>
                <c:pt idx="931">
                  <c:v>98.297375187525958</c:v>
                </c:pt>
                <c:pt idx="932">
                  <c:v>98.292328700676549</c:v>
                </c:pt>
                <c:pt idx="933">
                  <c:v>98.286833334942969</c:v>
                </c:pt>
                <c:pt idx="934">
                  <c:v>98.281800450483971</c:v>
                </c:pt>
                <c:pt idx="935">
                  <c:v>98.276305084750376</c:v>
                </c:pt>
                <c:pt idx="936">
                  <c:v>98.271258597900953</c:v>
                </c:pt>
                <c:pt idx="937">
                  <c:v>98.266674592326154</c:v>
                </c:pt>
                <c:pt idx="938">
                  <c:v>98.26164170786717</c:v>
                </c:pt>
                <c:pt idx="939">
                  <c:v>98.256608823408186</c:v>
                </c:pt>
                <c:pt idx="940">
                  <c:v>98.251562336558777</c:v>
                </c:pt>
                <c:pt idx="941">
                  <c:v>98.246529452099793</c:v>
                </c:pt>
                <c:pt idx="942">
                  <c:v>98.241482965250384</c:v>
                </c:pt>
                <c:pt idx="943">
                  <c:v>98.236450080791414</c:v>
                </c:pt>
                <c:pt idx="944">
                  <c:v>98.230954715057806</c:v>
                </c:pt>
                <c:pt idx="945">
                  <c:v>98.225908228208397</c:v>
                </c:pt>
                <c:pt idx="946">
                  <c:v>98.220412862474788</c:v>
                </c:pt>
                <c:pt idx="947">
                  <c:v>98.215379978015818</c:v>
                </c:pt>
                <c:pt idx="948">
                  <c:v>98.210795972441005</c:v>
                </c:pt>
                <c:pt idx="949">
                  <c:v>98.205763087982021</c:v>
                </c:pt>
                <c:pt idx="950">
                  <c:v>98.200716601132626</c:v>
                </c:pt>
                <c:pt idx="951">
                  <c:v>98.195683716673628</c:v>
                </c:pt>
                <c:pt idx="952">
                  <c:v>98.190188350940034</c:v>
                </c:pt>
                <c:pt idx="953">
                  <c:v>98.185141864090639</c:v>
                </c:pt>
                <c:pt idx="954">
                  <c:v>98.17964649835703</c:v>
                </c:pt>
                <c:pt idx="955">
                  <c:v>98.17461361389806</c:v>
                </c:pt>
                <c:pt idx="956">
                  <c:v>98.16911824816448</c:v>
                </c:pt>
                <c:pt idx="957">
                  <c:v>98.164071761315043</c:v>
                </c:pt>
                <c:pt idx="958">
                  <c:v>98.159038876856059</c:v>
                </c:pt>
                <c:pt idx="959">
                  <c:v>98.153992390006636</c:v>
                </c:pt>
                <c:pt idx="960">
                  <c:v>98.14895950554768</c:v>
                </c:pt>
                <c:pt idx="961">
                  <c:v>98.143464139814071</c:v>
                </c:pt>
                <c:pt idx="962">
                  <c:v>98.138417652964662</c:v>
                </c:pt>
                <c:pt idx="963">
                  <c:v>98.133384768505678</c:v>
                </c:pt>
                <c:pt idx="964">
                  <c:v>98.127889402772084</c:v>
                </c:pt>
                <c:pt idx="965">
                  <c:v>98.122842915922675</c:v>
                </c:pt>
                <c:pt idx="966">
                  <c:v>98.117810031463677</c:v>
                </c:pt>
                <c:pt idx="967">
                  <c:v>98.112314665730096</c:v>
                </c:pt>
                <c:pt idx="968">
                  <c:v>98.107268178880673</c:v>
                </c:pt>
                <c:pt idx="969">
                  <c:v>98.102235294421718</c:v>
                </c:pt>
                <c:pt idx="970">
                  <c:v>98.097202409962719</c:v>
                </c:pt>
                <c:pt idx="971">
                  <c:v>98.092155923113296</c:v>
                </c:pt>
                <c:pt idx="972">
                  <c:v>98.087123038654312</c:v>
                </c:pt>
                <c:pt idx="973">
                  <c:v>98.081627672920717</c:v>
                </c:pt>
                <c:pt idx="974">
                  <c:v>98.076118704796698</c:v>
                </c:pt>
                <c:pt idx="975">
                  <c:v>98.070174460178933</c:v>
                </c:pt>
                <c:pt idx="976">
                  <c:v>98.064679094445339</c:v>
                </c:pt>
                <c:pt idx="977">
                  <c:v>98.058721247437148</c:v>
                </c:pt>
                <c:pt idx="978">
                  <c:v>98.053225881703554</c:v>
                </c:pt>
                <c:pt idx="979">
                  <c:v>98.047268034695335</c:v>
                </c:pt>
                <c:pt idx="980">
                  <c:v>98.041772668961741</c:v>
                </c:pt>
                <c:pt idx="981">
                  <c:v>98.036277303228175</c:v>
                </c:pt>
                <c:pt idx="982">
                  <c:v>98.030781937494567</c:v>
                </c:pt>
                <c:pt idx="983">
                  <c:v>98.025286571760972</c:v>
                </c:pt>
                <c:pt idx="984">
                  <c:v>98.019328724752782</c:v>
                </c:pt>
                <c:pt idx="985">
                  <c:v>98.013833359019173</c:v>
                </c:pt>
                <c:pt idx="986">
                  <c:v>98.008337993285593</c:v>
                </c:pt>
                <c:pt idx="987">
                  <c:v>98.002829025161574</c:v>
                </c:pt>
                <c:pt idx="988">
                  <c:v>97.996884780543795</c:v>
                </c:pt>
                <c:pt idx="989">
                  <c:v>97.990926933535576</c:v>
                </c:pt>
                <c:pt idx="990">
                  <c:v>97.9849690865274</c:v>
                </c:pt>
                <c:pt idx="991">
                  <c:v>97.979473720793806</c:v>
                </c:pt>
                <c:pt idx="992">
                  <c:v>97.973515873785601</c:v>
                </c:pt>
                <c:pt idx="993">
                  <c:v>97.967558026777397</c:v>
                </c:pt>
                <c:pt idx="994">
                  <c:v>97.962062661043788</c:v>
                </c:pt>
                <c:pt idx="995">
                  <c:v>97.956118416426037</c:v>
                </c:pt>
                <c:pt idx="996">
                  <c:v>97.950609448302004</c:v>
                </c:pt>
                <c:pt idx="997">
                  <c:v>97.944665203684238</c:v>
                </c:pt>
                <c:pt idx="998">
                  <c:v>97.938707356676034</c:v>
                </c:pt>
                <c:pt idx="999">
                  <c:v>97.933211990942453</c:v>
                </c:pt>
                <c:pt idx="1000">
                  <c:v>97.927254143934235</c:v>
                </c:pt>
                <c:pt idx="1001">
                  <c:v>97.922221259475251</c:v>
                </c:pt>
                <c:pt idx="1002">
                  <c:v>97.916725893741656</c:v>
                </c:pt>
                <c:pt idx="1003">
                  <c:v>97.911216925617651</c:v>
                </c:pt>
                <c:pt idx="1004">
                  <c:v>97.905272680999872</c:v>
                </c:pt>
                <c:pt idx="1005">
                  <c:v>97.899777315266277</c:v>
                </c:pt>
                <c:pt idx="1006">
                  <c:v>97.893819468258073</c:v>
                </c:pt>
                <c:pt idx="1007">
                  <c:v>97.887861621249868</c:v>
                </c:pt>
                <c:pt idx="1008">
                  <c:v>97.881903774241678</c:v>
                </c:pt>
                <c:pt idx="1009">
                  <c:v>97.875945927233474</c:v>
                </c:pt>
                <c:pt idx="1010">
                  <c:v>97.870001682615694</c:v>
                </c:pt>
                <c:pt idx="1011">
                  <c:v>97.86404383560749</c:v>
                </c:pt>
                <c:pt idx="1012">
                  <c:v>97.858085988599285</c:v>
                </c:pt>
                <c:pt idx="1013">
                  <c:v>97.852590622865705</c:v>
                </c:pt>
                <c:pt idx="1014">
                  <c:v>97.846632775857501</c:v>
                </c:pt>
                <c:pt idx="1015">
                  <c:v>97.840674928849296</c:v>
                </c:pt>
                <c:pt idx="1016">
                  <c:v>97.835179563115702</c:v>
                </c:pt>
                <c:pt idx="1017">
                  <c:v>97.829684197382122</c:v>
                </c:pt>
                <c:pt idx="1018">
                  <c:v>97.823726350373917</c:v>
                </c:pt>
                <c:pt idx="1019">
                  <c:v>97.818230984640309</c:v>
                </c:pt>
                <c:pt idx="1020">
                  <c:v>97.812286740022543</c:v>
                </c:pt>
                <c:pt idx="1021">
                  <c:v>97.806328893014339</c:v>
                </c:pt>
                <c:pt idx="1022">
                  <c:v>97.800371046006134</c:v>
                </c:pt>
                <c:pt idx="1023">
                  <c:v>97.794413198997944</c:v>
                </c:pt>
                <c:pt idx="1024">
                  <c:v>97.788455351989739</c:v>
                </c:pt>
                <c:pt idx="1025">
                  <c:v>97.782959986256131</c:v>
                </c:pt>
                <c:pt idx="1026">
                  <c:v>97.77701574163838</c:v>
                </c:pt>
                <c:pt idx="1027">
                  <c:v>97.771057894630161</c:v>
                </c:pt>
                <c:pt idx="1028">
                  <c:v>97.765100047621971</c:v>
                </c:pt>
                <c:pt idx="1029">
                  <c:v>97.759142200613766</c:v>
                </c:pt>
                <c:pt idx="1030">
                  <c:v>97.752735474721391</c:v>
                </c:pt>
                <c:pt idx="1031">
                  <c:v>97.746777627713172</c:v>
                </c:pt>
                <c:pt idx="1032">
                  <c:v>97.740819780704996</c:v>
                </c:pt>
                <c:pt idx="1033">
                  <c:v>97.734861933696777</c:v>
                </c:pt>
                <c:pt idx="1034">
                  <c:v>97.728455207804402</c:v>
                </c:pt>
                <c:pt idx="1035">
                  <c:v>97.722048481912026</c:v>
                </c:pt>
                <c:pt idx="1036">
                  <c:v>97.716090634903807</c:v>
                </c:pt>
                <c:pt idx="1037">
                  <c:v>97.710132787895617</c:v>
                </c:pt>
                <c:pt idx="1038">
                  <c:v>97.703726062003227</c:v>
                </c:pt>
                <c:pt idx="1039">
                  <c:v>97.697768214995023</c:v>
                </c:pt>
                <c:pt idx="1040">
                  <c:v>97.691810367986832</c:v>
                </c:pt>
                <c:pt idx="1041">
                  <c:v>97.685852520978628</c:v>
                </c:pt>
                <c:pt idx="1042">
                  <c:v>97.679445795086252</c:v>
                </c:pt>
                <c:pt idx="1043">
                  <c:v>97.673487948078048</c:v>
                </c:pt>
                <c:pt idx="1044">
                  <c:v>97.667530101069858</c:v>
                </c:pt>
                <c:pt idx="1045">
                  <c:v>97.661572254061639</c:v>
                </c:pt>
                <c:pt idx="1046">
                  <c:v>97.655628009443888</c:v>
                </c:pt>
                <c:pt idx="1047">
                  <c:v>97.649670162435669</c:v>
                </c:pt>
                <c:pt idx="1048">
                  <c:v>97.643712315427464</c:v>
                </c:pt>
                <c:pt idx="1049">
                  <c:v>97.637305589535075</c:v>
                </c:pt>
                <c:pt idx="1050">
                  <c:v>97.631347742526899</c:v>
                </c:pt>
                <c:pt idx="1051">
                  <c:v>97.62492741424407</c:v>
                </c:pt>
                <c:pt idx="1052">
                  <c:v>97.618520688351694</c:v>
                </c:pt>
                <c:pt idx="1053">
                  <c:v>97.61256284134349</c:v>
                </c:pt>
                <c:pt idx="1054">
                  <c:v>97.6061561154511</c:v>
                </c:pt>
                <c:pt idx="1055">
                  <c:v>97.599735787168299</c:v>
                </c:pt>
                <c:pt idx="1056">
                  <c:v>97.593777940160081</c:v>
                </c:pt>
                <c:pt idx="1057">
                  <c:v>97.587371214267705</c:v>
                </c:pt>
                <c:pt idx="1058">
                  <c:v>97.581413367259515</c:v>
                </c:pt>
                <c:pt idx="1059">
                  <c:v>97.575006641367125</c:v>
                </c:pt>
                <c:pt idx="1060">
                  <c:v>97.56904879435892</c:v>
                </c:pt>
                <c:pt idx="1061">
                  <c:v>97.562642068466545</c:v>
                </c:pt>
                <c:pt idx="1062">
                  <c:v>97.55622174018373</c:v>
                </c:pt>
                <c:pt idx="1063">
                  <c:v>97.549815014291369</c:v>
                </c:pt>
                <c:pt idx="1064">
                  <c:v>97.54339468600854</c:v>
                </c:pt>
                <c:pt idx="1065">
                  <c:v>97.536525478841554</c:v>
                </c:pt>
                <c:pt idx="1066">
                  <c:v>97.529656271674568</c:v>
                </c:pt>
                <c:pt idx="1067">
                  <c:v>97.52323594339174</c:v>
                </c:pt>
                <c:pt idx="1068">
                  <c:v>97.516829217499378</c:v>
                </c:pt>
                <c:pt idx="1069">
                  <c:v>97.509960010332378</c:v>
                </c:pt>
                <c:pt idx="1070">
                  <c:v>97.503090803165378</c:v>
                </c:pt>
                <c:pt idx="1071">
                  <c:v>97.496221595998392</c:v>
                </c:pt>
                <c:pt idx="1072">
                  <c:v>97.489801267715578</c:v>
                </c:pt>
                <c:pt idx="1073">
                  <c:v>97.482932060548606</c:v>
                </c:pt>
                <c:pt idx="1074">
                  <c:v>97.476525334656202</c:v>
                </c:pt>
                <c:pt idx="1075">
                  <c:v>97.470105006373402</c:v>
                </c:pt>
                <c:pt idx="1076">
                  <c:v>97.465072121914417</c:v>
                </c:pt>
                <c:pt idx="1077">
                  <c:v>97.458202914747432</c:v>
                </c:pt>
                <c:pt idx="1078">
                  <c:v>97.451320105190007</c:v>
                </c:pt>
                <c:pt idx="1079">
                  <c:v>97.445375860572227</c:v>
                </c:pt>
                <c:pt idx="1080">
                  <c:v>97.439418013564023</c:v>
                </c:pt>
                <c:pt idx="1081">
                  <c:v>97.433460166555832</c:v>
                </c:pt>
                <c:pt idx="1082">
                  <c:v>97.427502319547628</c:v>
                </c:pt>
                <c:pt idx="1083">
                  <c:v>97.421095593655238</c:v>
                </c:pt>
                <c:pt idx="1084">
                  <c:v>97.415137746647048</c:v>
                </c:pt>
                <c:pt idx="1085">
                  <c:v>97.408731020754658</c:v>
                </c:pt>
                <c:pt idx="1086">
                  <c:v>97.402310692471843</c:v>
                </c:pt>
                <c:pt idx="1087">
                  <c:v>97.395903966579482</c:v>
                </c:pt>
                <c:pt idx="1088">
                  <c:v>97.389946119571277</c:v>
                </c:pt>
                <c:pt idx="1089">
                  <c:v>97.383525791288463</c:v>
                </c:pt>
                <c:pt idx="1090">
                  <c:v>97.377581546670683</c:v>
                </c:pt>
                <c:pt idx="1091">
                  <c:v>97.371623699662479</c:v>
                </c:pt>
                <c:pt idx="1092">
                  <c:v>97.365203371379678</c:v>
                </c:pt>
                <c:pt idx="1093">
                  <c:v>97.358796645487303</c:v>
                </c:pt>
                <c:pt idx="1094">
                  <c:v>97.352389919594913</c:v>
                </c:pt>
                <c:pt idx="1095">
                  <c:v>97.345969591312098</c:v>
                </c:pt>
                <c:pt idx="1096">
                  <c:v>97.339562865419708</c:v>
                </c:pt>
                <c:pt idx="1097">
                  <c:v>97.333142537136908</c:v>
                </c:pt>
                <c:pt idx="1098">
                  <c:v>97.326735811244518</c:v>
                </c:pt>
                <c:pt idx="1099">
                  <c:v>97.319866604077518</c:v>
                </c:pt>
                <c:pt idx="1100">
                  <c:v>97.312983794520107</c:v>
                </c:pt>
                <c:pt idx="1101">
                  <c:v>97.30474074591973</c:v>
                </c:pt>
                <c:pt idx="1102">
                  <c:v>97.29833402002734</c:v>
                </c:pt>
                <c:pt idx="1103">
                  <c:v>97.29146481286034</c:v>
                </c:pt>
                <c:pt idx="1104">
                  <c:v>97.284133124418744</c:v>
                </c:pt>
                <c:pt idx="1105">
                  <c:v>97.276801435977163</c:v>
                </c:pt>
                <c:pt idx="1106">
                  <c:v>97.269469747535538</c:v>
                </c:pt>
                <c:pt idx="1107">
                  <c:v>97.262151661484381</c:v>
                </c:pt>
                <c:pt idx="1108">
                  <c:v>97.2548199730428</c:v>
                </c:pt>
                <c:pt idx="1109">
                  <c:v>97.247488284601189</c:v>
                </c:pt>
                <c:pt idx="1110">
                  <c:v>97.240619077434204</c:v>
                </c:pt>
                <c:pt idx="1111">
                  <c:v>97.233287388992579</c:v>
                </c:pt>
                <c:pt idx="1112">
                  <c:v>97.226418181825608</c:v>
                </c:pt>
                <c:pt idx="1113">
                  <c:v>97.219548974658622</c:v>
                </c:pt>
                <c:pt idx="1114">
                  <c:v>97.212217286217012</c:v>
                </c:pt>
                <c:pt idx="1115">
                  <c:v>97.205348079050026</c:v>
                </c:pt>
                <c:pt idx="1116">
                  <c:v>97.198478871883026</c:v>
                </c:pt>
                <c:pt idx="1117">
                  <c:v>97.19160966471604</c:v>
                </c:pt>
                <c:pt idx="1118">
                  <c:v>97.184277976274444</c:v>
                </c:pt>
                <c:pt idx="1119">
                  <c:v>97.177408769107458</c:v>
                </c:pt>
                <c:pt idx="1120">
                  <c:v>97.170525959550019</c:v>
                </c:pt>
                <c:pt idx="1121">
                  <c:v>97.163656752383048</c:v>
                </c:pt>
                <c:pt idx="1122">
                  <c:v>97.156338666331862</c:v>
                </c:pt>
                <c:pt idx="1123">
                  <c:v>97.149455856774452</c:v>
                </c:pt>
                <c:pt idx="1124">
                  <c:v>97.142586649607438</c:v>
                </c:pt>
                <c:pt idx="1125">
                  <c:v>97.135254961165856</c:v>
                </c:pt>
                <c:pt idx="1126">
                  <c:v>97.127936875114685</c:v>
                </c:pt>
                <c:pt idx="1127">
                  <c:v>97.121067667947685</c:v>
                </c:pt>
                <c:pt idx="1128">
                  <c:v>97.11418485839026</c:v>
                </c:pt>
                <c:pt idx="1129">
                  <c:v>97.106866772339103</c:v>
                </c:pt>
                <c:pt idx="1130">
                  <c:v>97.099535083897493</c:v>
                </c:pt>
                <c:pt idx="1131">
                  <c:v>97.092665876730507</c:v>
                </c:pt>
                <c:pt idx="1132">
                  <c:v>97.085334188288925</c:v>
                </c:pt>
                <c:pt idx="1133">
                  <c:v>97.078464981121911</c:v>
                </c:pt>
                <c:pt idx="1134">
                  <c:v>97.072044652839111</c:v>
                </c:pt>
                <c:pt idx="1135">
                  <c:v>97.065175445672125</c:v>
                </c:pt>
                <c:pt idx="1136">
                  <c:v>97.057843757230529</c:v>
                </c:pt>
                <c:pt idx="1137">
                  <c:v>97.050974550063529</c:v>
                </c:pt>
                <c:pt idx="1138">
                  <c:v>97.043642861621933</c:v>
                </c:pt>
                <c:pt idx="1139">
                  <c:v>97.036324775570762</c:v>
                </c:pt>
                <c:pt idx="1140">
                  <c:v>97.028993087129166</c:v>
                </c:pt>
                <c:pt idx="1141">
                  <c:v>97.021661398687556</c:v>
                </c:pt>
                <c:pt idx="1142">
                  <c:v>97.01479219152057</c:v>
                </c:pt>
                <c:pt idx="1143">
                  <c:v>97.007460503078974</c:v>
                </c:pt>
                <c:pt idx="1144">
                  <c:v>97.000128814637378</c:v>
                </c:pt>
                <c:pt idx="1145">
                  <c:v>96.992797126195768</c:v>
                </c:pt>
                <c:pt idx="1146">
                  <c:v>96.985016558869987</c:v>
                </c:pt>
                <c:pt idx="1147">
                  <c:v>96.977684870428376</c:v>
                </c:pt>
                <c:pt idx="1148">
                  <c:v>96.970353181986781</c:v>
                </c:pt>
                <c:pt idx="1149">
                  <c:v>96.963483974819809</c:v>
                </c:pt>
                <c:pt idx="1150">
                  <c:v>96.956152286378199</c:v>
                </c:pt>
                <c:pt idx="1151">
                  <c:v>96.949283079211213</c:v>
                </c:pt>
                <c:pt idx="1152">
                  <c:v>96.941964993160042</c:v>
                </c:pt>
                <c:pt idx="1153">
                  <c:v>96.934170823443822</c:v>
                </c:pt>
                <c:pt idx="1154">
                  <c:v>96.927301616276836</c:v>
                </c:pt>
                <c:pt idx="1155">
                  <c:v>96.919507446560615</c:v>
                </c:pt>
                <c:pt idx="1156">
                  <c:v>96.912638239393644</c:v>
                </c:pt>
                <c:pt idx="1157">
                  <c:v>96.904857672067862</c:v>
                </c:pt>
                <c:pt idx="1158">
                  <c:v>96.897525983626267</c:v>
                </c:pt>
                <c:pt idx="1159">
                  <c:v>96.889282935025875</c:v>
                </c:pt>
                <c:pt idx="1160">
                  <c:v>96.881951246584279</c:v>
                </c:pt>
                <c:pt idx="1161">
                  <c:v>96.874170679258498</c:v>
                </c:pt>
                <c:pt idx="1162">
                  <c:v>96.866376509542278</c:v>
                </c:pt>
                <c:pt idx="1163">
                  <c:v>96.85859594221651</c:v>
                </c:pt>
                <c:pt idx="1164">
                  <c:v>96.8512642537749</c:v>
                </c:pt>
                <c:pt idx="1165">
                  <c:v>96.843021205174523</c:v>
                </c:pt>
                <c:pt idx="1166">
                  <c:v>96.835227035458288</c:v>
                </c:pt>
                <c:pt idx="1167">
                  <c:v>96.826983986857911</c:v>
                </c:pt>
                <c:pt idx="1168">
                  <c:v>96.81874093825752</c:v>
                </c:pt>
                <c:pt idx="1169">
                  <c:v>96.810946768541314</c:v>
                </c:pt>
                <c:pt idx="1170">
                  <c:v>96.803166201215532</c:v>
                </c:pt>
                <c:pt idx="1171">
                  <c:v>96.794923152615155</c:v>
                </c:pt>
                <c:pt idx="1172">
                  <c:v>96.787128982898935</c:v>
                </c:pt>
                <c:pt idx="1173">
                  <c:v>96.779348415573168</c:v>
                </c:pt>
                <c:pt idx="1174">
                  <c:v>96.771105366972776</c:v>
                </c:pt>
                <c:pt idx="1175">
                  <c:v>96.76284871598196</c:v>
                </c:pt>
                <c:pt idx="1176">
                  <c:v>96.754605667381568</c:v>
                </c:pt>
                <c:pt idx="1177">
                  <c:v>96.746825100055773</c:v>
                </c:pt>
                <c:pt idx="1178">
                  <c:v>96.739030930339567</c:v>
                </c:pt>
                <c:pt idx="1179">
                  <c:v>96.730787881739175</c:v>
                </c:pt>
                <c:pt idx="1180">
                  <c:v>96.722544833138784</c:v>
                </c:pt>
                <c:pt idx="1181">
                  <c:v>96.714764265813017</c:v>
                </c:pt>
                <c:pt idx="1182">
                  <c:v>96.7065076148222</c:v>
                </c:pt>
                <c:pt idx="1183">
                  <c:v>96.698264566221809</c:v>
                </c:pt>
                <c:pt idx="1184">
                  <c:v>96.690021517621418</c:v>
                </c:pt>
                <c:pt idx="1185">
                  <c:v>96.68177846902104</c:v>
                </c:pt>
                <c:pt idx="1186">
                  <c:v>96.673535420420649</c:v>
                </c:pt>
                <c:pt idx="1187">
                  <c:v>96.665292371820271</c:v>
                </c:pt>
                <c:pt idx="1188">
                  <c:v>96.656586841945241</c:v>
                </c:pt>
                <c:pt idx="1189">
                  <c:v>96.648343793344864</c:v>
                </c:pt>
                <c:pt idx="1190">
                  <c:v>96.640100744744487</c:v>
                </c:pt>
                <c:pt idx="1191">
                  <c:v>96.631395214869499</c:v>
                </c:pt>
                <c:pt idx="1192">
                  <c:v>96.622689684994484</c:v>
                </c:pt>
                <c:pt idx="1193">
                  <c:v>96.613984155119468</c:v>
                </c:pt>
                <c:pt idx="1194">
                  <c:v>96.60527862524448</c:v>
                </c:pt>
                <c:pt idx="1195">
                  <c:v>96.596124216485322</c:v>
                </c:pt>
                <c:pt idx="1196">
                  <c:v>96.58741868661032</c:v>
                </c:pt>
                <c:pt idx="1197">
                  <c:v>96.578250675460708</c:v>
                </c:pt>
                <c:pt idx="1198">
                  <c:v>96.569096266701521</c:v>
                </c:pt>
                <c:pt idx="1199">
                  <c:v>96.559479376667738</c:v>
                </c:pt>
                <c:pt idx="1200">
                  <c:v>96.550311365518127</c:v>
                </c:pt>
                <c:pt idx="1201">
                  <c:v>96.540694475484358</c:v>
                </c:pt>
                <c:pt idx="1202">
                  <c:v>96.531526464334732</c:v>
                </c:pt>
                <c:pt idx="1203">
                  <c:v>96.521909574300949</c:v>
                </c:pt>
                <c:pt idx="1204">
                  <c:v>96.512292684267166</c:v>
                </c:pt>
                <c:pt idx="1205">
                  <c:v>96.502675794233369</c:v>
                </c:pt>
                <c:pt idx="1206">
                  <c:v>96.493058904199586</c:v>
                </c:pt>
                <c:pt idx="1207">
                  <c:v>96.483442014165803</c:v>
                </c:pt>
                <c:pt idx="1208">
                  <c:v>96.473811521741595</c:v>
                </c:pt>
                <c:pt idx="1209">
                  <c:v>96.463745752823613</c:v>
                </c:pt>
                <c:pt idx="1210">
                  <c:v>96.45366638151522</c:v>
                </c:pt>
                <c:pt idx="1211">
                  <c:v>96.444049491481437</c:v>
                </c:pt>
                <c:pt idx="1212">
                  <c:v>96.433970120173043</c:v>
                </c:pt>
                <c:pt idx="1213">
                  <c:v>96.42389074886465</c:v>
                </c:pt>
                <c:pt idx="1214">
                  <c:v>96.413811377556243</c:v>
                </c:pt>
                <c:pt idx="1215">
                  <c:v>96.403732006247864</c:v>
                </c:pt>
                <c:pt idx="1216">
                  <c:v>96.393652634939457</c:v>
                </c:pt>
                <c:pt idx="1217">
                  <c:v>96.383124384746878</c:v>
                </c:pt>
                <c:pt idx="1218">
                  <c:v>96.373045013438485</c:v>
                </c:pt>
                <c:pt idx="1219">
                  <c:v>96.362503160855468</c:v>
                </c:pt>
                <c:pt idx="1220">
                  <c:v>96.351512429388293</c:v>
                </c:pt>
                <c:pt idx="1221">
                  <c:v>96.340984179195715</c:v>
                </c:pt>
                <c:pt idx="1222">
                  <c:v>96.330442326612712</c:v>
                </c:pt>
                <c:pt idx="1223">
                  <c:v>96.319914076420119</c:v>
                </c:pt>
                <c:pt idx="1224">
                  <c:v>96.30890974256252</c:v>
                </c:pt>
                <c:pt idx="1225">
                  <c:v>96.298381492369941</c:v>
                </c:pt>
                <c:pt idx="1226">
                  <c:v>96.287839639786938</c:v>
                </c:pt>
                <c:pt idx="1227">
                  <c:v>96.276848908319749</c:v>
                </c:pt>
                <c:pt idx="1228">
                  <c:v>96.26630705573676</c:v>
                </c:pt>
                <c:pt idx="1229">
                  <c:v>96.254867445385386</c:v>
                </c:pt>
                <c:pt idx="1230">
                  <c:v>96.243414232643588</c:v>
                </c:pt>
                <c:pt idx="1231">
                  <c:v>96.231049659743022</c:v>
                </c:pt>
                <c:pt idx="1232">
                  <c:v>96.218671484452003</c:v>
                </c:pt>
                <c:pt idx="1233">
                  <c:v>96.206769392826018</c:v>
                </c:pt>
                <c:pt idx="1234">
                  <c:v>96.194391217535014</c:v>
                </c:pt>
                <c:pt idx="1235">
                  <c:v>96.182489125909029</c:v>
                </c:pt>
                <c:pt idx="1236">
                  <c:v>96.170124553008449</c:v>
                </c:pt>
                <c:pt idx="1237">
                  <c:v>96.15820885899204</c:v>
                </c:pt>
                <c:pt idx="1238">
                  <c:v>96.14584428609146</c:v>
                </c:pt>
                <c:pt idx="1239">
                  <c:v>96.13301723191627</c:v>
                </c:pt>
                <c:pt idx="1240">
                  <c:v>96.119278817582284</c:v>
                </c:pt>
                <c:pt idx="1241">
                  <c:v>96.105989282132484</c:v>
                </c:pt>
                <c:pt idx="1242">
                  <c:v>96.092713349073108</c:v>
                </c:pt>
                <c:pt idx="1243">
                  <c:v>96.079423813623308</c:v>
                </c:pt>
                <c:pt idx="1244">
                  <c:v>96.067059240722728</c:v>
                </c:pt>
                <c:pt idx="1245">
                  <c:v>96.054694667822147</c:v>
                </c:pt>
                <c:pt idx="1246">
                  <c:v>96.040942651097737</c:v>
                </c:pt>
                <c:pt idx="1247">
                  <c:v>96.027204236763765</c:v>
                </c:pt>
                <c:pt idx="1248">
                  <c:v>96.013465822429765</c:v>
                </c:pt>
                <c:pt idx="1249">
                  <c:v>95.999713805705355</c:v>
                </c:pt>
                <c:pt idx="1250">
                  <c:v>95.985526512487198</c:v>
                </c:pt>
                <c:pt idx="1251">
                  <c:v>95.971774495762801</c:v>
                </c:pt>
                <c:pt idx="1252">
                  <c:v>95.957573600154205</c:v>
                </c:pt>
                <c:pt idx="1253">
                  <c:v>95.94337270454561</c:v>
                </c:pt>
                <c:pt idx="1254">
                  <c:v>95.928722930052828</c:v>
                </c:pt>
                <c:pt idx="1255">
                  <c:v>95.914522034444232</c:v>
                </c:pt>
                <c:pt idx="1256">
                  <c:v>95.90032113883565</c:v>
                </c:pt>
                <c:pt idx="1257">
                  <c:v>95.885657761952459</c:v>
                </c:pt>
                <c:pt idx="1258">
                  <c:v>95.870545506185081</c:v>
                </c:pt>
                <c:pt idx="1259">
                  <c:v>95.855433250417704</c:v>
                </c:pt>
                <c:pt idx="1260">
                  <c:v>95.839396032101092</c:v>
                </c:pt>
                <c:pt idx="1261">
                  <c:v>95.823372416174934</c:v>
                </c:pt>
                <c:pt idx="1262">
                  <c:v>95.806872716583726</c:v>
                </c:pt>
                <c:pt idx="1263">
                  <c:v>95.790386619382943</c:v>
                </c:pt>
                <c:pt idx="1264">
                  <c:v>95.77343804090755</c:v>
                </c:pt>
                <c:pt idx="1265">
                  <c:v>95.756951943706781</c:v>
                </c:pt>
                <c:pt idx="1266">
                  <c:v>95.740003365231402</c:v>
                </c:pt>
                <c:pt idx="1267">
                  <c:v>95.722129824206775</c:v>
                </c:pt>
                <c:pt idx="1268">
                  <c:v>95.704269885572614</c:v>
                </c:pt>
                <c:pt idx="1269">
                  <c:v>95.68594746566383</c:v>
                </c:pt>
                <c:pt idx="1270">
                  <c:v>95.666713685596264</c:v>
                </c:pt>
                <c:pt idx="1271">
                  <c:v>95.648391265687465</c:v>
                </c:pt>
                <c:pt idx="1272">
                  <c:v>95.62960636450407</c:v>
                </c:pt>
                <c:pt idx="1273">
                  <c:v>95.610372584436504</c:v>
                </c:pt>
                <c:pt idx="1274">
                  <c:v>95.590213841819718</c:v>
                </c:pt>
                <c:pt idx="1275">
                  <c:v>95.569592617928294</c:v>
                </c:pt>
                <c:pt idx="1276">
                  <c:v>95.549447477701946</c:v>
                </c:pt>
                <c:pt idx="1277">
                  <c:v>95.528377374926364</c:v>
                </c:pt>
                <c:pt idx="1278">
                  <c:v>95.507756151034968</c:v>
                </c:pt>
                <c:pt idx="1279">
                  <c:v>95.486237169375201</c:v>
                </c:pt>
                <c:pt idx="1280">
                  <c:v>95.463779622775803</c:v>
                </c:pt>
                <c:pt idx="1281">
                  <c:v>95.441335678566801</c:v>
                </c:pt>
                <c:pt idx="1282">
                  <c:v>95.418442855473643</c:v>
                </c:pt>
                <c:pt idx="1283">
                  <c:v>95.395985308874231</c:v>
                </c:pt>
                <c:pt idx="1284">
                  <c:v>95.373092485781086</c:v>
                </c:pt>
                <c:pt idx="1285">
                  <c:v>95.351559901730894</c:v>
                </c:pt>
                <c:pt idx="1286">
                  <c:v>95.328653476247311</c:v>
                </c:pt>
                <c:pt idx="1287">
                  <c:v>95.305747050763713</c:v>
                </c:pt>
                <c:pt idx="1288">
                  <c:v>95.282391746395945</c:v>
                </c:pt>
                <c:pt idx="1289">
                  <c:v>95.259036442028176</c:v>
                </c:pt>
                <c:pt idx="1290">
                  <c:v>95.234756175111187</c:v>
                </c:pt>
                <c:pt idx="1291">
                  <c:v>95.210475908194198</c:v>
                </c:pt>
                <c:pt idx="1292">
                  <c:v>95.185746762393038</c:v>
                </c:pt>
                <c:pt idx="1293">
                  <c:v>95.161004014201438</c:v>
                </c:pt>
                <c:pt idx="1294">
                  <c:v>95.136274868400278</c:v>
                </c:pt>
                <c:pt idx="1295">
                  <c:v>95.111069638934069</c:v>
                </c:pt>
                <c:pt idx="1296">
                  <c:v>95.084966651699517</c:v>
                </c:pt>
                <c:pt idx="1297">
                  <c:v>95.057476220641121</c:v>
                </c:pt>
                <c:pt idx="1298">
                  <c:v>95.029536910698539</c:v>
                </c:pt>
                <c:pt idx="1299">
                  <c:v>95.002060082030567</c:v>
                </c:pt>
                <c:pt idx="1300">
                  <c:v>94.974569650972185</c:v>
                </c:pt>
                <c:pt idx="1301">
                  <c:v>94.947541701188413</c:v>
                </c:pt>
                <c:pt idx="1302">
                  <c:v>94.91822854981244</c:v>
                </c:pt>
                <c:pt idx="1303">
                  <c:v>94.888452917161842</c:v>
                </c:pt>
                <c:pt idx="1304">
                  <c:v>94.858677284511288</c:v>
                </c:pt>
                <c:pt idx="1305">
                  <c:v>94.829826614409924</c:v>
                </c:pt>
                <c:pt idx="1306">
                  <c:v>94.799588500484717</c:v>
                </c:pt>
                <c:pt idx="1307">
                  <c:v>94.768901507675352</c:v>
                </c:pt>
                <c:pt idx="1308">
                  <c:v>94.737752033591377</c:v>
                </c:pt>
                <c:pt idx="1309">
                  <c:v>94.706602559507402</c:v>
                </c:pt>
                <c:pt idx="1310">
                  <c:v>94.67316788383124</c:v>
                </c:pt>
                <c:pt idx="1311">
                  <c:v>94.640182087039264</c:v>
                </c:pt>
                <c:pt idx="1312">
                  <c:v>94.606747411363088</c:v>
                </c:pt>
                <c:pt idx="1313">
                  <c:v>94.572387773137706</c:v>
                </c:pt>
                <c:pt idx="1314">
                  <c:v>94.537579256028138</c:v>
                </c:pt>
                <c:pt idx="1315">
                  <c:v>94.503682099077366</c:v>
                </c:pt>
                <c:pt idx="1316">
                  <c:v>94.469322460851984</c:v>
                </c:pt>
                <c:pt idx="1317">
                  <c:v>94.434513943742431</c:v>
                </c:pt>
                <c:pt idx="1318">
                  <c:v>94.398780464083643</c:v>
                </c:pt>
                <c:pt idx="1319">
                  <c:v>94.362598105540684</c:v>
                </c:pt>
                <c:pt idx="1320">
                  <c:v>94.325953265723101</c:v>
                </c:pt>
                <c:pt idx="1321">
                  <c:v>94.289308425905546</c:v>
                </c:pt>
                <c:pt idx="1322">
                  <c:v>94.252201104813352</c:v>
                </c:pt>
                <c:pt idx="1323">
                  <c:v>94.214644904837002</c:v>
                </c:pt>
                <c:pt idx="1324">
                  <c:v>94.176626223586041</c:v>
                </c:pt>
                <c:pt idx="1325">
                  <c:v>94.138145061060456</c:v>
                </c:pt>
                <c:pt idx="1326">
                  <c:v>94.09875253837609</c:v>
                </c:pt>
                <c:pt idx="1327">
                  <c:v>94.059822496966333</c:v>
                </c:pt>
                <c:pt idx="1328">
                  <c:v>94.020429974281967</c:v>
                </c:pt>
                <c:pt idx="1329">
                  <c:v>93.980112489048366</c:v>
                </c:pt>
                <c:pt idx="1330">
                  <c:v>93.939346124930609</c:v>
                </c:pt>
                <c:pt idx="1331">
                  <c:v>93.898117279538241</c:v>
                </c:pt>
                <c:pt idx="1332">
                  <c:v>93.856902036536297</c:v>
                </c:pt>
                <c:pt idx="1333">
                  <c:v>93.815210709869305</c:v>
                </c:pt>
                <c:pt idx="1334">
                  <c:v>93.773070504318156</c:v>
                </c:pt>
                <c:pt idx="1335">
                  <c:v>93.730467817492382</c:v>
                </c:pt>
                <c:pt idx="1336">
                  <c:v>93.687416251782423</c:v>
                </c:pt>
                <c:pt idx="1337">
                  <c:v>93.64481356495665</c:v>
                </c:pt>
                <c:pt idx="1338">
                  <c:v>93.60174839685628</c:v>
                </c:pt>
                <c:pt idx="1339">
                  <c:v>93.558696831146321</c:v>
                </c:pt>
                <c:pt idx="1340">
                  <c:v>93.516094144320547</c:v>
                </c:pt>
                <c:pt idx="1341">
                  <c:v>93.472580097335978</c:v>
                </c:pt>
                <c:pt idx="1342">
                  <c:v>93.429066050351423</c:v>
                </c:pt>
                <c:pt idx="1343">
                  <c:v>93.385089522092258</c:v>
                </c:pt>
                <c:pt idx="1344">
                  <c:v>93.342037956382299</c:v>
                </c:pt>
                <c:pt idx="1345">
                  <c:v>93.298510307007305</c:v>
                </c:pt>
                <c:pt idx="1346">
                  <c:v>93.254547381138565</c:v>
                </c:pt>
                <c:pt idx="1347">
                  <c:v>93.211019731763571</c:v>
                </c:pt>
                <c:pt idx="1348">
                  <c:v>93.167505684779002</c:v>
                </c:pt>
                <c:pt idx="1349">
                  <c:v>93.123991637794461</c:v>
                </c:pt>
                <c:pt idx="1350">
                  <c:v>93.080015109535296</c:v>
                </c:pt>
                <c:pt idx="1351">
                  <c:v>93.035589702391945</c:v>
                </c:pt>
                <c:pt idx="1352">
                  <c:v>92.991613174132766</c:v>
                </c:pt>
                <c:pt idx="1353">
                  <c:v>92.947174164598991</c:v>
                </c:pt>
                <c:pt idx="1354">
                  <c:v>92.90274875745564</c:v>
                </c:pt>
                <c:pt idx="1355">
                  <c:v>92.858309747921851</c:v>
                </c:pt>
                <c:pt idx="1356">
                  <c:v>92.814346822053125</c:v>
                </c:pt>
                <c:pt idx="1357">
                  <c:v>92.769907812519349</c:v>
                </c:pt>
                <c:pt idx="1358">
                  <c:v>92.725019924101375</c:v>
                </c:pt>
                <c:pt idx="1359">
                  <c:v>92.680580914567614</c:v>
                </c:pt>
                <c:pt idx="1360">
                  <c:v>92.635244147265468</c:v>
                </c:pt>
                <c:pt idx="1361">
                  <c:v>92.589893777572897</c:v>
                </c:pt>
                <c:pt idx="1362">
                  <c:v>92.545005889154936</c:v>
                </c:pt>
                <c:pt idx="1363">
                  <c:v>92.500566879621161</c:v>
                </c:pt>
                <c:pt idx="1364">
                  <c:v>92.4556789912032</c:v>
                </c:pt>
                <c:pt idx="1365">
                  <c:v>92.411239981669425</c:v>
                </c:pt>
                <c:pt idx="1366">
                  <c:v>92.366352093251464</c:v>
                </c:pt>
                <c:pt idx="1367">
                  <c:v>92.321464204833475</c:v>
                </c:pt>
                <c:pt idx="1368">
                  <c:v>92.276576316415543</c:v>
                </c:pt>
                <c:pt idx="1369">
                  <c:v>92.231688427997568</c:v>
                </c:pt>
                <c:pt idx="1370">
                  <c:v>92.186800539579622</c:v>
                </c:pt>
                <c:pt idx="1371">
                  <c:v>92.142361530045861</c:v>
                </c:pt>
                <c:pt idx="1372">
                  <c:v>92.097936122902496</c:v>
                </c:pt>
                <c:pt idx="1373">
                  <c:v>92.053034632094096</c:v>
                </c:pt>
                <c:pt idx="1374">
                  <c:v>92.00907170622537</c:v>
                </c:pt>
                <c:pt idx="1375">
                  <c:v>91.964632696691581</c:v>
                </c:pt>
                <c:pt idx="1376">
                  <c:v>91.92020728954823</c:v>
                </c:pt>
                <c:pt idx="1377">
                  <c:v>91.876230761289079</c:v>
                </c:pt>
                <c:pt idx="1378">
                  <c:v>91.832254233029914</c:v>
                </c:pt>
                <c:pt idx="1379">
                  <c:v>91.788740186045331</c:v>
                </c:pt>
                <c:pt idx="1380">
                  <c:v>91.745226139060762</c:v>
                </c:pt>
                <c:pt idx="1381">
                  <c:v>91.702160970960406</c:v>
                </c:pt>
                <c:pt idx="1382">
                  <c:v>91.658646923975837</c:v>
                </c:pt>
                <c:pt idx="1383">
                  <c:v>91.615132876991282</c:v>
                </c:pt>
                <c:pt idx="1384">
                  <c:v>91.572067708890899</c:v>
                </c:pt>
                <c:pt idx="1385">
                  <c:v>91.52947862445555</c:v>
                </c:pt>
                <c:pt idx="1386">
                  <c:v>91.486875937629762</c:v>
                </c:pt>
                <c:pt idx="1387">
                  <c:v>91.444273250804002</c:v>
                </c:pt>
                <c:pt idx="1388">
                  <c:v>91.402133045252839</c:v>
                </c:pt>
                <c:pt idx="1389">
                  <c:v>91.359992839701661</c:v>
                </c:pt>
                <c:pt idx="1390">
                  <c:v>91.317852634150526</c:v>
                </c:pt>
                <c:pt idx="1391">
                  <c:v>91.276161307483534</c:v>
                </c:pt>
                <c:pt idx="1392">
                  <c:v>91.23448358320698</c:v>
                </c:pt>
                <c:pt idx="1393">
                  <c:v>91.192792256540002</c:v>
                </c:pt>
                <c:pt idx="1394">
                  <c:v>91.15202589242223</c:v>
                </c:pt>
                <c:pt idx="1395">
                  <c:v>91.111722009579083</c:v>
                </c:pt>
                <c:pt idx="1396">
                  <c:v>91.071404524345496</c:v>
                </c:pt>
                <c:pt idx="1397">
                  <c:v>91.031100641502334</c:v>
                </c:pt>
                <c:pt idx="1398">
                  <c:v>90.991708118817954</c:v>
                </c:pt>
                <c:pt idx="1399">
                  <c:v>90.952764475017787</c:v>
                </c:pt>
                <c:pt idx="1400">
                  <c:v>90.913834433608017</c:v>
                </c:pt>
                <c:pt idx="1401">
                  <c:v>90.875353271082446</c:v>
                </c:pt>
                <c:pt idx="1402">
                  <c:v>90.836872108556861</c:v>
                </c:pt>
                <c:pt idx="1403">
                  <c:v>90.7988534273059</c:v>
                </c:pt>
                <c:pt idx="1404">
                  <c:v>90.76129722732955</c:v>
                </c:pt>
                <c:pt idx="1405">
                  <c:v>90.72418990623737</c:v>
                </c:pt>
                <c:pt idx="1406">
                  <c:v>90.68709618753563</c:v>
                </c:pt>
                <c:pt idx="1407">
                  <c:v>90.650451347718047</c:v>
                </c:pt>
                <c:pt idx="1408">
                  <c:v>90.613806507900478</c:v>
                </c:pt>
                <c:pt idx="1409">
                  <c:v>90.577161668082908</c:v>
                </c:pt>
                <c:pt idx="1410">
                  <c:v>90.540516828265339</c:v>
                </c:pt>
                <c:pt idx="1411">
                  <c:v>90.504783348606551</c:v>
                </c:pt>
                <c:pt idx="1412">
                  <c:v>90.469049868947764</c:v>
                </c:pt>
                <c:pt idx="1413">
                  <c:v>90.4337788705636</c:v>
                </c:pt>
                <c:pt idx="1414">
                  <c:v>90.398507872179437</c:v>
                </c:pt>
                <c:pt idx="1415">
                  <c:v>90.363236873795259</c:v>
                </c:pt>
                <c:pt idx="1416">
                  <c:v>90.327965875411081</c:v>
                </c:pt>
                <c:pt idx="1417">
                  <c:v>90.293157358301499</c:v>
                </c:pt>
                <c:pt idx="1418">
                  <c:v>90.258348841191946</c:v>
                </c:pt>
                <c:pt idx="1419">
                  <c:v>90.223989202966578</c:v>
                </c:pt>
                <c:pt idx="1420">
                  <c:v>90.189180685857025</c:v>
                </c:pt>
                <c:pt idx="1421">
                  <c:v>90.155283528906224</c:v>
                </c:pt>
                <c:pt idx="1422">
                  <c:v>90.121386371955467</c:v>
                </c:pt>
                <c:pt idx="1423">
                  <c:v>90.087489215004695</c:v>
                </c:pt>
                <c:pt idx="1424">
                  <c:v>90.054040936938094</c:v>
                </c:pt>
                <c:pt idx="1425">
                  <c:v>90.020606261261932</c:v>
                </c:pt>
                <c:pt idx="1426">
                  <c:v>89.98763406686038</c:v>
                </c:pt>
                <c:pt idx="1427">
                  <c:v>89.95464827006839</c:v>
                </c:pt>
                <c:pt idx="1428">
                  <c:v>89.922124954551009</c:v>
                </c:pt>
                <c:pt idx="1429">
                  <c:v>89.889601639033629</c:v>
                </c:pt>
                <c:pt idx="1430">
                  <c:v>89.857540804790858</c:v>
                </c:pt>
                <c:pt idx="1431">
                  <c:v>89.825928849432273</c:v>
                </c:pt>
                <c:pt idx="1432">
                  <c:v>89.794330496464127</c:v>
                </c:pt>
                <c:pt idx="1433">
                  <c:v>89.763181022380138</c:v>
                </c:pt>
                <c:pt idx="1434">
                  <c:v>89.732480427180363</c:v>
                </c:pt>
                <c:pt idx="1435">
                  <c:v>89.701793434370984</c:v>
                </c:pt>
                <c:pt idx="1436">
                  <c:v>89.671106441561619</c:v>
                </c:pt>
                <c:pt idx="1437">
                  <c:v>89.639956967477644</c:v>
                </c:pt>
                <c:pt idx="1438">
                  <c:v>89.608345012119045</c:v>
                </c:pt>
                <c:pt idx="1439">
                  <c:v>89.577209140425509</c:v>
                </c:pt>
                <c:pt idx="1440">
                  <c:v>89.546059666341534</c:v>
                </c:pt>
                <c:pt idx="1441">
                  <c:v>89.515821552416341</c:v>
                </c:pt>
                <c:pt idx="1442">
                  <c:v>89.485583438491147</c:v>
                </c:pt>
                <c:pt idx="1443">
                  <c:v>89.455821408230989</c:v>
                </c:pt>
                <c:pt idx="1444">
                  <c:v>89.426045775580405</c:v>
                </c:pt>
                <c:pt idx="1445">
                  <c:v>89.396270142929851</c:v>
                </c:pt>
                <c:pt idx="1446">
                  <c:v>89.366956991553863</c:v>
                </c:pt>
                <c:pt idx="1447">
                  <c:v>89.337630237787479</c:v>
                </c:pt>
                <c:pt idx="1448">
                  <c:v>89.309228446570287</c:v>
                </c:pt>
                <c:pt idx="1449">
                  <c:v>89.280377776468924</c:v>
                </c:pt>
                <c:pt idx="1450">
                  <c:v>89.252438466526343</c:v>
                </c:pt>
                <c:pt idx="1451">
                  <c:v>89.224036675309179</c:v>
                </c:pt>
                <c:pt idx="1452">
                  <c:v>89.196097365366597</c:v>
                </c:pt>
                <c:pt idx="1453">
                  <c:v>89.168144453033605</c:v>
                </c:pt>
                <c:pt idx="1454">
                  <c:v>89.140667624365634</c:v>
                </c:pt>
                <c:pt idx="1455">
                  <c:v>89.113639674581862</c:v>
                </c:pt>
                <c:pt idx="1456">
                  <c:v>89.08616284591389</c:v>
                </c:pt>
                <c:pt idx="1457">
                  <c:v>89.058672414855508</c:v>
                </c:pt>
                <c:pt idx="1458">
                  <c:v>89.031195586187536</c:v>
                </c:pt>
                <c:pt idx="1459">
                  <c:v>89.004616515287921</c:v>
                </c:pt>
                <c:pt idx="1460">
                  <c:v>88.978051046778759</c:v>
                </c:pt>
                <c:pt idx="1461">
                  <c:v>88.951948059544193</c:v>
                </c:pt>
                <c:pt idx="1462">
                  <c:v>88.924920109760421</c:v>
                </c:pt>
                <c:pt idx="1463">
                  <c:v>88.897892159976621</c:v>
                </c:pt>
                <c:pt idx="1464">
                  <c:v>88.870864210192849</c:v>
                </c:pt>
                <c:pt idx="1465">
                  <c:v>88.843836260409063</c:v>
                </c:pt>
                <c:pt idx="1466">
                  <c:v>88.816359431741091</c:v>
                </c:pt>
                <c:pt idx="1467">
                  <c:v>88.789331481957305</c:v>
                </c:pt>
                <c:pt idx="1468">
                  <c:v>88.762303532173519</c:v>
                </c:pt>
                <c:pt idx="1469">
                  <c:v>88.735738063664357</c:v>
                </c:pt>
                <c:pt idx="1470">
                  <c:v>88.709172595155181</c:v>
                </c:pt>
                <c:pt idx="1471">
                  <c:v>88.682607126646019</c:v>
                </c:pt>
                <c:pt idx="1472">
                  <c:v>88.655579176862219</c:v>
                </c:pt>
                <c:pt idx="1473">
                  <c:v>88.628088745803836</c:v>
                </c:pt>
                <c:pt idx="1474">
                  <c:v>88.600611917135879</c:v>
                </c:pt>
                <c:pt idx="1475">
                  <c:v>88.574495327510888</c:v>
                </c:pt>
                <c:pt idx="1476">
                  <c:v>88.548854821550933</c:v>
                </c:pt>
                <c:pt idx="1477">
                  <c:v>88.523649592084723</c:v>
                </c:pt>
                <c:pt idx="1478">
                  <c:v>88.498457965008939</c:v>
                </c:pt>
                <c:pt idx="1479">
                  <c:v>88.473266337933168</c:v>
                </c:pt>
                <c:pt idx="1480">
                  <c:v>88.448074710857398</c:v>
                </c:pt>
                <c:pt idx="1481">
                  <c:v>88.423331962665799</c:v>
                </c:pt>
                <c:pt idx="1482">
                  <c:v>88.398140335590014</c:v>
                </c:pt>
                <c:pt idx="1483">
                  <c:v>88.373873671063464</c:v>
                </c:pt>
                <c:pt idx="1484">
                  <c:v>88.349130922871851</c:v>
                </c:pt>
                <c:pt idx="1485">
                  <c:v>88.324850655954876</c:v>
                </c:pt>
                <c:pt idx="1486">
                  <c:v>88.300583991428326</c:v>
                </c:pt>
                <c:pt idx="1487">
                  <c:v>88.276752603395522</c:v>
                </c:pt>
                <c:pt idx="1488">
                  <c:v>88.252934817753129</c:v>
                </c:pt>
                <c:pt idx="1489">
                  <c:v>88.22957951338536</c:v>
                </c:pt>
                <c:pt idx="1490">
                  <c:v>88.206210606627167</c:v>
                </c:pt>
                <c:pt idx="1491">
                  <c:v>88.182855302259398</c:v>
                </c:pt>
                <c:pt idx="1492">
                  <c:v>88.159499997891615</c:v>
                </c:pt>
                <c:pt idx="1493">
                  <c:v>88.136131091133436</c:v>
                </c:pt>
                <c:pt idx="1494">
                  <c:v>88.112775786765667</c:v>
                </c:pt>
                <c:pt idx="1495">
                  <c:v>88.089406880007459</c:v>
                </c:pt>
                <c:pt idx="1496">
                  <c:v>88.066500454523876</c:v>
                </c:pt>
                <c:pt idx="1497">
                  <c:v>88.044056510314888</c:v>
                </c:pt>
                <c:pt idx="1498">
                  <c:v>88.021163687221744</c:v>
                </c:pt>
                <c:pt idx="1499">
                  <c:v>87.998719743012757</c:v>
                </c:pt>
                <c:pt idx="1500">
                  <c:v>87.976262196413344</c:v>
                </c:pt>
                <c:pt idx="1501">
                  <c:v>87.953818252204371</c:v>
                </c:pt>
                <c:pt idx="1502">
                  <c:v>87.930925429111213</c:v>
                </c:pt>
                <c:pt idx="1503">
                  <c:v>87.908467882511815</c:v>
                </c:pt>
                <c:pt idx="1504">
                  <c:v>87.886486419577437</c:v>
                </c:pt>
                <c:pt idx="1505">
                  <c:v>87.864042475368464</c:v>
                </c:pt>
                <c:pt idx="1506">
                  <c:v>87.842061012434087</c:v>
                </c:pt>
                <c:pt idx="1507">
                  <c:v>87.820528428383895</c:v>
                </c:pt>
                <c:pt idx="1508">
                  <c:v>87.798533363059107</c:v>
                </c:pt>
                <c:pt idx="1509">
                  <c:v>87.776551900124716</c:v>
                </c:pt>
                <c:pt idx="1510">
                  <c:v>87.755019316074538</c:v>
                </c:pt>
                <c:pt idx="1511">
                  <c:v>87.733500334414771</c:v>
                </c:pt>
                <c:pt idx="1512">
                  <c:v>87.711967750364579</c:v>
                </c:pt>
                <c:pt idx="1513">
                  <c:v>87.690897647588997</c:v>
                </c:pt>
                <c:pt idx="1514">
                  <c:v>87.669365063538805</c:v>
                </c:pt>
                <c:pt idx="1515">
                  <c:v>87.648294960763224</c:v>
                </c:pt>
                <c:pt idx="1516">
                  <c:v>87.627687339262266</c:v>
                </c:pt>
                <c:pt idx="1517">
                  <c:v>87.607066115370856</c:v>
                </c:pt>
                <c:pt idx="1518">
                  <c:v>87.586458493869884</c:v>
                </c:pt>
                <c:pt idx="1519">
                  <c:v>87.566299751253069</c:v>
                </c:pt>
                <c:pt idx="1520">
                  <c:v>87.545692129752112</c:v>
                </c:pt>
                <c:pt idx="1521">
                  <c:v>87.525533387135326</c:v>
                </c:pt>
                <c:pt idx="1522">
                  <c:v>87.505837125793136</c:v>
                </c:pt>
                <c:pt idx="1523">
                  <c:v>87.485678383176364</c:v>
                </c:pt>
                <c:pt idx="1524">
                  <c:v>87.465519640559563</c:v>
                </c:pt>
                <c:pt idx="1525">
                  <c:v>87.445374500333202</c:v>
                </c:pt>
                <c:pt idx="1526">
                  <c:v>87.425678238990997</c:v>
                </c:pt>
                <c:pt idx="1527">
                  <c:v>87.406430856533007</c:v>
                </c:pt>
                <c:pt idx="1528">
                  <c:v>87.386734595190831</c:v>
                </c:pt>
                <c:pt idx="1529">
                  <c:v>87.36750081512325</c:v>
                </c:pt>
                <c:pt idx="1530">
                  <c:v>87.348267035055684</c:v>
                </c:pt>
                <c:pt idx="1531">
                  <c:v>87.32901965259768</c:v>
                </c:pt>
                <c:pt idx="1532">
                  <c:v>87.309785872530085</c:v>
                </c:pt>
                <c:pt idx="1533">
                  <c:v>87.291000971346705</c:v>
                </c:pt>
                <c:pt idx="1534">
                  <c:v>87.271767191279125</c:v>
                </c:pt>
                <c:pt idx="1535">
                  <c:v>87.252519808821134</c:v>
                </c:pt>
                <c:pt idx="1536">
                  <c:v>87.23328602875354</c:v>
                </c:pt>
                <c:pt idx="1537">
                  <c:v>87.214501127570159</c:v>
                </c:pt>
                <c:pt idx="1538">
                  <c:v>87.195267347502579</c:v>
                </c:pt>
                <c:pt idx="1539">
                  <c:v>87.176033567435013</c:v>
                </c:pt>
                <c:pt idx="1540">
                  <c:v>87.157248666251618</c:v>
                </c:pt>
                <c:pt idx="1541">
                  <c:v>87.137552404909428</c:v>
                </c:pt>
                <c:pt idx="1542">
                  <c:v>87.117856143567238</c:v>
                </c:pt>
                <c:pt idx="1543">
                  <c:v>87.098622363499672</c:v>
                </c:pt>
                <c:pt idx="1544">
                  <c:v>87.079374981041667</c:v>
                </c:pt>
                <c:pt idx="1545">
                  <c:v>87.060603682248711</c:v>
                </c:pt>
                <c:pt idx="1546">
                  <c:v>87.041818781065317</c:v>
                </c:pt>
                <c:pt idx="1547">
                  <c:v>87.023033879881922</c:v>
                </c:pt>
                <c:pt idx="1548">
                  <c:v>87.004711459973123</c:v>
                </c:pt>
                <c:pt idx="1549">
                  <c:v>86.986851521338977</c:v>
                </c:pt>
                <c:pt idx="1550">
                  <c:v>86.968529101430164</c:v>
                </c:pt>
                <c:pt idx="1551">
                  <c:v>86.950206681521365</c:v>
                </c:pt>
                <c:pt idx="1552">
                  <c:v>86.931421780337999</c:v>
                </c:pt>
                <c:pt idx="1553">
                  <c:v>86.913561841703824</c:v>
                </c:pt>
                <c:pt idx="1554">
                  <c:v>86.896150781953835</c:v>
                </c:pt>
                <c:pt idx="1555">
                  <c:v>86.878290843319633</c:v>
                </c:pt>
                <c:pt idx="1556">
                  <c:v>86.860879783569658</c:v>
                </c:pt>
                <c:pt idx="1557">
                  <c:v>86.84393120509425</c:v>
                </c:pt>
                <c:pt idx="1558">
                  <c:v>86.826982626618872</c:v>
                </c:pt>
                <c:pt idx="1559">
                  <c:v>86.810034048143493</c:v>
                </c:pt>
                <c:pt idx="1560">
                  <c:v>86.793085469668085</c:v>
                </c:pt>
                <c:pt idx="1561">
                  <c:v>86.776136891192706</c:v>
                </c:pt>
                <c:pt idx="1562">
                  <c:v>86.759188312717342</c:v>
                </c:pt>
                <c:pt idx="1563">
                  <c:v>86.742239734241949</c:v>
                </c:pt>
                <c:pt idx="1564">
                  <c:v>86.725291155766541</c:v>
                </c:pt>
                <c:pt idx="1565">
                  <c:v>86.708805058565773</c:v>
                </c:pt>
                <c:pt idx="1566">
                  <c:v>86.691856480090394</c:v>
                </c:pt>
                <c:pt idx="1567">
                  <c:v>86.675370382889596</c:v>
                </c:pt>
                <c:pt idx="1568">
                  <c:v>86.658870683298389</c:v>
                </c:pt>
                <c:pt idx="1569">
                  <c:v>86.642384586097634</c:v>
                </c:pt>
                <c:pt idx="1570">
                  <c:v>86.625436007622241</c:v>
                </c:pt>
                <c:pt idx="1571">
                  <c:v>86.608949910421458</c:v>
                </c:pt>
                <c:pt idx="1572">
                  <c:v>86.592450210830251</c:v>
                </c:pt>
                <c:pt idx="1573">
                  <c:v>86.575964113629468</c:v>
                </c:pt>
                <c:pt idx="1574">
                  <c:v>86.55992689531287</c:v>
                </c:pt>
                <c:pt idx="1575">
                  <c:v>86.543440798112101</c:v>
                </c:pt>
                <c:pt idx="1576">
                  <c:v>86.527417182185928</c:v>
                </c:pt>
                <c:pt idx="1577">
                  <c:v>86.511379963869345</c:v>
                </c:pt>
                <c:pt idx="1578">
                  <c:v>86.495342745552733</c:v>
                </c:pt>
                <c:pt idx="1579">
                  <c:v>86.47931912962656</c:v>
                </c:pt>
                <c:pt idx="1580">
                  <c:v>86.463281911309949</c:v>
                </c:pt>
                <c:pt idx="1581">
                  <c:v>86.447707174267961</c:v>
                </c:pt>
                <c:pt idx="1582">
                  <c:v>86.431669955951378</c:v>
                </c:pt>
                <c:pt idx="1583">
                  <c:v>86.41609521890939</c:v>
                </c:pt>
                <c:pt idx="1584">
                  <c:v>86.400520481867389</c:v>
                </c:pt>
                <c:pt idx="1585">
                  <c:v>86.38495934721584</c:v>
                </c:pt>
                <c:pt idx="1586">
                  <c:v>86.369384610173853</c:v>
                </c:pt>
                <c:pt idx="1587">
                  <c:v>86.353809873131866</c:v>
                </c:pt>
                <c:pt idx="1588">
                  <c:v>86.338684014974064</c:v>
                </c:pt>
                <c:pt idx="1589">
                  <c:v>86.323109277932076</c:v>
                </c:pt>
                <c:pt idx="1590">
                  <c:v>86.307997022164699</c:v>
                </c:pt>
                <c:pt idx="1591">
                  <c:v>86.292422285122711</c:v>
                </c:pt>
                <c:pt idx="1592">
                  <c:v>86.27684754808071</c:v>
                </c:pt>
                <c:pt idx="1593">
                  <c:v>86.261735292313332</c:v>
                </c:pt>
                <c:pt idx="1594">
                  <c:v>86.246623036545955</c:v>
                </c:pt>
                <c:pt idx="1595">
                  <c:v>86.231497178388139</c:v>
                </c:pt>
                <c:pt idx="1596">
                  <c:v>86.216847403895372</c:v>
                </c:pt>
                <c:pt idx="1597">
                  <c:v>86.20218402701218</c:v>
                </c:pt>
                <c:pt idx="1598">
                  <c:v>86.187071771244803</c:v>
                </c:pt>
                <c:pt idx="1599">
                  <c:v>86.172408394361582</c:v>
                </c:pt>
                <c:pt idx="1600">
                  <c:v>86.157758619868829</c:v>
                </c:pt>
                <c:pt idx="1601">
                  <c:v>86.143557724260233</c:v>
                </c:pt>
                <c:pt idx="1602">
                  <c:v>86.128894347377027</c:v>
                </c:pt>
                <c:pt idx="1603">
                  <c:v>86.11423097049385</c:v>
                </c:pt>
                <c:pt idx="1604">
                  <c:v>86.099581196001068</c:v>
                </c:pt>
                <c:pt idx="1605">
                  <c:v>86.085380300392472</c:v>
                </c:pt>
                <c:pt idx="1606">
                  <c:v>86.070716923509266</c:v>
                </c:pt>
                <c:pt idx="1607">
                  <c:v>86.05651602790067</c:v>
                </c:pt>
                <c:pt idx="1608">
                  <c:v>86.042315132292103</c:v>
                </c:pt>
                <c:pt idx="1609">
                  <c:v>86.028114236683507</c:v>
                </c:pt>
                <c:pt idx="1610">
                  <c:v>86.013926943465336</c:v>
                </c:pt>
                <c:pt idx="1611">
                  <c:v>85.999726047856754</c:v>
                </c:pt>
                <c:pt idx="1612">
                  <c:v>85.985974031132329</c:v>
                </c:pt>
                <c:pt idx="1613">
                  <c:v>85.971773135523748</c:v>
                </c:pt>
                <c:pt idx="1614">
                  <c:v>85.957585842305591</c:v>
                </c:pt>
                <c:pt idx="1615">
                  <c:v>85.943384946696995</c:v>
                </c:pt>
                <c:pt idx="1616">
                  <c:v>85.92963292997257</c:v>
                </c:pt>
                <c:pt idx="1617">
                  <c:v>85.915894515638598</c:v>
                </c:pt>
                <c:pt idx="1618">
                  <c:v>85.902156101304612</c:v>
                </c:pt>
                <c:pt idx="1619">
                  <c:v>85.888417686970641</c:v>
                </c:pt>
                <c:pt idx="1620">
                  <c:v>85.87512815152084</c:v>
                </c:pt>
                <c:pt idx="1621">
                  <c:v>85.861389737186869</c:v>
                </c:pt>
                <c:pt idx="1622">
                  <c:v>85.847637720462444</c:v>
                </c:pt>
                <c:pt idx="1623">
                  <c:v>85.833899306128458</c:v>
                </c:pt>
                <c:pt idx="1624">
                  <c:v>85.820160891794501</c:v>
                </c:pt>
                <c:pt idx="1625">
                  <c:v>85.806422477460515</c:v>
                </c:pt>
                <c:pt idx="1626">
                  <c:v>85.79267046073609</c:v>
                </c:pt>
                <c:pt idx="1627">
                  <c:v>85.779394527676729</c:v>
                </c:pt>
                <c:pt idx="1628">
                  <c:v>85.766104992226914</c:v>
                </c:pt>
                <c:pt idx="1629">
                  <c:v>85.752829059167539</c:v>
                </c:pt>
                <c:pt idx="1630">
                  <c:v>85.739539523717738</c:v>
                </c:pt>
                <c:pt idx="1631">
                  <c:v>85.726249988267938</c:v>
                </c:pt>
                <c:pt idx="1632">
                  <c:v>85.712974055208562</c:v>
                </c:pt>
                <c:pt idx="1633">
                  <c:v>85.699235640874576</c:v>
                </c:pt>
                <c:pt idx="1634">
                  <c:v>85.685483624150166</c:v>
                </c:pt>
                <c:pt idx="1635">
                  <c:v>85.672207691090804</c:v>
                </c:pt>
                <c:pt idx="1636">
                  <c:v>85.65891815564099</c:v>
                </c:pt>
                <c:pt idx="1637">
                  <c:v>85.645642222581628</c:v>
                </c:pt>
                <c:pt idx="1638">
                  <c:v>85.632815168406424</c:v>
                </c:pt>
                <c:pt idx="1639">
                  <c:v>85.619988114231248</c:v>
                </c:pt>
                <c:pt idx="1640">
                  <c:v>85.607623541330653</c:v>
                </c:pt>
                <c:pt idx="1641">
                  <c:v>85.594796487155463</c:v>
                </c:pt>
                <c:pt idx="1642">
                  <c:v>85.582418311864458</c:v>
                </c:pt>
                <c:pt idx="1643">
                  <c:v>85.570053738963864</c:v>
                </c:pt>
                <c:pt idx="1644">
                  <c:v>85.558151647337894</c:v>
                </c:pt>
                <c:pt idx="1645">
                  <c:v>85.545324593162704</c:v>
                </c:pt>
                <c:pt idx="1646">
                  <c:v>85.532960020262124</c:v>
                </c:pt>
                <c:pt idx="1647">
                  <c:v>85.520581844971105</c:v>
                </c:pt>
                <c:pt idx="1648">
                  <c:v>85.508217272070524</c:v>
                </c:pt>
                <c:pt idx="1649">
                  <c:v>85.495852699169944</c:v>
                </c:pt>
                <c:pt idx="1650">
                  <c:v>85.48393700515355</c:v>
                </c:pt>
                <c:pt idx="1651">
                  <c:v>85.47203491352758</c:v>
                </c:pt>
                <c:pt idx="1652">
                  <c:v>85.460119219511171</c:v>
                </c:pt>
                <c:pt idx="1653">
                  <c:v>85.448217127885187</c:v>
                </c:pt>
                <c:pt idx="1654">
                  <c:v>85.436301433868778</c:v>
                </c:pt>
                <c:pt idx="1655">
                  <c:v>85.424385739852383</c:v>
                </c:pt>
                <c:pt idx="1656">
                  <c:v>85.412483648226413</c:v>
                </c:pt>
                <c:pt idx="1657">
                  <c:v>85.40056795420999</c:v>
                </c:pt>
                <c:pt idx="1658">
                  <c:v>85.38866586258402</c:v>
                </c:pt>
                <c:pt idx="1659">
                  <c:v>85.376750168567625</c:v>
                </c:pt>
                <c:pt idx="1660">
                  <c:v>85.364848076941655</c:v>
                </c:pt>
                <c:pt idx="1661">
                  <c:v>85.35293238292526</c:v>
                </c:pt>
                <c:pt idx="1662">
                  <c:v>85.341030291299262</c:v>
                </c:pt>
                <c:pt idx="1663">
                  <c:v>85.329577078557477</c:v>
                </c:pt>
                <c:pt idx="1664">
                  <c:v>85.318123865815679</c:v>
                </c:pt>
                <c:pt idx="1665">
                  <c:v>85.306208171799284</c:v>
                </c:pt>
                <c:pt idx="1666">
                  <c:v>85.294306080173314</c:v>
                </c:pt>
                <c:pt idx="1667">
                  <c:v>85.282852867431501</c:v>
                </c:pt>
                <c:pt idx="1668">
                  <c:v>85.270937173415106</c:v>
                </c:pt>
                <c:pt idx="1669">
                  <c:v>85.259035081789136</c:v>
                </c:pt>
                <c:pt idx="1670">
                  <c:v>85.247581869047323</c:v>
                </c:pt>
                <c:pt idx="1671">
                  <c:v>85.236128656305553</c:v>
                </c:pt>
                <c:pt idx="1672">
                  <c:v>85.22467544356374</c:v>
                </c:pt>
                <c:pt idx="1673">
                  <c:v>85.21322223082197</c:v>
                </c:pt>
                <c:pt idx="1674">
                  <c:v>85.201769018080171</c:v>
                </c:pt>
                <c:pt idx="1675">
                  <c:v>85.189866926454201</c:v>
                </c:pt>
                <c:pt idx="1676">
                  <c:v>85.178413713712402</c:v>
                </c:pt>
                <c:pt idx="1677">
                  <c:v>85.166498019696007</c:v>
                </c:pt>
                <c:pt idx="1678">
                  <c:v>85.155044806954194</c:v>
                </c:pt>
                <c:pt idx="1679">
                  <c:v>85.143605196602834</c:v>
                </c:pt>
                <c:pt idx="1680">
                  <c:v>85.13215198386105</c:v>
                </c:pt>
                <c:pt idx="1681">
                  <c:v>85.120698771119237</c:v>
                </c:pt>
                <c:pt idx="1682">
                  <c:v>85.109245558377438</c:v>
                </c:pt>
                <c:pt idx="1683">
                  <c:v>85.098254826910264</c:v>
                </c:pt>
                <c:pt idx="1684">
                  <c:v>85.08725049305265</c:v>
                </c:pt>
                <c:pt idx="1685">
                  <c:v>85.076259761585476</c:v>
                </c:pt>
                <c:pt idx="1686">
                  <c:v>85.065269030118287</c:v>
                </c:pt>
                <c:pt idx="1687">
                  <c:v>85.054278298651084</c:v>
                </c:pt>
                <c:pt idx="1688">
                  <c:v>85.043287567183896</c:v>
                </c:pt>
                <c:pt idx="1689">
                  <c:v>85.032283233326282</c:v>
                </c:pt>
                <c:pt idx="1690">
                  <c:v>85.021754983133718</c:v>
                </c:pt>
                <c:pt idx="1691">
                  <c:v>85.011213130550715</c:v>
                </c:pt>
                <c:pt idx="1692">
                  <c:v>85.000684880358136</c:v>
                </c:pt>
                <c:pt idx="1693">
                  <c:v>84.990143027775133</c:v>
                </c:pt>
                <c:pt idx="1694">
                  <c:v>84.979614777582555</c:v>
                </c:pt>
                <c:pt idx="1695">
                  <c:v>84.969072924999551</c:v>
                </c:pt>
                <c:pt idx="1696">
                  <c:v>84.958544674806973</c:v>
                </c:pt>
                <c:pt idx="1697">
                  <c:v>84.948002822223955</c:v>
                </c:pt>
                <c:pt idx="1698">
                  <c:v>84.937474572031377</c:v>
                </c:pt>
                <c:pt idx="1699">
                  <c:v>84.927395200722998</c:v>
                </c:pt>
                <c:pt idx="1700">
                  <c:v>84.916853348139981</c:v>
                </c:pt>
                <c:pt idx="1701">
                  <c:v>84.906773976831602</c:v>
                </c:pt>
                <c:pt idx="1702">
                  <c:v>84.896245726639023</c:v>
                </c:pt>
                <c:pt idx="1703">
                  <c:v>84.886166355330616</c:v>
                </c:pt>
                <c:pt idx="1704">
                  <c:v>84.875638105138052</c:v>
                </c:pt>
                <c:pt idx="1705">
                  <c:v>84.865558733829644</c:v>
                </c:pt>
                <c:pt idx="1706">
                  <c:v>84.855016881246641</c:v>
                </c:pt>
                <c:pt idx="1707">
                  <c:v>84.844937509938248</c:v>
                </c:pt>
                <c:pt idx="1708">
                  <c:v>84.834858138629869</c:v>
                </c:pt>
                <c:pt idx="1709">
                  <c:v>84.824792369711886</c:v>
                </c:pt>
                <c:pt idx="1710">
                  <c:v>84.814712998403479</c:v>
                </c:pt>
                <c:pt idx="1711">
                  <c:v>84.8046336270951</c:v>
                </c:pt>
                <c:pt idx="1712">
                  <c:v>84.794554255786693</c:v>
                </c:pt>
                <c:pt idx="1713">
                  <c:v>84.78401240320369</c:v>
                </c:pt>
                <c:pt idx="1714">
                  <c:v>84.773946634285721</c:v>
                </c:pt>
                <c:pt idx="1715">
                  <c:v>84.763867262977328</c:v>
                </c:pt>
                <c:pt idx="1716">
                  <c:v>84.754250372943545</c:v>
                </c:pt>
                <c:pt idx="1717">
                  <c:v>84.744171001635138</c:v>
                </c:pt>
                <c:pt idx="1718">
                  <c:v>84.734554111601369</c:v>
                </c:pt>
                <c:pt idx="1719">
                  <c:v>84.724923619177133</c:v>
                </c:pt>
                <c:pt idx="1720">
                  <c:v>84.715306729143364</c:v>
                </c:pt>
                <c:pt idx="1721">
                  <c:v>84.705689839109567</c:v>
                </c:pt>
                <c:pt idx="1722">
                  <c:v>84.69607294907577</c:v>
                </c:pt>
                <c:pt idx="1723">
                  <c:v>84.686456059041987</c:v>
                </c:pt>
                <c:pt idx="1724">
                  <c:v>84.676825566617765</c:v>
                </c:pt>
                <c:pt idx="1725">
                  <c:v>84.667208676583996</c:v>
                </c:pt>
                <c:pt idx="1726">
                  <c:v>84.658054267824795</c:v>
                </c:pt>
                <c:pt idx="1727">
                  <c:v>84.648437377791026</c:v>
                </c:pt>
                <c:pt idx="1728">
                  <c:v>84.639269366641415</c:v>
                </c:pt>
                <c:pt idx="1729">
                  <c:v>84.630114957882228</c:v>
                </c:pt>
                <c:pt idx="1730">
                  <c:v>84.62094694673263</c:v>
                </c:pt>
                <c:pt idx="1731">
                  <c:v>84.611792537973443</c:v>
                </c:pt>
                <c:pt idx="1732">
                  <c:v>84.602624526823845</c:v>
                </c:pt>
                <c:pt idx="1733">
                  <c:v>84.593470118064658</c:v>
                </c:pt>
                <c:pt idx="1734">
                  <c:v>84.584302106915061</c:v>
                </c:pt>
                <c:pt idx="1735">
                  <c:v>84.575147698155888</c:v>
                </c:pt>
                <c:pt idx="1736">
                  <c:v>84.565979687006276</c:v>
                </c:pt>
                <c:pt idx="1737">
                  <c:v>84.557274157131275</c:v>
                </c:pt>
                <c:pt idx="1738">
                  <c:v>84.548119748372102</c:v>
                </c:pt>
                <c:pt idx="1739">
                  <c:v>84.538951737222504</c:v>
                </c:pt>
                <c:pt idx="1740">
                  <c:v>84.529797328463317</c:v>
                </c:pt>
                <c:pt idx="1741">
                  <c:v>84.521091798588316</c:v>
                </c:pt>
                <c:pt idx="1742">
                  <c:v>84.511923787438704</c:v>
                </c:pt>
                <c:pt idx="1743">
                  <c:v>84.502769378679531</c:v>
                </c:pt>
                <c:pt idx="1744">
                  <c:v>84.494063848804529</c:v>
                </c:pt>
                <c:pt idx="1745">
                  <c:v>84.484909440045357</c:v>
                </c:pt>
                <c:pt idx="1746">
                  <c:v>84.476203910170369</c:v>
                </c:pt>
                <c:pt idx="1747">
                  <c:v>84.467498380295353</c:v>
                </c:pt>
                <c:pt idx="1748">
                  <c:v>84.458792850420366</c:v>
                </c:pt>
                <c:pt idx="1749">
                  <c:v>84.45008732054535</c:v>
                </c:pt>
                <c:pt idx="1750">
                  <c:v>84.441381790670363</c:v>
                </c:pt>
                <c:pt idx="1751">
                  <c:v>84.4326898631858</c:v>
                </c:pt>
                <c:pt idx="1752">
                  <c:v>84.424433212194984</c:v>
                </c:pt>
                <c:pt idx="1753">
                  <c:v>84.415741284710407</c:v>
                </c:pt>
                <c:pt idx="1754">
                  <c:v>84.407484633719591</c:v>
                </c:pt>
                <c:pt idx="1755">
                  <c:v>84.398792706235028</c:v>
                </c:pt>
                <c:pt idx="1756">
                  <c:v>84.390087176360026</c:v>
                </c:pt>
                <c:pt idx="1757">
                  <c:v>84.381844127759649</c:v>
                </c:pt>
                <c:pt idx="1758">
                  <c:v>84.373138597884619</c:v>
                </c:pt>
                <c:pt idx="1759">
                  <c:v>84.364433068009632</c:v>
                </c:pt>
                <c:pt idx="1760">
                  <c:v>84.355727538134644</c:v>
                </c:pt>
                <c:pt idx="1761">
                  <c:v>84.347484489534253</c:v>
                </c:pt>
                <c:pt idx="1762">
                  <c:v>84.338778959659265</c:v>
                </c:pt>
                <c:pt idx="1763">
                  <c:v>84.33053591105886</c:v>
                </c:pt>
                <c:pt idx="1764">
                  <c:v>84.322292862458482</c:v>
                </c:pt>
                <c:pt idx="1765">
                  <c:v>84.314049813858077</c:v>
                </c:pt>
                <c:pt idx="1766">
                  <c:v>84.305793162867275</c:v>
                </c:pt>
                <c:pt idx="1767">
                  <c:v>84.297101235382684</c:v>
                </c:pt>
                <c:pt idx="1768">
                  <c:v>84.288844584391882</c:v>
                </c:pt>
                <c:pt idx="1769">
                  <c:v>84.280601535791504</c:v>
                </c:pt>
                <c:pt idx="1770">
                  <c:v>84.272358487191099</c:v>
                </c:pt>
                <c:pt idx="1771">
                  <c:v>84.264577919865332</c:v>
                </c:pt>
                <c:pt idx="1772">
                  <c:v>84.256783750149111</c:v>
                </c:pt>
                <c:pt idx="1773">
                  <c:v>84.248540701548734</c:v>
                </c:pt>
                <c:pt idx="1774">
                  <c:v>84.240760134222953</c:v>
                </c:pt>
                <c:pt idx="1775">
                  <c:v>84.232054604347965</c:v>
                </c:pt>
                <c:pt idx="1776">
                  <c:v>84.22381155574756</c:v>
                </c:pt>
                <c:pt idx="1777">
                  <c:v>84.215554904756758</c:v>
                </c:pt>
                <c:pt idx="1778">
                  <c:v>84.207311856156352</c:v>
                </c:pt>
                <c:pt idx="1779">
                  <c:v>84.19953128883057</c:v>
                </c:pt>
                <c:pt idx="1780">
                  <c:v>84.191737119114379</c:v>
                </c:pt>
                <c:pt idx="1781">
                  <c:v>84.184419033063193</c:v>
                </c:pt>
                <c:pt idx="1782">
                  <c:v>84.176624863346987</c:v>
                </c:pt>
                <c:pt idx="1783">
                  <c:v>84.168844296021206</c:v>
                </c:pt>
                <c:pt idx="1784">
                  <c:v>84.16151260757961</c:v>
                </c:pt>
                <c:pt idx="1785">
                  <c:v>84.154180919138014</c:v>
                </c:pt>
                <c:pt idx="1786">
                  <c:v>84.146849230696404</c:v>
                </c:pt>
                <c:pt idx="1787">
                  <c:v>84.139068663370637</c:v>
                </c:pt>
                <c:pt idx="1788">
                  <c:v>84.131736974929026</c:v>
                </c:pt>
                <c:pt idx="1789">
                  <c:v>84.124405286487416</c:v>
                </c:pt>
                <c:pt idx="1790">
                  <c:v>84.11707359804582</c:v>
                </c:pt>
                <c:pt idx="1791">
                  <c:v>84.109741909604224</c:v>
                </c:pt>
                <c:pt idx="1792">
                  <c:v>84.102423823553067</c:v>
                </c:pt>
                <c:pt idx="1793">
                  <c:v>84.095092135111457</c:v>
                </c:pt>
                <c:pt idx="1794">
                  <c:v>84.087760446669861</c:v>
                </c:pt>
                <c:pt idx="1795">
                  <c:v>84.080428758228251</c:v>
                </c:pt>
                <c:pt idx="1796">
                  <c:v>84.073097069786655</c:v>
                </c:pt>
                <c:pt idx="1797">
                  <c:v>84.065778983735484</c:v>
                </c:pt>
                <c:pt idx="1798">
                  <c:v>84.058447295293874</c:v>
                </c:pt>
                <c:pt idx="1799">
                  <c:v>84.051578088126902</c:v>
                </c:pt>
                <c:pt idx="1800">
                  <c:v>84.044708880959902</c:v>
                </c:pt>
                <c:pt idx="1801">
                  <c:v>84.037826071402492</c:v>
                </c:pt>
                <c:pt idx="1802">
                  <c:v>84.031419345510102</c:v>
                </c:pt>
                <c:pt idx="1803">
                  <c:v>84.02455013834313</c:v>
                </c:pt>
                <c:pt idx="1804">
                  <c:v>84.017680931176116</c:v>
                </c:pt>
                <c:pt idx="1805">
                  <c:v>84.01081172400913</c:v>
                </c:pt>
                <c:pt idx="1806">
                  <c:v>84.00392891445172</c:v>
                </c:pt>
                <c:pt idx="1807">
                  <c:v>83.996610828400549</c:v>
                </c:pt>
                <c:pt idx="1808">
                  <c:v>83.989741621233563</c:v>
                </c:pt>
                <c:pt idx="1809">
                  <c:v>83.982858811676124</c:v>
                </c:pt>
                <c:pt idx="1810">
                  <c:v>83.975989604509138</c:v>
                </c:pt>
                <c:pt idx="1811">
                  <c:v>83.969120397342152</c:v>
                </c:pt>
                <c:pt idx="1812">
                  <c:v>83.962251190175152</c:v>
                </c:pt>
                <c:pt idx="1813">
                  <c:v>83.955381983008166</c:v>
                </c:pt>
                <c:pt idx="1814">
                  <c:v>83.948961654725366</c:v>
                </c:pt>
                <c:pt idx="1815">
                  <c:v>83.942092447558366</c:v>
                </c:pt>
                <c:pt idx="1816">
                  <c:v>83.93522324039138</c:v>
                </c:pt>
                <c:pt idx="1817">
                  <c:v>83.928816514498976</c:v>
                </c:pt>
                <c:pt idx="1818">
                  <c:v>83.92239618621619</c:v>
                </c:pt>
                <c:pt idx="1819">
                  <c:v>83.915526979049176</c:v>
                </c:pt>
                <c:pt idx="1820">
                  <c:v>83.90865777188219</c:v>
                </c:pt>
                <c:pt idx="1821">
                  <c:v>83.901788564715218</c:v>
                </c:pt>
                <c:pt idx="1822">
                  <c:v>83.895368236432404</c:v>
                </c:pt>
                <c:pt idx="1823">
                  <c:v>83.888499029265404</c:v>
                </c:pt>
                <c:pt idx="1824">
                  <c:v>83.882092303373028</c:v>
                </c:pt>
                <c:pt idx="1825">
                  <c:v>83.875223096206028</c:v>
                </c:pt>
                <c:pt idx="1826">
                  <c:v>83.868353889039057</c:v>
                </c:pt>
                <c:pt idx="1827">
                  <c:v>83.861933560756228</c:v>
                </c:pt>
                <c:pt idx="1828">
                  <c:v>83.855064353589242</c:v>
                </c:pt>
                <c:pt idx="1829">
                  <c:v>83.84865762769688</c:v>
                </c:pt>
                <c:pt idx="1830">
                  <c:v>83.841774818139442</c:v>
                </c:pt>
                <c:pt idx="1831">
                  <c:v>83.835368092247066</c:v>
                </c:pt>
                <c:pt idx="1832">
                  <c:v>83.828961366354676</c:v>
                </c:pt>
                <c:pt idx="1833">
                  <c:v>83.822541038071861</c:v>
                </c:pt>
                <c:pt idx="1834">
                  <c:v>83.816134312179486</c:v>
                </c:pt>
                <c:pt idx="1835">
                  <c:v>83.809713983896671</c:v>
                </c:pt>
                <c:pt idx="1836">
                  <c:v>83.803756136888481</c:v>
                </c:pt>
                <c:pt idx="1837">
                  <c:v>83.797349410996105</c:v>
                </c:pt>
                <c:pt idx="1838">
                  <c:v>83.791391563987887</c:v>
                </c:pt>
                <c:pt idx="1839">
                  <c:v>83.784984838095511</c:v>
                </c:pt>
                <c:pt idx="1840">
                  <c:v>83.779026991087292</c:v>
                </c:pt>
                <c:pt idx="1841">
                  <c:v>83.773531625353712</c:v>
                </c:pt>
                <c:pt idx="1842">
                  <c:v>83.767573778345522</c:v>
                </c:pt>
                <c:pt idx="1843">
                  <c:v>83.761615931337317</c:v>
                </c:pt>
                <c:pt idx="1844">
                  <c:v>83.755658084329113</c:v>
                </c:pt>
                <c:pt idx="1845">
                  <c:v>83.749713839711333</c:v>
                </c:pt>
                <c:pt idx="1846">
                  <c:v>83.743755992703129</c:v>
                </c:pt>
                <c:pt idx="1847">
                  <c:v>83.737335664420343</c:v>
                </c:pt>
                <c:pt idx="1848">
                  <c:v>83.731391419802563</c:v>
                </c:pt>
                <c:pt idx="1849">
                  <c:v>83.725433572794344</c:v>
                </c:pt>
                <c:pt idx="1850">
                  <c:v>83.71947572578614</c:v>
                </c:pt>
                <c:pt idx="1851">
                  <c:v>83.713517878777949</c:v>
                </c:pt>
                <c:pt idx="1852">
                  <c:v>83.708022513044341</c:v>
                </c:pt>
                <c:pt idx="1853">
                  <c:v>83.702527147310761</c:v>
                </c:pt>
                <c:pt idx="1854">
                  <c:v>83.696569300302556</c:v>
                </c:pt>
                <c:pt idx="1855">
                  <c:v>83.691073934568976</c:v>
                </c:pt>
                <c:pt idx="1856">
                  <c:v>83.685116087560758</c:v>
                </c:pt>
                <c:pt idx="1857">
                  <c:v>83.679171842942978</c:v>
                </c:pt>
                <c:pt idx="1858">
                  <c:v>83.673213995934788</c:v>
                </c:pt>
                <c:pt idx="1859">
                  <c:v>83.667718630201207</c:v>
                </c:pt>
                <c:pt idx="1860">
                  <c:v>83.661760783192989</c:v>
                </c:pt>
                <c:pt idx="1861">
                  <c:v>83.656265417459423</c:v>
                </c:pt>
                <c:pt idx="1862">
                  <c:v>83.650770051725814</c:v>
                </c:pt>
                <c:pt idx="1863">
                  <c:v>83.64527468599222</c:v>
                </c:pt>
                <c:pt idx="1864">
                  <c:v>83.639779320258626</c:v>
                </c:pt>
                <c:pt idx="1865">
                  <c:v>83.633821473250407</c:v>
                </c:pt>
                <c:pt idx="1866">
                  <c:v>83.627863626242231</c:v>
                </c:pt>
                <c:pt idx="1867">
                  <c:v>83.621905779234012</c:v>
                </c:pt>
                <c:pt idx="1868">
                  <c:v>83.616410413500432</c:v>
                </c:pt>
                <c:pt idx="1869">
                  <c:v>83.610915047766838</c:v>
                </c:pt>
                <c:pt idx="1870">
                  <c:v>83.60588216330784</c:v>
                </c:pt>
                <c:pt idx="1871">
                  <c:v>83.600835676458445</c:v>
                </c:pt>
                <c:pt idx="1872">
                  <c:v>83.595802791999446</c:v>
                </c:pt>
                <c:pt idx="1873">
                  <c:v>83.590756305150038</c:v>
                </c:pt>
                <c:pt idx="1874">
                  <c:v>83.585723420691068</c:v>
                </c:pt>
                <c:pt idx="1875">
                  <c:v>83.580690536232083</c:v>
                </c:pt>
                <c:pt idx="1876">
                  <c:v>83.576106530657285</c:v>
                </c:pt>
                <c:pt idx="1877">
                  <c:v>83.57061116492369</c:v>
                </c:pt>
                <c:pt idx="1878">
                  <c:v>83.565564678074267</c:v>
                </c:pt>
                <c:pt idx="1879">
                  <c:v>83.560069312340673</c:v>
                </c:pt>
                <c:pt idx="1880">
                  <c:v>83.555036427881703</c:v>
                </c:pt>
                <c:pt idx="1881">
                  <c:v>83.54998994103228</c:v>
                </c:pt>
                <c:pt idx="1882">
                  <c:v>83.545419537847906</c:v>
                </c:pt>
                <c:pt idx="1883">
                  <c:v>83.540373050998468</c:v>
                </c:pt>
                <c:pt idx="1884">
                  <c:v>83.53578904542367</c:v>
                </c:pt>
                <c:pt idx="1885">
                  <c:v>83.53121864223931</c:v>
                </c:pt>
                <c:pt idx="1886">
                  <c:v>83.526634636664511</c:v>
                </c:pt>
                <c:pt idx="1887">
                  <c:v>83.522050631089712</c:v>
                </c:pt>
                <c:pt idx="1888">
                  <c:v>83.517017746630714</c:v>
                </c:pt>
                <c:pt idx="1889">
                  <c:v>83.512433741055929</c:v>
                </c:pt>
                <c:pt idx="1890">
                  <c:v>83.507849735481116</c:v>
                </c:pt>
                <c:pt idx="1891">
                  <c:v>83.503728211180928</c:v>
                </c:pt>
                <c:pt idx="1892">
                  <c:v>83.499144205606115</c:v>
                </c:pt>
                <c:pt idx="1893">
                  <c:v>83.494573802421741</c:v>
                </c:pt>
                <c:pt idx="1894">
                  <c:v>83.489989796846942</c:v>
                </c:pt>
                <c:pt idx="1895">
                  <c:v>83.485405791272143</c:v>
                </c:pt>
                <c:pt idx="1896">
                  <c:v>83.480372906813145</c:v>
                </c:pt>
                <c:pt idx="1897">
                  <c:v>83.476251382512956</c:v>
                </c:pt>
                <c:pt idx="1898">
                  <c:v>83.471667376938157</c:v>
                </c:pt>
                <c:pt idx="1899">
                  <c:v>83.467083371363358</c:v>
                </c:pt>
                <c:pt idx="1900">
                  <c:v>83.462961847063156</c:v>
                </c:pt>
                <c:pt idx="1901">
                  <c:v>83.458377841488357</c:v>
                </c:pt>
                <c:pt idx="1902">
                  <c:v>83.453793835913544</c:v>
                </c:pt>
                <c:pt idx="1903">
                  <c:v>83.449672311613369</c:v>
                </c:pt>
                <c:pt idx="1904">
                  <c:v>83.445550787313152</c:v>
                </c:pt>
                <c:pt idx="1905">
                  <c:v>83.441429263012949</c:v>
                </c:pt>
                <c:pt idx="1906">
                  <c:v>83.437307738712775</c:v>
                </c:pt>
                <c:pt idx="1907">
                  <c:v>83.433186214412586</c:v>
                </c:pt>
                <c:pt idx="1908">
                  <c:v>83.429064690112369</c:v>
                </c:pt>
                <c:pt idx="1909">
                  <c:v>83.424480684537585</c:v>
                </c:pt>
                <c:pt idx="1910">
                  <c:v>83.420359160237396</c:v>
                </c:pt>
                <c:pt idx="1911">
                  <c:v>83.415775154662583</c:v>
                </c:pt>
                <c:pt idx="1912">
                  <c:v>83.411653630362409</c:v>
                </c:pt>
                <c:pt idx="1913">
                  <c:v>83.407532106062192</c:v>
                </c:pt>
                <c:pt idx="1914">
                  <c:v>83.402961702877818</c:v>
                </c:pt>
                <c:pt idx="1915">
                  <c:v>83.39882657618719</c:v>
                </c:pt>
                <c:pt idx="1916">
                  <c:v>83.395167533161597</c:v>
                </c:pt>
                <c:pt idx="1917">
                  <c:v>83.391046008861409</c:v>
                </c:pt>
                <c:pt idx="1918">
                  <c:v>83.38692448456122</c:v>
                </c:pt>
                <c:pt idx="1919">
                  <c:v>83.382802960261017</c:v>
                </c:pt>
                <c:pt idx="1920">
                  <c:v>83.379130314845014</c:v>
                </c:pt>
                <c:pt idx="1921">
                  <c:v>83.375008790544811</c:v>
                </c:pt>
                <c:pt idx="1922">
                  <c:v>83.370887266244623</c:v>
                </c:pt>
                <c:pt idx="1923">
                  <c:v>83.36722822321903</c:v>
                </c:pt>
                <c:pt idx="1924">
                  <c:v>83.363106698918827</c:v>
                </c:pt>
                <c:pt idx="1925">
                  <c:v>83.359434053502824</c:v>
                </c:pt>
                <c:pt idx="1926">
                  <c:v>83.355312529202621</c:v>
                </c:pt>
                <c:pt idx="1927">
                  <c:v>83.351653486177042</c:v>
                </c:pt>
                <c:pt idx="1928">
                  <c:v>83.34753196187684</c:v>
                </c:pt>
                <c:pt idx="1929">
                  <c:v>83.343859316460851</c:v>
                </c:pt>
                <c:pt idx="1930">
                  <c:v>83.339737792160633</c:v>
                </c:pt>
                <c:pt idx="1931">
                  <c:v>83.336078749135055</c:v>
                </c:pt>
                <c:pt idx="1932">
                  <c:v>83.332419706109462</c:v>
                </c:pt>
                <c:pt idx="1933">
                  <c:v>83.328284579418849</c:v>
                </c:pt>
                <c:pt idx="1934">
                  <c:v>83.324625536393256</c:v>
                </c:pt>
                <c:pt idx="1935">
                  <c:v>83.320966493367678</c:v>
                </c:pt>
                <c:pt idx="1936">
                  <c:v>83.31729384795166</c:v>
                </c:pt>
                <c:pt idx="1937">
                  <c:v>83.313634804926082</c:v>
                </c:pt>
                <c:pt idx="1938">
                  <c:v>83.30996215951005</c:v>
                </c:pt>
                <c:pt idx="1939">
                  <c:v>83.306303116484472</c:v>
                </c:pt>
                <c:pt idx="1940">
                  <c:v>83.303092952343079</c:v>
                </c:pt>
                <c:pt idx="1941">
                  <c:v>83.2994339093175</c:v>
                </c:pt>
                <c:pt idx="1942">
                  <c:v>83.295761263901468</c:v>
                </c:pt>
                <c:pt idx="1943">
                  <c:v>83.29210222087589</c:v>
                </c:pt>
                <c:pt idx="1944">
                  <c:v>83.288443177850297</c:v>
                </c:pt>
                <c:pt idx="1945">
                  <c:v>83.284770532434294</c:v>
                </c:pt>
                <c:pt idx="1946">
                  <c:v>83.281111489408687</c:v>
                </c:pt>
                <c:pt idx="1947">
                  <c:v>83.277438843992684</c:v>
                </c:pt>
                <c:pt idx="1948">
                  <c:v>83.274242282241701</c:v>
                </c:pt>
                <c:pt idx="1949">
                  <c:v>83.270569636825698</c:v>
                </c:pt>
                <c:pt idx="1950">
                  <c:v>83.266910593800119</c:v>
                </c:pt>
                <c:pt idx="1951">
                  <c:v>83.263251550774541</c:v>
                </c:pt>
                <c:pt idx="1952">
                  <c:v>83.260041386633134</c:v>
                </c:pt>
                <c:pt idx="1953">
                  <c:v>83.256368741217102</c:v>
                </c:pt>
                <c:pt idx="1954">
                  <c:v>83.253172179466134</c:v>
                </c:pt>
                <c:pt idx="1955">
                  <c:v>83.250424496599337</c:v>
                </c:pt>
                <c:pt idx="1956">
                  <c:v>83.247214332457929</c:v>
                </c:pt>
                <c:pt idx="1957">
                  <c:v>83.244004168316536</c:v>
                </c:pt>
                <c:pt idx="1958">
                  <c:v>83.240794004175129</c:v>
                </c:pt>
                <c:pt idx="1959">
                  <c:v>83.238046321308317</c:v>
                </c:pt>
                <c:pt idx="1960">
                  <c:v>83.234849759557335</c:v>
                </c:pt>
                <c:pt idx="1961">
                  <c:v>83.232102076690552</c:v>
                </c:pt>
                <c:pt idx="1962">
                  <c:v>83.228891912549159</c:v>
                </c:pt>
                <c:pt idx="1963">
                  <c:v>83.225681748407723</c:v>
                </c:pt>
                <c:pt idx="1964">
                  <c:v>83.222471584266316</c:v>
                </c:pt>
                <c:pt idx="1965">
                  <c:v>83.219275022515347</c:v>
                </c:pt>
                <c:pt idx="1966">
                  <c:v>83.216064858373954</c:v>
                </c:pt>
                <c:pt idx="1967">
                  <c:v>83.213317175507157</c:v>
                </c:pt>
                <c:pt idx="1968">
                  <c:v>83.210107011365736</c:v>
                </c:pt>
                <c:pt idx="1969">
                  <c:v>83.207359328498939</c:v>
                </c:pt>
                <c:pt idx="1970">
                  <c:v>83.204149164357545</c:v>
                </c:pt>
                <c:pt idx="1971">
                  <c:v>83.201401481490748</c:v>
                </c:pt>
                <c:pt idx="1972">
                  <c:v>83.198653798623951</c:v>
                </c:pt>
                <c:pt idx="1973">
                  <c:v>83.195906115757168</c:v>
                </c:pt>
                <c:pt idx="1974">
                  <c:v>83.1927095540062</c:v>
                </c:pt>
                <c:pt idx="1975">
                  <c:v>83.189961871139388</c:v>
                </c:pt>
                <c:pt idx="1976">
                  <c:v>83.187200585882152</c:v>
                </c:pt>
                <c:pt idx="1977">
                  <c:v>83.184452903015355</c:v>
                </c:pt>
                <c:pt idx="1978">
                  <c:v>83.181705220148558</c:v>
                </c:pt>
                <c:pt idx="1979">
                  <c:v>83.178957537281775</c:v>
                </c:pt>
                <c:pt idx="1980">
                  <c:v>83.176209854414978</c:v>
                </c:pt>
                <c:pt idx="1981">
                  <c:v>83.173013292663995</c:v>
                </c:pt>
                <c:pt idx="1982">
                  <c:v>83.169803128522616</c:v>
                </c:pt>
                <c:pt idx="1983">
                  <c:v>83.166592964381181</c:v>
                </c:pt>
                <c:pt idx="1984">
                  <c:v>83.162933921355602</c:v>
                </c:pt>
                <c:pt idx="1985">
                  <c:v>83.159723757214195</c:v>
                </c:pt>
                <c:pt idx="1986">
                  <c:v>83.156976074347412</c:v>
                </c:pt>
                <c:pt idx="1987">
                  <c:v>83.153765910205991</c:v>
                </c:pt>
                <c:pt idx="1988">
                  <c:v>83.151480708613818</c:v>
                </c:pt>
                <c:pt idx="1989">
                  <c:v>83.148733025747021</c:v>
                </c:pt>
                <c:pt idx="1990">
                  <c:v>83.146434221764395</c:v>
                </c:pt>
                <c:pt idx="1991">
                  <c:v>83.144149020172222</c:v>
                </c:pt>
                <c:pt idx="1992">
                  <c:v>83.141401337305396</c:v>
                </c:pt>
                <c:pt idx="1993">
                  <c:v>83.139116135713223</c:v>
                </c:pt>
                <c:pt idx="1994">
                  <c:v>83.136354850456001</c:v>
                </c:pt>
                <c:pt idx="1995">
                  <c:v>83.1340696488638</c:v>
                </c:pt>
                <c:pt idx="1996">
                  <c:v>83.131784447271627</c:v>
                </c:pt>
                <c:pt idx="1997">
                  <c:v>83.129485643289016</c:v>
                </c:pt>
                <c:pt idx="1998">
                  <c:v>83.127200441696829</c:v>
                </c:pt>
                <c:pt idx="1999">
                  <c:v>83.124915240104627</c:v>
                </c:pt>
                <c:pt idx="2000">
                  <c:v>83.122616436122016</c:v>
                </c:pt>
                <c:pt idx="2001">
                  <c:v>83.120331234529814</c:v>
                </c:pt>
                <c:pt idx="2002">
                  <c:v>83.118032430547231</c:v>
                </c:pt>
                <c:pt idx="2003">
                  <c:v>83.11528474768042</c:v>
                </c:pt>
                <c:pt idx="2004">
                  <c:v>83.112999546088233</c:v>
                </c:pt>
                <c:pt idx="2005">
                  <c:v>83.110251863221436</c:v>
                </c:pt>
                <c:pt idx="2006">
                  <c:v>83.107966661629249</c:v>
                </c:pt>
                <c:pt idx="2007">
                  <c:v>83.105667857646637</c:v>
                </c:pt>
                <c:pt idx="2008">
                  <c:v>83.103845137329046</c:v>
                </c:pt>
                <c:pt idx="2009">
                  <c:v>83.102008814621044</c:v>
                </c:pt>
                <c:pt idx="2010">
                  <c:v>83.100172491913028</c:v>
                </c:pt>
                <c:pt idx="2011">
                  <c:v>83.097887290320855</c:v>
                </c:pt>
                <c:pt idx="2012">
                  <c:v>83.095588486338229</c:v>
                </c:pt>
                <c:pt idx="2013">
                  <c:v>83.093303284746057</c:v>
                </c:pt>
                <c:pt idx="2014">
                  <c:v>83.090555601879259</c:v>
                </c:pt>
                <c:pt idx="2015">
                  <c:v>83.087807919012448</c:v>
                </c:pt>
                <c:pt idx="2016">
                  <c:v>83.085522717420275</c:v>
                </c:pt>
                <c:pt idx="2017">
                  <c:v>83.083223913437649</c:v>
                </c:pt>
                <c:pt idx="2018">
                  <c:v>83.080476230570838</c:v>
                </c:pt>
                <c:pt idx="2019">
                  <c:v>83.078191028978679</c:v>
                </c:pt>
                <c:pt idx="2020">
                  <c:v>83.075892224996053</c:v>
                </c:pt>
                <c:pt idx="2021">
                  <c:v>83.073144542129256</c:v>
                </c:pt>
                <c:pt idx="2022">
                  <c:v>83.070396859262459</c:v>
                </c:pt>
                <c:pt idx="2023">
                  <c:v>83.068111657670286</c:v>
                </c:pt>
                <c:pt idx="2024">
                  <c:v>83.065363974803475</c:v>
                </c:pt>
                <c:pt idx="2025">
                  <c:v>83.063065170820863</c:v>
                </c:pt>
                <c:pt idx="2026">
                  <c:v>83.060779969228676</c:v>
                </c:pt>
                <c:pt idx="2027">
                  <c:v>83.058494767636489</c:v>
                </c:pt>
                <c:pt idx="2028">
                  <c:v>83.055747084769692</c:v>
                </c:pt>
                <c:pt idx="2029">
                  <c:v>83.05344828078708</c:v>
                </c:pt>
                <c:pt idx="2030">
                  <c:v>83.051163079194879</c:v>
                </c:pt>
                <c:pt idx="2031">
                  <c:v>83.048877877602706</c:v>
                </c:pt>
                <c:pt idx="2032">
                  <c:v>83.04704155489469</c:v>
                </c:pt>
                <c:pt idx="2033">
                  <c:v>83.044742750912064</c:v>
                </c:pt>
                <c:pt idx="2034">
                  <c:v>83.042920030594502</c:v>
                </c:pt>
                <c:pt idx="2035">
                  <c:v>83.041083707886486</c:v>
                </c:pt>
                <c:pt idx="2036">
                  <c:v>83.038798506294285</c:v>
                </c:pt>
                <c:pt idx="2037">
                  <c:v>83.036962183586283</c:v>
                </c:pt>
                <c:pt idx="2038">
                  <c:v>83.03467698199411</c:v>
                </c:pt>
                <c:pt idx="2039">
                  <c:v>83.032840659286109</c:v>
                </c:pt>
                <c:pt idx="2040">
                  <c:v>83.031004336578107</c:v>
                </c:pt>
                <c:pt idx="2041">
                  <c:v>83.029630495144673</c:v>
                </c:pt>
                <c:pt idx="2042">
                  <c:v>83.027794172436685</c:v>
                </c:pt>
                <c:pt idx="2043">
                  <c:v>83.025971452119109</c:v>
                </c:pt>
                <c:pt idx="2044">
                  <c:v>83.024135129411107</c:v>
                </c:pt>
                <c:pt idx="2045">
                  <c:v>83.02184992781892</c:v>
                </c:pt>
                <c:pt idx="2046">
                  <c:v>83.020013605110918</c:v>
                </c:pt>
                <c:pt idx="2047">
                  <c:v>83.018639763677513</c:v>
                </c:pt>
                <c:pt idx="2048">
                  <c:v>83.017265922244121</c:v>
                </c:pt>
                <c:pt idx="2049">
                  <c:v>83.01542959953612</c:v>
                </c:pt>
                <c:pt idx="2050">
                  <c:v>83.013606879218528</c:v>
                </c:pt>
                <c:pt idx="2051">
                  <c:v>83.012233037785137</c:v>
                </c:pt>
                <c:pt idx="2052">
                  <c:v>83.010396715077121</c:v>
                </c:pt>
                <c:pt idx="2053">
                  <c:v>83.009471752527901</c:v>
                </c:pt>
                <c:pt idx="2054">
                  <c:v>83.008097911094509</c:v>
                </c:pt>
                <c:pt idx="2055">
                  <c:v>83.006724069661104</c:v>
                </c:pt>
                <c:pt idx="2056">
                  <c:v>83.005350228227698</c:v>
                </c:pt>
                <c:pt idx="2057">
                  <c:v>83.003527507910135</c:v>
                </c:pt>
                <c:pt idx="2058">
                  <c:v>83.001691185202134</c:v>
                </c:pt>
                <c:pt idx="2059">
                  <c:v>82.999854862494132</c:v>
                </c:pt>
                <c:pt idx="2060">
                  <c:v>82.998032142176541</c:v>
                </c:pt>
                <c:pt idx="2061">
                  <c:v>82.996195819468525</c:v>
                </c:pt>
                <c:pt idx="2062">
                  <c:v>82.994359496760524</c:v>
                </c:pt>
                <c:pt idx="2063">
                  <c:v>82.992985655327118</c:v>
                </c:pt>
                <c:pt idx="2064">
                  <c:v>82.991149332619116</c:v>
                </c:pt>
                <c:pt idx="2065">
                  <c:v>82.989326612301554</c:v>
                </c:pt>
                <c:pt idx="2066">
                  <c:v>82.987490289593538</c:v>
                </c:pt>
                <c:pt idx="2067">
                  <c:v>82.985205088001337</c:v>
                </c:pt>
                <c:pt idx="2068">
                  <c:v>82.983831246567945</c:v>
                </c:pt>
                <c:pt idx="2069">
                  <c:v>82.981994923859943</c:v>
                </c:pt>
                <c:pt idx="2070">
                  <c:v>82.980621082426552</c:v>
                </c:pt>
                <c:pt idx="2071">
                  <c:v>82.978784759718522</c:v>
                </c:pt>
                <c:pt idx="2072">
                  <c:v>82.976962039400959</c:v>
                </c:pt>
                <c:pt idx="2073">
                  <c:v>82.975574595577129</c:v>
                </c:pt>
                <c:pt idx="2074">
                  <c:v>82.974200754143723</c:v>
                </c:pt>
                <c:pt idx="2075">
                  <c:v>82.972826912710346</c:v>
                </c:pt>
                <c:pt idx="2076">
                  <c:v>82.971004192392755</c:v>
                </c:pt>
                <c:pt idx="2077">
                  <c:v>82.969630350959363</c:v>
                </c:pt>
                <c:pt idx="2078">
                  <c:v>82.967331546976737</c:v>
                </c:pt>
                <c:pt idx="2079">
                  <c:v>82.965508826659146</c:v>
                </c:pt>
                <c:pt idx="2080">
                  <c:v>82.963210022676535</c:v>
                </c:pt>
                <c:pt idx="2081">
                  <c:v>82.961387302358972</c:v>
                </c:pt>
                <c:pt idx="2082">
                  <c:v>82.960013460925566</c:v>
                </c:pt>
                <c:pt idx="2083">
                  <c:v>82.958177138217565</c:v>
                </c:pt>
                <c:pt idx="2084">
                  <c:v>82.956340815509549</c:v>
                </c:pt>
                <c:pt idx="2085">
                  <c:v>82.954966974076143</c:v>
                </c:pt>
                <c:pt idx="2086">
                  <c:v>82.953130651368156</c:v>
                </c:pt>
                <c:pt idx="2087">
                  <c:v>82.951307931050579</c:v>
                </c:pt>
                <c:pt idx="2088">
                  <c:v>82.949471608342577</c:v>
                </c:pt>
                <c:pt idx="2089">
                  <c:v>82.948097766909157</c:v>
                </c:pt>
                <c:pt idx="2090">
                  <c:v>82.946261444201156</c:v>
                </c:pt>
                <c:pt idx="2091">
                  <c:v>82.944887602767764</c:v>
                </c:pt>
                <c:pt idx="2092">
                  <c:v>82.943976242608969</c:v>
                </c:pt>
                <c:pt idx="2093">
                  <c:v>82.942602401175563</c:v>
                </c:pt>
                <c:pt idx="2094">
                  <c:v>82.941228559742171</c:v>
                </c:pt>
                <c:pt idx="2095">
                  <c:v>82.940303597192951</c:v>
                </c:pt>
                <c:pt idx="2096">
                  <c:v>82.938929755759546</c:v>
                </c:pt>
                <c:pt idx="2097">
                  <c:v>82.937555914326168</c:v>
                </c:pt>
                <c:pt idx="2098">
                  <c:v>82.935733194008591</c:v>
                </c:pt>
                <c:pt idx="2099">
                  <c:v>82.9343593525752</c:v>
                </c:pt>
                <c:pt idx="2100">
                  <c:v>82.932985511141794</c:v>
                </c:pt>
                <c:pt idx="2101">
                  <c:v>82.931611669708388</c:v>
                </c:pt>
                <c:pt idx="2102">
                  <c:v>82.930237828274983</c:v>
                </c:pt>
                <c:pt idx="2103">
                  <c:v>82.929312865725777</c:v>
                </c:pt>
                <c:pt idx="2104">
                  <c:v>82.927939024292357</c:v>
                </c:pt>
                <c:pt idx="2105">
                  <c:v>82.927490145408186</c:v>
                </c:pt>
                <c:pt idx="2106">
                  <c:v>82.926565182858965</c:v>
                </c:pt>
                <c:pt idx="2107">
                  <c:v>82.925653822700184</c:v>
                </c:pt>
                <c:pt idx="2108">
                  <c:v>82.924742462541403</c:v>
                </c:pt>
                <c:pt idx="2109">
                  <c:v>82.923355018717558</c:v>
                </c:pt>
                <c:pt idx="2110">
                  <c:v>82.922443658558791</c:v>
                </c:pt>
                <c:pt idx="2111">
                  <c:v>82.921532298399995</c:v>
                </c:pt>
                <c:pt idx="2112">
                  <c:v>82.920607335850775</c:v>
                </c:pt>
                <c:pt idx="2113">
                  <c:v>82.919233494417384</c:v>
                </c:pt>
                <c:pt idx="2114">
                  <c:v>82.918322134258588</c:v>
                </c:pt>
                <c:pt idx="2115">
                  <c:v>82.917410774099807</c:v>
                </c:pt>
                <c:pt idx="2116">
                  <c:v>82.916036932666401</c:v>
                </c:pt>
                <c:pt idx="2117">
                  <c:v>82.91466309123301</c:v>
                </c:pt>
                <c:pt idx="2118">
                  <c:v>82.913738128683789</c:v>
                </c:pt>
                <c:pt idx="2119">
                  <c:v>82.912364287250369</c:v>
                </c:pt>
                <c:pt idx="2120">
                  <c:v>82.910990445816978</c:v>
                </c:pt>
                <c:pt idx="2121">
                  <c:v>82.910079085658211</c:v>
                </c:pt>
                <c:pt idx="2122">
                  <c:v>82.908705244224805</c:v>
                </c:pt>
                <c:pt idx="2123">
                  <c:v>82.907331402791399</c:v>
                </c:pt>
                <c:pt idx="2124">
                  <c:v>82.906420042632618</c:v>
                </c:pt>
                <c:pt idx="2125">
                  <c:v>82.905032598808788</c:v>
                </c:pt>
                <c:pt idx="2126">
                  <c:v>82.903658757375382</c:v>
                </c:pt>
                <c:pt idx="2127">
                  <c:v>82.902747397216601</c:v>
                </c:pt>
                <c:pt idx="2128">
                  <c:v>82.901373555783195</c:v>
                </c:pt>
                <c:pt idx="2129">
                  <c:v>82.899999714349775</c:v>
                </c:pt>
                <c:pt idx="2130">
                  <c:v>82.898625872916412</c:v>
                </c:pt>
                <c:pt idx="2131">
                  <c:v>82.897252031482992</c:v>
                </c:pt>
                <c:pt idx="2132">
                  <c:v>82.895878190049601</c:v>
                </c:pt>
                <c:pt idx="2133">
                  <c:v>82.894504348616209</c:v>
                </c:pt>
                <c:pt idx="2134">
                  <c:v>82.893130507182804</c:v>
                </c:pt>
                <c:pt idx="2135">
                  <c:v>82.891756665749412</c:v>
                </c:pt>
                <c:pt idx="2136">
                  <c:v>82.890845305590616</c:v>
                </c:pt>
                <c:pt idx="2137">
                  <c:v>82.889471464157225</c:v>
                </c:pt>
                <c:pt idx="2138">
                  <c:v>82.888097622723834</c:v>
                </c:pt>
                <c:pt idx="2139">
                  <c:v>82.886710178900003</c:v>
                </c:pt>
                <c:pt idx="2140">
                  <c:v>82.885336337466597</c:v>
                </c:pt>
                <c:pt idx="2141">
                  <c:v>82.883962496033206</c:v>
                </c:pt>
                <c:pt idx="2142">
                  <c:v>82.882588654599815</c:v>
                </c:pt>
                <c:pt idx="2143">
                  <c:v>82.880765934282223</c:v>
                </c:pt>
                <c:pt idx="2144">
                  <c:v>82.879392092848846</c:v>
                </c:pt>
                <c:pt idx="2145">
                  <c:v>82.878018251415426</c:v>
                </c:pt>
                <c:pt idx="2146">
                  <c:v>82.876644409982035</c:v>
                </c:pt>
                <c:pt idx="2147">
                  <c:v>82.875270568548629</c:v>
                </c:pt>
                <c:pt idx="2148">
                  <c:v>82.873896727115223</c:v>
                </c:pt>
                <c:pt idx="2149">
                  <c:v>82.872971764566017</c:v>
                </c:pt>
                <c:pt idx="2150">
                  <c:v>82.871597923132626</c:v>
                </c:pt>
                <c:pt idx="2151">
                  <c:v>82.870224081699234</c:v>
                </c:pt>
                <c:pt idx="2152">
                  <c:v>82.868850240265829</c:v>
                </c:pt>
                <c:pt idx="2153">
                  <c:v>82.867938880107033</c:v>
                </c:pt>
                <c:pt idx="2154">
                  <c:v>82.866102557399017</c:v>
                </c:pt>
                <c:pt idx="2155">
                  <c:v>82.864728715965626</c:v>
                </c:pt>
                <c:pt idx="2156">
                  <c:v>82.863354874532234</c:v>
                </c:pt>
                <c:pt idx="2157">
                  <c:v>82.861981033098814</c:v>
                </c:pt>
                <c:pt idx="2158">
                  <c:v>82.861069672940033</c:v>
                </c:pt>
                <c:pt idx="2159">
                  <c:v>82.85969583150667</c:v>
                </c:pt>
                <c:pt idx="2160">
                  <c:v>82.858770868957421</c:v>
                </c:pt>
                <c:pt idx="2161">
                  <c:v>82.85739702752403</c:v>
                </c:pt>
                <c:pt idx="2162">
                  <c:v>82.856485667365234</c:v>
                </c:pt>
                <c:pt idx="2163">
                  <c:v>82.855574307206453</c:v>
                </c:pt>
                <c:pt idx="2164">
                  <c:v>82.854200465773047</c:v>
                </c:pt>
                <c:pt idx="2165">
                  <c:v>82.853275503223827</c:v>
                </c:pt>
                <c:pt idx="2166">
                  <c:v>82.852364143065046</c:v>
                </c:pt>
                <c:pt idx="2167">
                  <c:v>82.851439180515825</c:v>
                </c:pt>
                <c:pt idx="2168">
                  <c:v>82.850527820357044</c:v>
                </c:pt>
                <c:pt idx="2169">
                  <c:v>82.849153978923638</c:v>
                </c:pt>
                <c:pt idx="2170">
                  <c:v>82.847780137490247</c:v>
                </c:pt>
                <c:pt idx="2171">
                  <c:v>82.846868777331466</c:v>
                </c:pt>
                <c:pt idx="2172">
                  <c:v>82.845494935898046</c:v>
                </c:pt>
                <c:pt idx="2173">
                  <c:v>82.844121094464668</c:v>
                </c:pt>
                <c:pt idx="2174">
                  <c:v>82.842747253031263</c:v>
                </c:pt>
                <c:pt idx="2175">
                  <c:v>82.841373411597857</c:v>
                </c:pt>
                <c:pt idx="2176">
                  <c:v>82.839999570164451</c:v>
                </c:pt>
                <c:pt idx="2177">
                  <c:v>82.839074607615231</c:v>
                </c:pt>
                <c:pt idx="2178">
                  <c:v>82.83770076618184</c:v>
                </c:pt>
                <c:pt idx="2179">
                  <c:v>82.836326924748448</c:v>
                </c:pt>
                <c:pt idx="2180">
                  <c:v>82.835415564589667</c:v>
                </c:pt>
                <c:pt idx="2181">
                  <c:v>82.834490602040432</c:v>
                </c:pt>
                <c:pt idx="2182">
                  <c:v>82.833116760607041</c:v>
                </c:pt>
                <c:pt idx="2183">
                  <c:v>82.83220540044826</c:v>
                </c:pt>
                <c:pt idx="2184">
                  <c:v>82.830831559014868</c:v>
                </c:pt>
                <c:pt idx="2185">
                  <c:v>82.828995236306852</c:v>
                </c:pt>
                <c:pt idx="2186">
                  <c:v>82.827621394873461</c:v>
                </c:pt>
                <c:pt idx="2187">
                  <c:v>82.826247553440055</c:v>
                </c:pt>
                <c:pt idx="2188">
                  <c:v>82.825336193281245</c:v>
                </c:pt>
                <c:pt idx="2189">
                  <c:v>82.824424833122492</c:v>
                </c:pt>
                <c:pt idx="2190">
                  <c:v>82.823962351847882</c:v>
                </c:pt>
                <c:pt idx="2191">
                  <c:v>82.823050991689072</c:v>
                </c:pt>
                <c:pt idx="2192">
                  <c:v>82.822588510414462</c:v>
                </c:pt>
                <c:pt idx="2193">
                  <c:v>82.822126029139852</c:v>
                </c:pt>
                <c:pt idx="2194">
                  <c:v>82.821677150255667</c:v>
                </c:pt>
                <c:pt idx="2195">
                  <c:v>82.821214668981071</c:v>
                </c:pt>
                <c:pt idx="2196">
                  <c:v>82.820752187706461</c:v>
                </c:pt>
                <c:pt idx="2197">
                  <c:v>82.819840827547679</c:v>
                </c:pt>
                <c:pt idx="2198">
                  <c:v>82.818929467388884</c:v>
                </c:pt>
                <c:pt idx="2199">
                  <c:v>82.817555625955492</c:v>
                </c:pt>
                <c:pt idx="2200">
                  <c:v>82.815719303247477</c:v>
                </c:pt>
                <c:pt idx="2201">
                  <c:v>82.812971620380679</c:v>
                </c:pt>
                <c:pt idx="2202">
                  <c:v>82.809761456239258</c:v>
                </c:pt>
                <c:pt idx="2203">
                  <c:v>82.806102413213694</c:v>
                </c:pt>
                <c:pt idx="2204">
                  <c:v>82.80105592636427</c:v>
                </c:pt>
                <c:pt idx="2205">
                  <c:v>82.79509807935608</c:v>
                </c:pt>
                <c:pt idx="2206">
                  <c:v>82.78822887218908</c:v>
                </c:pt>
                <c:pt idx="2207">
                  <c:v>82.780448304863313</c:v>
                </c:pt>
                <c:pt idx="2208">
                  <c:v>82.771280293713716</c:v>
                </c:pt>
                <c:pt idx="2209">
                  <c:v>82.761663403679918</c:v>
                </c:pt>
                <c:pt idx="2210">
                  <c:v>82.750210190938105</c:v>
                </c:pt>
                <c:pt idx="2211">
                  <c:v>82.736934257878744</c:v>
                </c:pt>
                <c:pt idx="2212">
                  <c:v>82.722270880995552</c:v>
                </c:pt>
                <c:pt idx="2213">
                  <c:v>82.705784783794755</c:v>
                </c:pt>
                <c:pt idx="2214">
                  <c:v>82.687911242770156</c:v>
                </c:pt>
                <c:pt idx="2215">
                  <c:v>82.669139943977186</c:v>
                </c:pt>
                <c:pt idx="2216">
                  <c:v>82.64944368263501</c:v>
                </c:pt>
                <c:pt idx="2217">
                  <c:v>82.630196300177005</c:v>
                </c:pt>
                <c:pt idx="2218">
                  <c:v>82.610962520109439</c:v>
                </c:pt>
                <c:pt idx="2219">
                  <c:v>82.591266258767249</c:v>
                </c:pt>
                <c:pt idx="2220">
                  <c:v>82.572032478699683</c:v>
                </c:pt>
                <c:pt idx="2221">
                  <c:v>82.553247577516288</c:v>
                </c:pt>
                <c:pt idx="2222">
                  <c:v>82.535387638882099</c:v>
                </c:pt>
                <c:pt idx="2223">
                  <c:v>82.51797657913211</c:v>
                </c:pt>
                <c:pt idx="2224">
                  <c:v>82.501028000656731</c:v>
                </c:pt>
                <c:pt idx="2225">
                  <c:v>82.484079422181338</c:v>
                </c:pt>
                <c:pt idx="2226">
                  <c:v>82.467593324980569</c:v>
                </c:pt>
                <c:pt idx="2227">
                  <c:v>82.451093625389362</c:v>
                </c:pt>
                <c:pt idx="2228">
                  <c:v>82.43551888834736</c:v>
                </c:pt>
                <c:pt idx="2229">
                  <c:v>82.420869113854593</c:v>
                </c:pt>
                <c:pt idx="2230">
                  <c:v>82.406668218245997</c:v>
                </c:pt>
                <c:pt idx="2231">
                  <c:v>82.393841164070807</c:v>
                </c:pt>
                <c:pt idx="2232">
                  <c:v>82.381476591170227</c:v>
                </c:pt>
                <c:pt idx="2233">
                  <c:v>82.370023378428442</c:v>
                </c:pt>
                <c:pt idx="2234">
                  <c:v>82.359481525845439</c:v>
                </c:pt>
                <c:pt idx="2235">
                  <c:v>82.34895327565286</c:v>
                </c:pt>
                <c:pt idx="2236">
                  <c:v>82.339336385619049</c:v>
                </c:pt>
                <c:pt idx="2237">
                  <c:v>82.330168374469466</c:v>
                </c:pt>
                <c:pt idx="2238">
                  <c:v>82.321462844594478</c:v>
                </c:pt>
                <c:pt idx="2239">
                  <c:v>82.312757314719462</c:v>
                </c:pt>
                <c:pt idx="2240">
                  <c:v>82.304976747393681</c:v>
                </c:pt>
                <c:pt idx="2241">
                  <c:v>82.297645058952071</c:v>
                </c:pt>
                <c:pt idx="2242">
                  <c:v>82.290313370510475</c:v>
                </c:pt>
                <c:pt idx="2243">
                  <c:v>82.282981682068879</c:v>
                </c:pt>
                <c:pt idx="2244">
                  <c:v>82.276112474901893</c:v>
                </c:pt>
                <c:pt idx="2245">
                  <c:v>82.269705749009532</c:v>
                </c:pt>
                <c:pt idx="2246">
                  <c:v>82.263747902001299</c:v>
                </c:pt>
                <c:pt idx="2247">
                  <c:v>82.257790054993109</c:v>
                </c:pt>
                <c:pt idx="2248">
                  <c:v>82.2522946892595</c:v>
                </c:pt>
                <c:pt idx="2249">
                  <c:v>82.24679932352592</c:v>
                </c:pt>
                <c:pt idx="2250">
                  <c:v>82.24176643906695</c:v>
                </c:pt>
                <c:pt idx="2251">
                  <c:v>82.237182433492123</c:v>
                </c:pt>
                <c:pt idx="2252">
                  <c:v>82.233060909191934</c:v>
                </c:pt>
                <c:pt idx="2253">
                  <c:v>82.229388263775917</c:v>
                </c:pt>
                <c:pt idx="2254">
                  <c:v>82.226191702024948</c:v>
                </c:pt>
                <c:pt idx="2255">
                  <c:v>82.222519056608945</c:v>
                </c:pt>
                <c:pt idx="2256">
                  <c:v>82.218860013583367</c:v>
                </c:pt>
                <c:pt idx="2257">
                  <c:v>82.21473848928315</c:v>
                </c:pt>
                <c:pt idx="2258">
                  <c:v>82.211065843867132</c:v>
                </c:pt>
                <c:pt idx="2259">
                  <c:v>82.207406800841554</c:v>
                </c:pt>
                <c:pt idx="2260">
                  <c:v>82.204196636700161</c:v>
                </c:pt>
                <c:pt idx="2261">
                  <c:v>82.201000074949178</c:v>
                </c:pt>
                <c:pt idx="2262">
                  <c:v>82.198252392082367</c:v>
                </c:pt>
                <c:pt idx="2263">
                  <c:v>82.195953588099755</c:v>
                </c:pt>
                <c:pt idx="2264">
                  <c:v>82.193668386507568</c:v>
                </c:pt>
                <c:pt idx="2265">
                  <c:v>82.191369582524956</c:v>
                </c:pt>
                <c:pt idx="2266">
                  <c:v>82.189084380932769</c:v>
                </c:pt>
                <c:pt idx="2267">
                  <c:v>82.186799179340568</c:v>
                </c:pt>
                <c:pt idx="2268">
                  <c:v>82.18450037535797</c:v>
                </c:pt>
                <c:pt idx="2269">
                  <c:v>82.182215173765769</c:v>
                </c:pt>
                <c:pt idx="2270">
                  <c:v>82.180378851057768</c:v>
                </c:pt>
                <c:pt idx="2271">
                  <c:v>82.178093649465595</c:v>
                </c:pt>
                <c:pt idx="2272">
                  <c:v>82.176257326757579</c:v>
                </c:pt>
                <c:pt idx="2273">
                  <c:v>82.174421004049563</c:v>
                </c:pt>
                <c:pt idx="2274">
                  <c:v>82.172598283731986</c:v>
                </c:pt>
                <c:pt idx="2275">
                  <c:v>82.170761961023985</c:v>
                </c:pt>
                <c:pt idx="2276">
                  <c:v>82.168925638315983</c:v>
                </c:pt>
                <c:pt idx="2277">
                  <c:v>82.167102917998392</c:v>
                </c:pt>
                <c:pt idx="2278">
                  <c:v>82.165729076565</c:v>
                </c:pt>
                <c:pt idx="2279">
                  <c:v>82.163892753856999</c:v>
                </c:pt>
                <c:pt idx="2280">
                  <c:v>82.162518912423593</c:v>
                </c:pt>
                <c:pt idx="2281">
                  <c:v>82.161145070990202</c:v>
                </c:pt>
                <c:pt idx="2282">
                  <c:v>82.160220108440967</c:v>
                </c:pt>
                <c:pt idx="2283">
                  <c:v>82.158846267007576</c:v>
                </c:pt>
                <c:pt idx="2284">
                  <c:v>82.157472425574184</c:v>
                </c:pt>
                <c:pt idx="2285">
                  <c:v>82.156098584140778</c:v>
                </c:pt>
                <c:pt idx="2286">
                  <c:v>82.155187223981997</c:v>
                </c:pt>
                <c:pt idx="2287">
                  <c:v>82.153813382548606</c:v>
                </c:pt>
                <c:pt idx="2288">
                  <c:v>82.152439541115186</c:v>
                </c:pt>
                <c:pt idx="2289">
                  <c:v>82.150603218407184</c:v>
                </c:pt>
                <c:pt idx="2290">
                  <c:v>82.149691858248403</c:v>
                </c:pt>
                <c:pt idx="2291">
                  <c:v>82.148318016814997</c:v>
                </c:pt>
                <c:pt idx="2292">
                  <c:v>82.147406656656216</c:v>
                </c:pt>
                <c:pt idx="2293">
                  <c:v>82.146481694106981</c:v>
                </c:pt>
                <c:pt idx="2294">
                  <c:v>82.145570333948214</c:v>
                </c:pt>
                <c:pt idx="2295">
                  <c:v>82.144658973789419</c:v>
                </c:pt>
                <c:pt idx="2296">
                  <c:v>82.143734011240198</c:v>
                </c:pt>
                <c:pt idx="2297">
                  <c:v>82.142822651081417</c:v>
                </c:pt>
                <c:pt idx="2298">
                  <c:v>82.141897688532183</c:v>
                </c:pt>
                <c:pt idx="2299">
                  <c:v>82.140986328373415</c:v>
                </c:pt>
                <c:pt idx="2300">
                  <c:v>82.14007496821462</c:v>
                </c:pt>
                <c:pt idx="2301">
                  <c:v>82.13961248694001</c:v>
                </c:pt>
                <c:pt idx="2302">
                  <c:v>82.138701126781228</c:v>
                </c:pt>
                <c:pt idx="2303">
                  <c:v>82.137776164232008</c:v>
                </c:pt>
                <c:pt idx="2304">
                  <c:v>82.137327285347823</c:v>
                </c:pt>
                <c:pt idx="2305">
                  <c:v>82.136402322798602</c:v>
                </c:pt>
                <c:pt idx="2306">
                  <c:v>82.135953443914417</c:v>
                </c:pt>
                <c:pt idx="2307">
                  <c:v>82.135490962639807</c:v>
                </c:pt>
                <c:pt idx="2308">
                  <c:v>82.135028481365197</c:v>
                </c:pt>
                <c:pt idx="2309">
                  <c:v>82.134579602481011</c:v>
                </c:pt>
                <c:pt idx="2310">
                  <c:v>82.133654639931805</c:v>
                </c:pt>
                <c:pt idx="2311">
                  <c:v>82.13320576104762</c:v>
                </c:pt>
                <c:pt idx="2312">
                  <c:v>82.132743279773024</c:v>
                </c:pt>
                <c:pt idx="2313">
                  <c:v>82.132280798498414</c:v>
                </c:pt>
                <c:pt idx="2314">
                  <c:v>82.131831919614214</c:v>
                </c:pt>
                <c:pt idx="2315">
                  <c:v>82.131369438339604</c:v>
                </c:pt>
                <c:pt idx="2316">
                  <c:v>82.130906957064994</c:v>
                </c:pt>
                <c:pt idx="2317">
                  <c:v>82.130458078180823</c:v>
                </c:pt>
                <c:pt idx="2318">
                  <c:v>82.129995596906241</c:v>
                </c:pt>
                <c:pt idx="2319">
                  <c:v>82.129533115631602</c:v>
                </c:pt>
                <c:pt idx="2320">
                  <c:v>82.128621755472821</c:v>
                </c:pt>
                <c:pt idx="2321">
                  <c:v>82.128159274198211</c:v>
                </c:pt>
                <c:pt idx="2322">
                  <c:v>82.12724791403943</c:v>
                </c:pt>
                <c:pt idx="2323">
                  <c:v>82.126785432764805</c:v>
                </c:pt>
                <c:pt idx="2324">
                  <c:v>82.125874072606024</c:v>
                </c:pt>
                <c:pt idx="2325">
                  <c:v>82.124949110056804</c:v>
                </c:pt>
                <c:pt idx="2326">
                  <c:v>82.124500231172632</c:v>
                </c:pt>
                <c:pt idx="2327">
                  <c:v>82.124037749898022</c:v>
                </c:pt>
                <c:pt idx="2328">
                  <c:v>82.124037749898022</c:v>
                </c:pt>
                <c:pt idx="2329">
                  <c:v>82.123575268623412</c:v>
                </c:pt>
                <c:pt idx="2330">
                  <c:v>82.123126389739227</c:v>
                </c:pt>
                <c:pt idx="2331">
                  <c:v>82.122663908464617</c:v>
                </c:pt>
                <c:pt idx="2332">
                  <c:v>82.121752548305821</c:v>
                </c:pt>
                <c:pt idx="2333">
                  <c:v>82.121290067031225</c:v>
                </c:pt>
                <c:pt idx="2334">
                  <c:v>82.12037870687243</c:v>
                </c:pt>
                <c:pt idx="2335">
                  <c:v>82.119916225597819</c:v>
                </c:pt>
                <c:pt idx="2336">
                  <c:v>82.119453744323209</c:v>
                </c:pt>
                <c:pt idx="2337">
                  <c:v>82.118542384164428</c:v>
                </c:pt>
                <c:pt idx="2338">
                  <c:v>82.118079902889818</c:v>
                </c:pt>
                <c:pt idx="2339">
                  <c:v>82.117168542731008</c:v>
                </c:pt>
                <c:pt idx="2340">
                  <c:v>82.116706061456426</c:v>
                </c:pt>
                <c:pt idx="2341">
                  <c:v>82.116257182572227</c:v>
                </c:pt>
                <c:pt idx="2342">
                  <c:v>82.115794701297617</c:v>
                </c:pt>
                <c:pt idx="2343">
                  <c:v>82.115794701297617</c:v>
                </c:pt>
                <c:pt idx="2344">
                  <c:v>82.115332220023035</c:v>
                </c:pt>
                <c:pt idx="2345">
                  <c:v>82.114883341138835</c:v>
                </c:pt>
                <c:pt idx="2346">
                  <c:v>82.114883341138835</c:v>
                </c:pt>
                <c:pt idx="2347">
                  <c:v>82.114883341138835</c:v>
                </c:pt>
                <c:pt idx="2348">
                  <c:v>82.114883341138835</c:v>
                </c:pt>
                <c:pt idx="2349">
                  <c:v>82.114420859864225</c:v>
                </c:pt>
                <c:pt idx="2350">
                  <c:v>82.114420859864225</c:v>
                </c:pt>
                <c:pt idx="2351">
                  <c:v>82.114420859864225</c:v>
                </c:pt>
                <c:pt idx="2352">
                  <c:v>82.113958378589629</c:v>
                </c:pt>
                <c:pt idx="2353">
                  <c:v>82.113509499705444</c:v>
                </c:pt>
                <c:pt idx="2354">
                  <c:v>82.113047018430834</c:v>
                </c:pt>
                <c:pt idx="2355">
                  <c:v>82.113047018430834</c:v>
                </c:pt>
                <c:pt idx="2356">
                  <c:v>82.112135658272052</c:v>
                </c:pt>
                <c:pt idx="2357">
                  <c:v>82.111673176997428</c:v>
                </c:pt>
                <c:pt idx="2358">
                  <c:v>82.111210695722818</c:v>
                </c:pt>
                <c:pt idx="2359">
                  <c:v>82.111210695722818</c:v>
                </c:pt>
                <c:pt idx="2360">
                  <c:v>82.110761816838647</c:v>
                </c:pt>
                <c:pt idx="2361">
                  <c:v>82.110299335564036</c:v>
                </c:pt>
                <c:pt idx="2362">
                  <c:v>82.110299335564036</c:v>
                </c:pt>
                <c:pt idx="2363">
                  <c:v>82.109836854289426</c:v>
                </c:pt>
                <c:pt idx="2364">
                  <c:v>82.109387975405241</c:v>
                </c:pt>
                <c:pt idx="2365">
                  <c:v>82.109387975405241</c:v>
                </c:pt>
                <c:pt idx="2366">
                  <c:v>82.108925494130631</c:v>
                </c:pt>
                <c:pt idx="2367">
                  <c:v>82.108925494130631</c:v>
                </c:pt>
                <c:pt idx="2368">
                  <c:v>82.108463012856021</c:v>
                </c:pt>
                <c:pt idx="2369">
                  <c:v>82.108463012856021</c:v>
                </c:pt>
                <c:pt idx="2370">
                  <c:v>82.108014133971835</c:v>
                </c:pt>
                <c:pt idx="2371">
                  <c:v>82.107551652697239</c:v>
                </c:pt>
                <c:pt idx="2372">
                  <c:v>82.106626690148019</c:v>
                </c:pt>
                <c:pt idx="2373">
                  <c:v>82.106177811263848</c:v>
                </c:pt>
                <c:pt idx="2374">
                  <c:v>82.106177811263848</c:v>
                </c:pt>
                <c:pt idx="2375">
                  <c:v>82.105715329989238</c:v>
                </c:pt>
                <c:pt idx="2376">
                  <c:v>82.105715329989238</c:v>
                </c:pt>
                <c:pt idx="2377">
                  <c:v>82.105715329989238</c:v>
                </c:pt>
                <c:pt idx="2378">
                  <c:v>82.105715329989238</c:v>
                </c:pt>
                <c:pt idx="2379">
                  <c:v>82.105252848714613</c:v>
                </c:pt>
                <c:pt idx="2380">
                  <c:v>82.104803969830442</c:v>
                </c:pt>
                <c:pt idx="2381">
                  <c:v>82.104803969830442</c:v>
                </c:pt>
                <c:pt idx="2382">
                  <c:v>82.104803969830442</c:v>
                </c:pt>
                <c:pt idx="2383">
                  <c:v>82.104803969830442</c:v>
                </c:pt>
                <c:pt idx="2384">
                  <c:v>82.104803969830442</c:v>
                </c:pt>
                <c:pt idx="2385">
                  <c:v>82.104341488555832</c:v>
                </c:pt>
                <c:pt idx="2386">
                  <c:v>82.104341488555832</c:v>
                </c:pt>
                <c:pt idx="2387">
                  <c:v>82.103879007281222</c:v>
                </c:pt>
                <c:pt idx="2388">
                  <c:v>82.103879007281222</c:v>
                </c:pt>
                <c:pt idx="2389">
                  <c:v>82.103879007281222</c:v>
                </c:pt>
                <c:pt idx="2390">
                  <c:v>82.103430128397051</c:v>
                </c:pt>
                <c:pt idx="2391">
                  <c:v>82.103430128397051</c:v>
                </c:pt>
                <c:pt idx="2392">
                  <c:v>82.103430128397051</c:v>
                </c:pt>
                <c:pt idx="2393">
                  <c:v>82.103430128397051</c:v>
                </c:pt>
                <c:pt idx="2394">
                  <c:v>82.103430128397051</c:v>
                </c:pt>
                <c:pt idx="2395">
                  <c:v>82.103430128397051</c:v>
                </c:pt>
                <c:pt idx="2396">
                  <c:v>82.103430128397051</c:v>
                </c:pt>
                <c:pt idx="2397">
                  <c:v>82.103430128397051</c:v>
                </c:pt>
                <c:pt idx="2398">
                  <c:v>82.103430128397051</c:v>
                </c:pt>
                <c:pt idx="2399">
                  <c:v>82.103430128397051</c:v>
                </c:pt>
                <c:pt idx="2400">
                  <c:v>82.102967647122441</c:v>
                </c:pt>
                <c:pt idx="2401">
                  <c:v>82.10250516584783</c:v>
                </c:pt>
                <c:pt idx="2402">
                  <c:v>82.102056286963659</c:v>
                </c:pt>
                <c:pt idx="2403">
                  <c:v>82.101593805689049</c:v>
                </c:pt>
                <c:pt idx="2404">
                  <c:v>82.101131324414439</c:v>
                </c:pt>
                <c:pt idx="2405">
                  <c:v>82.100682445530239</c:v>
                </c:pt>
                <c:pt idx="2406">
                  <c:v>82.100219964255643</c:v>
                </c:pt>
                <c:pt idx="2407">
                  <c:v>82.099757482981033</c:v>
                </c:pt>
                <c:pt idx="2408">
                  <c:v>82.098846122822238</c:v>
                </c:pt>
                <c:pt idx="2409">
                  <c:v>82.098383641547628</c:v>
                </c:pt>
                <c:pt idx="2410">
                  <c:v>82.097934762663442</c:v>
                </c:pt>
                <c:pt idx="2411">
                  <c:v>82.097472281388832</c:v>
                </c:pt>
                <c:pt idx="2412">
                  <c:v>82.097472281388832</c:v>
                </c:pt>
                <c:pt idx="2413">
                  <c:v>82.097472281388832</c:v>
                </c:pt>
                <c:pt idx="2414">
                  <c:v>82.097472281388832</c:v>
                </c:pt>
                <c:pt idx="2415">
                  <c:v>82.097472281388832</c:v>
                </c:pt>
                <c:pt idx="2416">
                  <c:v>82.097472281388832</c:v>
                </c:pt>
                <c:pt idx="2417">
                  <c:v>82.097009800114236</c:v>
                </c:pt>
                <c:pt idx="2418">
                  <c:v>82.096560921230051</c:v>
                </c:pt>
                <c:pt idx="2419">
                  <c:v>82.096560921230051</c:v>
                </c:pt>
                <c:pt idx="2420">
                  <c:v>82.096560921230051</c:v>
                </c:pt>
                <c:pt idx="2421">
                  <c:v>82.096560921230051</c:v>
                </c:pt>
                <c:pt idx="2422">
                  <c:v>82.096560921230051</c:v>
                </c:pt>
                <c:pt idx="2423">
                  <c:v>82.096560921230051</c:v>
                </c:pt>
                <c:pt idx="2424">
                  <c:v>82.096560921230051</c:v>
                </c:pt>
                <c:pt idx="2425">
                  <c:v>82.096560921230051</c:v>
                </c:pt>
                <c:pt idx="2426">
                  <c:v>82.097009800114236</c:v>
                </c:pt>
                <c:pt idx="2427">
                  <c:v>82.097009800114236</c:v>
                </c:pt>
                <c:pt idx="2428">
                  <c:v>82.097009800114236</c:v>
                </c:pt>
                <c:pt idx="2429">
                  <c:v>82.097472281388832</c:v>
                </c:pt>
                <c:pt idx="2430">
                  <c:v>82.097472281388832</c:v>
                </c:pt>
                <c:pt idx="2431">
                  <c:v>82.097472281388832</c:v>
                </c:pt>
                <c:pt idx="2432">
                  <c:v>82.097472281388832</c:v>
                </c:pt>
                <c:pt idx="2433">
                  <c:v>82.097472281388832</c:v>
                </c:pt>
                <c:pt idx="2434">
                  <c:v>82.097472281388832</c:v>
                </c:pt>
                <c:pt idx="2435">
                  <c:v>82.097472281388832</c:v>
                </c:pt>
                <c:pt idx="2436">
                  <c:v>82.097472281388832</c:v>
                </c:pt>
                <c:pt idx="2437">
                  <c:v>82.096560921230051</c:v>
                </c:pt>
                <c:pt idx="2438">
                  <c:v>82.096098439955441</c:v>
                </c:pt>
                <c:pt idx="2439">
                  <c:v>82.095635958680845</c:v>
                </c:pt>
                <c:pt idx="2440">
                  <c:v>82.095187079796659</c:v>
                </c:pt>
                <c:pt idx="2441">
                  <c:v>82.094724598522049</c:v>
                </c:pt>
                <c:pt idx="2442">
                  <c:v>82.094262117247425</c:v>
                </c:pt>
                <c:pt idx="2443">
                  <c:v>82.093813238363268</c:v>
                </c:pt>
                <c:pt idx="2444">
                  <c:v>82.093350757088643</c:v>
                </c:pt>
                <c:pt idx="2445">
                  <c:v>82.092888275814033</c:v>
                </c:pt>
                <c:pt idx="2446">
                  <c:v>82.092888275814033</c:v>
                </c:pt>
                <c:pt idx="2447">
                  <c:v>82.092888275814033</c:v>
                </c:pt>
                <c:pt idx="2448">
                  <c:v>82.092439396929862</c:v>
                </c:pt>
                <c:pt idx="2449">
                  <c:v>82.091976915655252</c:v>
                </c:pt>
                <c:pt idx="2450">
                  <c:v>82.091976915655252</c:v>
                </c:pt>
                <c:pt idx="2451">
                  <c:v>82.091514434380628</c:v>
                </c:pt>
                <c:pt idx="2452">
                  <c:v>82.091514434380628</c:v>
                </c:pt>
                <c:pt idx="2453">
                  <c:v>82.091065555496456</c:v>
                </c:pt>
                <c:pt idx="2454">
                  <c:v>82.091065555496456</c:v>
                </c:pt>
                <c:pt idx="2455">
                  <c:v>82.09060307422186</c:v>
                </c:pt>
                <c:pt idx="2456">
                  <c:v>82.09060307422186</c:v>
                </c:pt>
                <c:pt idx="2457">
                  <c:v>82.09060307422186</c:v>
                </c:pt>
                <c:pt idx="2458">
                  <c:v>82.09060307422186</c:v>
                </c:pt>
                <c:pt idx="2459">
                  <c:v>82.091065555496456</c:v>
                </c:pt>
                <c:pt idx="2460">
                  <c:v>82.091065555496456</c:v>
                </c:pt>
                <c:pt idx="2461">
                  <c:v>82.091514434380628</c:v>
                </c:pt>
                <c:pt idx="2462">
                  <c:v>82.091976915655252</c:v>
                </c:pt>
                <c:pt idx="2463">
                  <c:v>82.092439396929862</c:v>
                </c:pt>
                <c:pt idx="2464">
                  <c:v>82.092439396929862</c:v>
                </c:pt>
                <c:pt idx="2465">
                  <c:v>82.092439396929862</c:v>
                </c:pt>
                <c:pt idx="2466">
                  <c:v>82.092888275814033</c:v>
                </c:pt>
                <c:pt idx="2467">
                  <c:v>82.092888275814033</c:v>
                </c:pt>
                <c:pt idx="2468">
                  <c:v>82.092888275814033</c:v>
                </c:pt>
                <c:pt idx="2469">
                  <c:v>82.092888275814033</c:v>
                </c:pt>
                <c:pt idx="2470">
                  <c:v>82.092439396929862</c:v>
                </c:pt>
                <c:pt idx="2471">
                  <c:v>82.091514434380628</c:v>
                </c:pt>
                <c:pt idx="2472">
                  <c:v>82.091065555496456</c:v>
                </c:pt>
                <c:pt idx="2473">
                  <c:v>82.09060307422186</c:v>
                </c:pt>
                <c:pt idx="2474">
                  <c:v>82.09014059294725</c:v>
                </c:pt>
                <c:pt idx="2475">
                  <c:v>82.089691714063065</c:v>
                </c:pt>
              </c:numCache>
            </c:numRef>
          </c:xVal>
          <c:yVal>
            <c:numRef>
              <c:f>'Fig 6'!$E$9:$E$2696</c:f>
              <c:numCache>
                <c:formatCode>General</c:formatCode>
                <c:ptCount val="2688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1</c:v>
                </c:pt>
                <c:pt idx="4">
                  <c:v>101</c:v>
                </c:pt>
                <c:pt idx="5">
                  <c:v>101</c:v>
                </c:pt>
                <c:pt idx="6">
                  <c:v>102</c:v>
                </c:pt>
                <c:pt idx="7">
                  <c:v>102</c:v>
                </c:pt>
                <c:pt idx="8">
                  <c:v>102</c:v>
                </c:pt>
                <c:pt idx="9">
                  <c:v>103</c:v>
                </c:pt>
                <c:pt idx="10">
                  <c:v>103</c:v>
                </c:pt>
                <c:pt idx="11">
                  <c:v>103</c:v>
                </c:pt>
                <c:pt idx="12">
                  <c:v>104</c:v>
                </c:pt>
                <c:pt idx="13">
                  <c:v>104</c:v>
                </c:pt>
                <c:pt idx="14">
                  <c:v>104</c:v>
                </c:pt>
                <c:pt idx="15">
                  <c:v>105</c:v>
                </c:pt>
                <c:pt idx="16">
                  <c:v>105</c:v>
                </c:pt>
                <c:pt idx="17">
                  <c:v>105</c:v>
                </c:pt>
                <c:pt idx="18">
                  <c:v>106</c:v>
                </c:pt>
                <c:pt idx="19">
                  <c:v>106</c:v>
                </c:pt>
                <c:pt idx="20">
                  <c:v>106</c:v>
                </c:pt>
                <c:pt idx="21">
                  <c:v>107</c:v>
                </c:pt>
                <c:pt idx="22">
                  <c:v>107</c:v>
                </c:pt>
                <c:pt idx="23">
                  <c:v>107</c:v>
                </c:pt>
                <c:pt idx="24">
                  <c:v>108</c:v>
                </c:pt>
                <c:pt idx="25">
                  <c:v>108</c:v>
                </c:pt>
                <c:pt idx="26">
                  <c:v>108</c:v>
                </c:pt>
                <c:pt idx="27">
                  <c:v>109</c:v>
                </c:pt>
                <c:pt idx="28">
                  <c:v>109</c:v>
                </c:pt>
                <c:pt idx="29">
                  <c:v>109</c:v>
                </c:pt>
                <c:pt idx="30">
                  <c:v>110</c:v>
                </c:pt>
                <c:pt idx="31">
                  <c:v>110</c:v>
                </c:pt>
                <c:pt idx="32">
                  <c:v>110</c:v>
                </c:pt>
                <c:pt idx="33">
                  <c:v>111</c:v>
                </c:pt>
                <c:pt idx="34">
                  <c:v>111</c:v>
                </c:pt>
                <c:pt idx="35">
                  <c:v>111</c:v>
                </c:pt>
                <c:pt idx="36">
                  <c:v>112</c:v>
                </c:pt>
                <c:pt idx="37">
                  <c:v>112</c:v>
                </c:pt>
                <c:pt idx="38">
                  <c:v>112</c:v>
                </c:pt>
                <c:pt idx="39">
                  <c:v>113</c:v>
                </c:pt>
                <c:pt idx="40">
                  <c:v>113</c:v>
                </c:pt>
                <c:pt idx="41">
                  <c:v>113</c:v>
                </c:pt>
                <c:pt idx="42">
                  <c:v>114</c:v>
                </c:pt>
                <c:pt idx="43">
                  <c:v>114</c:v>
                </c:pt>
                <c:pt idx="44">
                  <c:v>114</c:v>
                </c:pt>
                <c:pt idx="45">
                  <c:v>115</c:v>
                </c:pt>
                <c:pt idx="46">
                  <c:v>115</c:v>
                </c:pt>
                <c:pt idx="47">
                  <c:v>115</c:v>
                </c:pt>
                <c:pt idx="48">
                  <c:v>116</c:v>
                </c:pt>
                <c:pt idx="49">
                  <c:v>116</c:v>
                </c:pt>
                <c:pt idx="50">
                  <c:v>116</c:v>
                </c:pt>
                <c:pt idx="51">
                  <c:v>117</c:v>
                </c:pt>
                <c:pt idx="52">
                  <c:v>117</c:v>
                </c:pt>
                <c:pt idx="53">
                  <c:v>117</c:v>
                </c:pt>
                <c:pt idx="54">
                  <c:v>118</c:v>
                </c:pt>
                <c:pt idx="55">
                  <c:v>118</c:v>
                </c:pt>
                <c:pt idx="56">
                  <c:v>118</c:v>
                </c:pt>
                <c:pt idx="57">
                  <c:v>119</c:v>
                </c:pt>
                <c:pt idx="58">
                  <c:v>119</c:v>
                </c:pt>
                <c:pt idx="59">
                  <c:v>119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0</c:v>
                </c:pt>
                <c:pt idx="364">
                  <c:v>120</c:v>
                </c:pt>
                <c:pt idx="365">
                  <c:v>120</c:v>
                </c:pt>
                <c:pt idx="366">
                  <c:v>120</c:v>
                </c:pt>
                <c:pt idx="367">
                  <c:v>120</c:v>
                </c:pt>
                <c:pt idx="368">
                  <c:v>120</c:v>
                </c:pt>
                <c:pt idx="369">
                  <c:v>120</c:v>
                </c:pt>
                <c:pt idx="370">
                  <c:v>120</c:v>
                </c:pt>
                <c:pt idx="371">
                  <c:v>120</c:v>
                </c:pt>
                <c:pt idx="372">
                  <c:v>120</c:v>
                </c:pt>
                <c:pt idx="373">
                  <c:v>120</c:v>
                </c:pt>
                <c:pt idx="374">
                  <c:v>120</c:v>
                </c:pt>
                <c:pt idx="375">
                  <c:v>120</c:v>
                </c:pt>
                <c:pt idx="376">
                  <c:v>120</c:v>
                </c:pt>
                <c:pt idx="377">
                  <c:v>120</c:v>
                </c:pt>
                <c:pt idx="378">
                  <c:v>120</c:v>
                </c:pt>
                <c:pt idx="379">
                  <c:v>120</c:v>
                </c:pt>
                <c:pt idx="380">
                  <c:v>120</c:v>
                </c:pt>
                <c:pt idx="381">
                  <c:v>120</c:v>
                </c:pt>
                <c:pt idx="382">
                  <c:v>120</c:v>
                </c:pt>
                <c:pt idx="383">
                  <c:v>120</c:v>
                </c:pt>
                <c:pt idx="384">
                  <c:v>120</c:v>
                </c:pt>
                <c:pt idx="385">
                  <c:v>120</c:v>
                </c:pt>
                <c:pt idx="386">
                  <c:v>120</c:v>
                </c:pt>
                <c:pt idx="387">
                  <c:v>120</c:v>
                </c:pt>
                <c:pt idx="388">
                  <c:v>120</c:v>
                </c:pt>
                <c:pt idx="389">
                  <c:v>120</c:v>
                </c:pt>
                <c:pt idx="390">
                  <c:v>120</c:v>
                </c:pt>
                <c:pt idx="391">
                  <c:v>120</c:v>
                </c:pt>
                <c:pt idx="392">
                  <c:v>120</c:v>
                </c:pt>
                <c:pt idx="393">
                  <c:v>120</c:v>
                </c:pt>
                <c:pt idx="394">
                  <c:v>120</c:v>
                </c:pt>
                <c:pt idx="395">
                  <c:v>120</c:v>
                </c:pt>
                <c:pt idx="396">
                  <c:v>120</c:v>
                </c:pt>
                <c:pt idx="397">
                  <c:v>120</c:v>
                </c:pt>
                <c:pt idx="398">
                  <c:v>120</c:v>
                </c:pt>
                <c:pt idx="399">
                  <c:v>120</c:v>
                </c:pt>
                <c:pt idx="400">
                  <c:v>120</c:v>
                </c:pt>
                <c:pt idx="401">
                  <c:v>120</c:v>
                </c:pt>
                <c:pt idx="402">
                  <c:v>120</c:v>
                </c:pt>
                <c:pt idx="403">
                  <c:v>120</c:v>
                </c:pt>
                <c:pt idx="404">
                  <c:v>120</c:v>
                </c:pt>
                <c:pt idx="405">
                  <c:v>120</c:v>
                </c:pt>
                <c:pt idx="406">
                  <c:v>120</c:v>
                </c:pt>
                <c:pt idx="407">
                  <c:v>120</c:v>
                </c:pt>
                <c:pt idx="408">
                  <c:v>120</c:v>
                </c:pt>
                <c:pt idx="409">
                  <c:v>120</c:v>
                </c:pt>
                <c:pt idx="410">
                  <c:v>120</c:v>
                </c:pt>
                <c:pt idx="411">
                  <c:v>120</c:v>
                </c:pt>
                <c:pt idx="412">
                  <c:v>120</c:v>
                </c:pt>
                <c:pt idx="413">
                  <c:v>120</c:v>
                </c:pt>
                <c:pt idx="414">
                  <c:v>120</c:v>
                </c:pt>
                <c:pt idx="415">
                  <c:v>120</c:v>
                </c:pt>
                <c:pt idx="416">
                  <c:v>120</c:v>
                </c:pt>
                <c:pt idx="417">
                  <c:v>120</c:v>
                </c:pt>
                <c:pt idx="418">
                  <c:v>120</c:v>
                </c:pt>
                <c:pt idx="419">
                  <c:v>120</c:v>
                </c:pt>
                <c:pt idx="420">
                  <c:v>120</c:v>
                </c:pt>
                <c:pt idx="421">
                  <c:v>120</c:v>
                </c:pt>
                <c:pt idx="422">
                  <c:v>120</c:v>
                </c:pt>
                <c:pt idx="423">
                  <c:v>120</c:v>
                </c:pt>
                <c:pt idx="424">
                  <c:v>120</c:v>
                </c:pt>
                <c:pt idx="425">
                  <c:v>120</c:v>
                </c:pt>
                <c:pt idx="426">
                  <c:v>120</c:v>
                </c:pt>
                <c:pt idx="427">
                  <c:v>120</c:v>
                </c:pt>
                <c:pt idx="428">
                  <c:v>120</c:v>
                </c:pt>
                <c:pt idx="429">
                  <c:v>120</c:v>
                </c:pt>
                <c:pt idx="430">
                  <c:v>120</c:v>
                </c:pt>
                <c:pt idx="431">
                  <c:v>120</c:v>
                </c:pt>
                <c:pt idx="432">
                  <c:v>120</c:v>
                </c:pt>
                <c:pt idx="433">
                  <c:v>120</c:v>
                </c:pt>
                <c:pt idx="434">
                  <c:v>120</c:v>
                </c:pt>
                <c:pt idx="435">
                  <c:v>120</c:v>
                </c:pt>
                <c:pt idx="436">
                  <c:v>120</c:v>
                </c:pt>
                <c:pt idx="437">
                  <c:v>120</c:v>
                </c:pt>
                <c:pt idx="438">
                  <c:v>120</c:v>
                </c:pt>
                <c:pt idx="439">
                  <c:v>120</c:v>
                </c:pt>
                <c:pt idx="440">
                  <c:v>120</c:v>
                </c:pt>
                <c:pt idx="441">
                  <c:v>120</c:v>
                </c:pt>
                <c:pt idx="442">
                  <c:v>120</c:v>
                </c:pt>
                <c:pt idx="443">
                  <c:v>120</c:v>
                </c:pt>
                <c:pt idx="444">
                  <c:v>120</c:v>
                </c:pt>
                <c:pt idx="445">
                  <c:v>120</c:v>
                </c:pt>
                <c:pt idx="446">
                  <c:v>120</c:v>
                </c:pt>
                <c:pt idx="447">
                  <c:v>120</c:v>
                </c:pt>
                <c:pt idx="448">
                  <c:v>120</c:v>
                </c:pt>
                <c:pt idx="449">
                  <c:v>120</c:v>
                </c:pt>
                <c:pt idx="450">
                  <c:v>120</c:v>
                </c:pt>
                <c:pt idx="451">
                  <c:v>120</c:v>
                </c:pt>
                <c:pt idx="452">
                  <c:v>120</c:v>
                </c:pt>
                <c:pt idx="453">
                  <c:v>120</c:v>
                </c:pt>
                <c:pt idx="454">
                  <c:v>120</c:v>
                </c:pt>
                <c:pt idx="455">
                  <c:v>120</c:v>
                </c:pt>
                <c:pt idx="456">
                  <c:v>120</c:v>
                </c:pt>
                <c:pt idx="457">
                  <c:v>120</c:v>
                </c:pt>
                <c:pt idx="458">
                  <c:v>120</c:v>
                </c:pt>
                <c:pt idx="459">
                  <c:v>120</c:v>
                </c:pt>
                <c:pt idx="460">
                  <c:v>120</c:v>
                </c:pt>
                <c:pt idx="461">
                  <c:v>120</c:v>
                </c:pt>
                <c:pt idx="462">
                  <c:v>120</c:v>
                </c:pt>
                <c:pt idx="463">
                  <c:v>120</c:v>
                </c:pt>
                <c:pt idx="464">
                  <c:v>120</c:v>
                </c:pt>
                <c:pt idx="465">
                  <c:v>120</c:v>
                </c:pt>
                <c:pt idx="466">
                  <c:v>120</c:v>
                </c:pt>
                <c:pt idx="467">
                  <c:v>120</c:v>
                </c:pt>
                <c:pt idx="468">
                  <c:v>120</c:v>
                </c:pt>
                <c:pt idx="469">
                  <c:v>120</c:v>
                </c:pt>
                <c:pt idx="470">
                  <c:v>120</c:v>
                </c:pt>
                <c:pt idx="471">
                  <c:v>120</c:v>
                </c:pt>
                <c:pt idx="472">
                  <c:v>120</c:v>
                </c:pt>
                <c:pt idx="473">
                  <c:v>120</c:v>
                </c:pt>
                <c:pt idx="474">
                  <c:v>120</c:v>
                </c:pt>
                <c:pt idx="475">
                  <c:v>120</c:v>
                </c:pt>
                <c:pt idx="476">
                  <c:v>120</c:v>
                </c:pt>
                <c:pt idx="477">
                  <c:v>120</c:v>
                </c:pt>
                <c:pt idx="478">
                  <c:v>120</c:v>
                </c:pt>
                <c:pt idx="479">
                  <c:v>120</c:v>
                </c:pt>
                <c:pt idx="480">
                  <c:v>120</c:v>
                </c:pt>
                <c:pt idx="481">
                  <c:v>120</c:v>
                </c:pt>
                <c:pt idx="482">
                  <c:v>120</c:v>
                </c:pt>
                <c:pt idx="483">
                  <c:v>120</c:v>
                </c:pt>
                <c:pt idx="484">
                  <c:v>120</c:v>
                </c:pt>
                <c:pt idx="485">
                  <c:v>120</c:v>
                </c:pt>
                <c:pt idx="486">
                  <c:v>120</c:v>
                </c:pt>
                <c:pt idx="487">
                  <c:v>120</c:v>
                </c:pt>
                <c:pt idx="488">
                  <c:v>120</c:v>
                </c:pt>
                <c:pt idx="489">
                  <c:v>120</c:v>
                </c:pt>
                <c:pt idx="490">
                  <c:v>120</c:v>
                </c:pt>
                <c:pt idx="491">
                  <c:v>120</c:v>
                </c:pt>
                <c:pt idx="492">
                  <c:v>120</c:v>
                </c:pt>
                <c:pt idx="493">
                  <c:v>120</c:v>
                </c:pt>
                <c:pt idx="494">
                  <c:v>120</c:v>
                </c:pt>
                <c:pt idx="495">
                  <c:v>120</c:v>
                </c:pt>
                <c:pt idx="496">
                  <c:v>120</c:v>
                </c:pt>
                <c:pt idx="497">
                  <c:v>120</c:v>
                </c:pt>
                <c:pt idx="498">
                  <c:v>120</c:v>
                </c:pt>
                <c:pt idx="499">
                  <c:v>120</c:v>
                </c:pt>
                <c:pt idx="500">
                  <c:v>120</c:v>
                </c:pt>
                <c:pt idx="501">
                  <c:v>120</c:v>
                </c:pt>
                <c:pt idx="502">
                  <c:v>120</c:v>
                </c:pt>
                <c:pt idx="503">
                  <c:v>120</c:v>
                </c:pt>
                <c:pt idx="504">
                  <c:v>120</c:v>
                </c:pt>
                <c:pt idx="505">
                  <c:v>120</c:v>
                </c:pt>
                <c:pt idx="506">
                  <c:v>120</c:v>
                </c:pt>
                <c:pt idx="507">
                  <c:v>120</c:v>
                </c:pt>
                <c:pt idx="508">
                  <c:v>120</c:v>
                </c:pt>
                <c:pt idx="509">
                  <c:v>120</c:v>
                </c:pt>
                <c:pt idx="510">
                  <c:v>120</c:v>
                </c:pt>
                <c:pt idx="511">
                  <c:v>120</c:v>
                </c:pt>
                <c:pt idx="512">
                  <c:v>120</c:v>
                </c:pt>
                <c:pt idx="513">
                  <c:v>120</c:v>
                </c:pt>
                <c:pt idx="514">
                  <c:v>120</c:v>
                </c:pt>
                <c:pt idx="515">
                  <c:v>120</c:v>
                </c:pt>
                <c:pt idx="516">
                  <c:v>120</c:v>
                </c:pt>
                <c:pt idx="517">
                  <c:v>120</c:v>
                </c:pt>
                <c:pt idx="518">
                  <c:v>120</c:v>
                </c:pt>
                <c:pt idx="519">
                  <c:v>120</c:v>
                </c:pt>
                <c:pt idx="520">
                  <c:v>120</c:v>
                </c:pt>
                <c:pt idx="521">
                  <c:v>120</c:v>
                </c:pt>
                <c:pt idx="522">
                  <c:v>120</c:v>
                </c:pt>
                <c:pt idx="523">
                  <c:v>120</c:v>
                </c:pt>
                <c:pt idx="524">
                  <c:v>120</c:v>
                </c:pt>
                <c:pt idx="525">
                  <c:v>120</c:v>
                </c:pt>
                <c:pt idx="526">
                  <c:v>120</c:v>
                </c:pt>
                <c:pt idx="527">
                  <c:v>120</c:v>
                </c:pt>
                <c:pt idx="528">
                  <c:v>120</c:v>
                </c:pt>
                <c:pt idx="529">
                  <c:v>120</c:v>
                </c:pt>
                <c:pt idx="530">
                  <c:v>120</c:v>
                </c:pt>
                <c:pt idx="531">
                  <c:v>120</c:v>
                </c:pt>
                <c:pt idx="532">
                  <c:v>120</c:v>
                </c:pt>
                <c:pt idx="533">
                  <c:v>120</c:v>
                </c:pt>
                <c:pt idx="534">
                  <c:v>120</c:v>
                </c:pt>
                <c:pt idx="535">
                  <c:v>120</c:v>
                </c:pt>
                <c:pt idx="536">
                  <c:v>120</c:v>
                </c:pt>
                <c:pt idx="537">
                  <c:v>120</c:v>
                </c:pt>
                <c:pt idx="538">
                  <c:v>120</c:v>
                </c:pt>
                <c:pt idx="539">
                  <c:v>120</c:v>
                </c:pt>
                <c:pt idx="540">
                  <c:v>120</c:v>
                </c:pt>
                <c:pt idx="541">
                  <c:v>120</c:v>
                </c:pt>
                <c:pt idx="542">
                  <c:v>120</c:v>
                </c:pt>
                <c:pt idx="543">
                  <c:v>120</c:v>
                </c:pt>
                <c:pt idx="544">
                  <c:v>120</c:v>
                </c:pt>
                <c:pt idx="545">
                  <c:v>121</c:v>
                </c:pt>
                <c:pt idx="546">
                  <c:v>121</c:v>
                </c:pt>
                <c:pt idx="547">
                  <c:v>121</c:v>
                </c:pt>
                <c:pt idx="548">
                  <c:v>122</c:v>
                </c:pt>
                <c:pt idx="549">
                  <c:v>122</c:v>
                </c:pt>
                <c:pt idx="550">
                  <c:v>123</c:v>
                </c:pt>
                <c:pt idx="551">
                  <c:v>123</c:v>
                </c:pt>
                <c:pt idx="552">
                  <c:v>124</c:v>
                </c:pt>
                <c:pt idx="553">
                  <c:v>124</c:v>
                </c:pt>
                <c:pt idx="554">
                  <c:v>124</c:v>
                </c:pt>
                <c:pt idx="555">
                  <c:v>125</c:v>
                </c:pt>
                <c:pt idx="556">
                  <c:v>125</c:v>
                </c:pt>
                <c:pt idx="557">
                  <c:v>126</c:v>
                </c:pt>
                <c:pt idx="558">
                  <c:v>126</c:v>
                </c:pt>
                <c:pt idx="559">
                  <c:v>126</c:v>
                </c:pt>
                <c:pt idx="560">
                  <c:v>127</c:v>
                </c:pt>
                <c:pt idx="561">
                  <c:v>127</c:v>
                </c:pt>
                <c:pt idx="562">
                  <c:v>128</c:v>
                </c:pt>
                <c:pt idx="563">
                  <c:v>128</c:v>
                </c:pt>
                <c:pt idx="564">
                  <c:v>129</c:v>
                </c:pt>
                <c:pt idx="565">
                  <c:v>129</c:v>
                </c:pt>
                <c:pt idx="566">
                  <c:v>129</c:v>
                </c:pt>
                <c:pt idx="567">
                  <c:v>130</c:v>
                </c:pt>
                <c:pt idx="568">
                  <c:v>130</c:v>
                </c:pt>
                <c:pt idx="569">
                  <c:v>131</c:v>
                </c:pt>
                <c:pt idx="570">
                  <c:v>131</c:v>
                </c:pt>
                <c:pt idx="571">
                  <c:v>131</c:v>
                </c:pt>
                <c:pt idx="572">
                  <c:v>132</c:v>
                </c:pt>
                <c:pt idx="573">
                  <c:v>132</c:v>
                </c:pt>
                <c:pt idx="574">
                  <c:v>133</c:v>
                </c:pt>
                <c:pt idx="575">
                  <c:v>133</c:v>
                </c:pt>
                <c:pt idx="576">
                  <c:v>134</c:v>
                </c:pt>
                <c:pt idx="577">
                  <c:v>134</c:v>
                </c:pt>
                <c:pt idx="578">
                  <c:v>134</c:v>
                </c:pt>
                <c:pt idx="579">
                  <c:v>135</c:v>
                </c:pt>
                <c:pt idx="580">
                  <c:v>135</c:v>
                </c:pt>
                <c:pt idx="581">
                  <c:v>136</c:v>
                </c:pt>
                <c:pt idx="582">
                  <c:v>136</c:v>
                </c:pt>
                <c:pt idx="583">
                  <c:v>136</c:v>
                </c:pt>
                <c:pt idx="584">
                  <c:v>137</c:v>
                </c:pt>
                <c:pt idx="585">
                  <c:v>137</c:v>
                </c:pt>
                <c:pt idx="586">
                  <c:v>138</c:v>
                </c:pt>
                <c:pt idx="587">
                  <c:v>138</c:v>
                </c:pt>
                <c:pt idx="588">
                  <c:v>139</c:v>
                </c:pt>
                <c:pt idx="589">
                  <c:v>139</c:v>
                </c:pt>
                <c:pt idx="590">
                  <c:v>139</c:v>
                </c:pt>
                <c:pt idx="591">
                  <c:v>140</c:v>
                </c:pt>
                <c:pt idx="592">
                  <c:v>140</c:v>
                </c:pt>
                <c:pt idx="593">
                  <c:v>141</c:v>
                </c:pt>
                <c:pt idx="594">
                  <c:v>141</c:v>
                </c:pt>
                <c:pt idx="595">
                  <c:v>141</c:v>
                </c:pt>
                <c:pt idx="596">
                  <c:v>142</c:v>
                </c:pt>
                <c:pt idx="597">
                  <c:v>142</c:v>
                </c:pt>
                <c:pt idx="598">
                  <c:v>143</c:v>
                </c:pt>
                <c:pt idx="599">
                  <c:v>143</c:v>
                </c:pt>
                <c:pt idx="600">
                  <c:v>144</c:v>
                </c:pt>
                <c:pt idx="601">
                  <c:v>144</c:v>
                </c:pt>
                <c:pt idx="602">
                  <c:v>144</c:v>
                </c:pt>
                <c:pt idx="603">
                  <c:v>145</c:v>
                </c:pt>
                <c:pt idx="604">
                  <c:v>145</c:v>
                </c:pt>
                <c:pt idx="605">
                  <c:v>146</c:v>
                </c:pt>
                <c:pt idx="606">
                  <c:v>146</c:v>
                </c:pt>
                <c:pt idx="607">
                  <c:v>146</c:v>
                </c:pt>
                <c:pt idx="608">
                  <c:v>147</c:v>
                </c:pt>
                <c:pt idx="609">
                  <c:v>147</c:v>
                </c:pt>
                <c:pt idx="610">
                  <c:v>148</c:v>
                </c:pt>
                <c:pt idx="611">
                  <c:v>148</c:v>
                </c:pt>
                <c:pt idx="612">
                  <c:v>149</c:v>
                </c:pt>
                <c:pt idx="613">
                  <c:v>149</c:v>
                </c:pt>
                <c:pt idx="614">
                  <c:v>149</c:v>
                </c:pt>
                <c:pt idx="615">
                  <c:v>150</c:v>
                </c:pt>
                <c:pt idx="616">
                  <c:v>150</c:v>
                </c:pt>
                <c:pt idx="617">
                  <c:v>151</c:v>
                </c:pt>
                <c:pt idx="618">
                  <c:v>151</c:v>
                </c:pt>
                <c:pt idx="619">
                  <c:v>151</c:v>
                </c:pt>
                <c:pt idx="620">
                  <c:v>152</c:v>
                </c:pt>
                <c:pt idx="621">
                  <c:v>152</c:v>
                </c:pt>
                <c:pt idx="622">
                  <c:v>153</c:v>
                </c:pt>
                <c:pt idx="623">
                  <c:v>153</c:v>
                </c:pt>
                <c:pt idx="624">
                  <c:v>154</c:v>
                </c:pt>
                <c:pt idx="625">
                  <c:v>154</c:v>
                </c:pt>
                <c:pt idx="626">
                  <c:v>154</c:v>
                </c:pt>
                <c:pt idx="627">
                  <c:v>155</c:v>
                </c:pt>
                <c:pt idx="628">
                  <c:v>155</c:v>
                </c:pt>
                <c:pt idx="629">
                  <c:v>156</c:v>
                </c:pt>
                <c:pt idx="630">
                  <c:v>156</c:v>
                </c:pt>
                <c:pt idx="631">
                  <c:v>156</c:v>
                </c:pt>
                <c:pt idx="632">
                  <c:v>157</c:v>
                </c:pt>
                <c:pt idx="633">
                  <c:v>157</c:v>
                </c:pt>
                <c:pt idx="634">
                  <c:v>158</c:v>
                </c:pt>
                <c:pt idx="635">
                  <c:v>158</c:v>
                </c:pt>
                <c:pt idx="636">
                  <c:v>159</c:v>
                </c:pt>
                <c:pt idx="637">
                  <c:v>159</c:v>
                </c:pt>
                <c:pt idx="638">
                  <c:v>159</c:v>
                </c:pt>
                <c:pt idx="639">
                  <c:v>160</c:v>
                </c:pt>
                <c:pt idx="640">
                  <c:v>160</c:v>
                </c:pt>
                <c:pt idx="641">
                  <c:v>161</c:v>
                </c:pt>
                <c:pt idx="642">
                  <c:v>161</c:v>
                </c:pt>
                <c:pt idx="643">
                  <c:v>161</c:v>
                </c:pt>
                <c:pt idx="644">
                  <c:v>162</c:v>
                </c:pt>
                <c:pt idx="645">
                  <c:v>162</c:v>
                </c:pt>
                <c:pt idx="646">
                  <c:v>163</c:v>
                </c:pt>
                <c:pt idx="647">
                  <c:v>163</c:v>
                </c:pt>
                <c:pt idx="648">
                  <c:v>164</c:v>
                </c:pt>
                <c:pt idx="649">
                  <c:v>164</c:v>
                </c:pt>
                <c:pt idx="650">
                  <c:v>164</c:v>
                </c:pt>
                <c:pt idx="651">
                  <c:v>165</c:v>
                </c:pt>
                <c:pt idx="652">
                  <c:v>165</c:v>
                </c:pt>
                <c:pt idx="653">
                  <c:v>166</c:v>
                </c:pt>
                <c:pt idx="654">
                  <c:v>166</c:v>
                </c:pt>
                <c:pt idx="655">
                  <c:v>166</c:v>
                </c:pt>
                <c:pt idx="656">
                  <c:v>167</c:v>
                </c:pt>
                <c:pt idx="657">
                  <c:v>167</c:v>
                </c:pt>
                <c:pt idx="658">
                  <c:v>168</c:v>
                </c:pt>
                <c:pt idx="659">
                  <c:v>168</c:v>
                </c:pt>
                <c:pt idx="660">
                  <c:v>169</c:v>
                </c:pt>
                <c:pt idx="661">
                  <c:v>169</c:v>
                </c:pt>
                <c:pt idx="662">
                  <c:v>169</c:v>
                </c:pt>
                <c:pt idx="663">
                  <c:v>170</c:v>
                </c:pt>
                <c:pt idx="664">
                  <c:v>170</c:v>
                </c:pt>
                <c:pt idx="665">
                  <c:v>171</c:v>
                </c:pt>
                <c:pt idx="666">
                  <c:v>171</c:v>
                </c:pt>
                <c:pt idx="667">
                  <c:v>171</c:v>
                </c:pt>
                <c:pt idx="668">
                  <c:v>172</c:v>
                </c:pt>
                <c:pt idx="669">
                  <c:v>172</c:v>
                </c:pt>
                <c:pt idx="670">
                  <c:v>173</c:v>
                </c:pt>
                <c:pt idx="671">
                  <c:v>173</c:v>
                </c:pt>
                <c:pt idx="672">
                  <c:v>174</c:v>
                </c:pt>
                <c:pt idx="673">
                  <c:v>174</c:v>
                </c:pt>
                <c:pt idx="674">
                  <c:v>174</c:v>
                </c:pt>
                <c:pt idx="675">
                  <c:v>175</c:v>
                </c:pt>
                <c:pt idx="676">
                  <c:v>175</c:v>
                </c:pt>
                <c:pt idx="677">
                  <c:v>176</c:v>
                </c:pt>
                <c:pt idx="678">
                  <c:v>176</c:v>
                </c:pt>
                <c:pt idx="679">
                  <c:v>176</c:v>
                </c:pt>
                <c:pt idx="680">
                  <c:v>177</c:v>
                </c:pt>
                <c:pt idx="681">
                  <c:v>177</c:v>
                </c:pt>
                <c:pt idx="682">
                  <c:v>178</c:v>
                </c:pt>
                <c:pt idx="683">
                  <c:v>178</c:v>
                </c:pt>
                <c:pt idx="684">
                  <c:v>179</c:v>
                </c:pt>
                <c:pt idx="685">
                  <c:v>179</c:v>
                </c:pt>
                <c:pt idx="686">
                  <c:v>179</c:v>
                </c:pt>
                <c:pt idx="687">
                  <c:v>180</c:v>
                </c:pt>
                <c:pt idx="688">
                  <c:v>180</c:v>
                </c:pt>
                <c:pt idx="689">
                  <c:v>181</c:v>
                </c:pt>
                <c:pt idx="690">
                  <c:v>181</c:v>
                </c:pt>
                <c:pt idx="691">
                  <c:v>181</c:v>
                </c:pt>
                <c:pt idx="692">
                  <c:v>182</c:v>
                </c:pt>
                <c:pt idx="693">
                  <c:v>182</c:v>
                </c:pt>
                <c:pt idx="694">
                  <c:v>183</c:v>
                </c:pt>
                <c:pt idx="695">
                  <c:v>183</c:v>
                </c:pt>
                <c:pt idx="696">
                  <c:v>184</c:v>
                </c:pt>
                <c:pt idx="697">
                  <c:v>184</c:v>
                </c:pt>
                <c:pt idx="698">
                  <c:v>184</c:v>
                </c:pt>
                <c:pt idx="699">
                  <c:v>185</c:v>
                </c:pt>
                <c:pt idx="700">
                  <c:v>185</c:v>
                </c:pt>
                <c:pt idx="701">
                  <c:v>186</c:v>
                </c:pt>
                <c:pt idx="702">
                  <c:v>186</c:v>
                </c:pt>
                <c:pt idx="703">
                  <c:v>186</c:v>
                </c:pt>
                <c:pt idx="704">
                  <c:v>187</c:v>
                </c:pt>
                <c:pt idx="705">
                  <c:v>187</c:v>
                </c:pt>
                <c:pt idx="706">
                  <c:v>188</c:v>
                </c:pt>
                <c:pt idx="707">
                  <c:v>188</c:v>
                </c:pt>
                <c:pt idx="708">
                  <c:v>189</c:v>
                </c:pt>
                <c:pt idx="709">
                  <c:v>189</c:v>
                </c:pt>
                <c:pt idx="710">
                  <c:v>189</c:v>
                </c:pt>
                <c:pt idx="711">
                  <c:v>190</c:v>
                </c:pt>
                <c:pt idx="712">
                  <c:v>190</c:v>
                </c:pt>
                <c:pt idx="713">
                  <c:v>191</c:v>
                </c:pt>
                <c:pt idx="714">
                  <c:v>191</c:v>
                </c:pt>
                <c:pt idx="715">
                  <c:v>191</c:v>
                </c:pt>
                <c:pt idx="716">
                  <c:v>192</c:v>
                </c:pt>
                <c:pt idx="717">
                  <c:v>192</c:v>
                </c:pt>
                <c:pt idx="718">
                  <c:v>193</c:v>
                </c:pt>
                <c:pt idx="719">
                  <c:v>193</c:v>
                </c:pt>
                <c:pt idx="720">
                  <c:v>194</c:v>
                </c:pt>
                <c:pt idx="721">
                  <c:v>194</c:v>
                </c:pt>
                <c:pt idx="722">
                  <c:v>194</c:v>
                </c:pt>
                <c:pt idx="723">
                  <c:v>195</c:v>
                </c:pt>
                <c:pt idx="724">
                  <c:v>195</c:v>
                </c:pt>
                <c:pt idx="725">
                  <c:v>196</c:v>
                </c:pt>
                <c:pt idx="726">
                  <c:v>196</c:v>
                </c:pt>
                <c:pt idx="727">
                  <c:v>196</c:v>
                </c:pt>
                <c:pt idx="728">
                  <c:v>197</c:v>
                </c:pt>
                <c:pt idx="729">
                  <c:v>197</c:v>
                </c:pt>
                <c:pt idx="730">
                  <c:v>198</c:v>
                </c:pt>
                <c:pt idx="731">
                  <c:v>198</c:v>
                </c:pt>
                <c:pt idx="732">
                  <c:v>199</c:v>
                </c:pt>
                <c:pt idx="733">
                  <c:v>199</c:v>
                </c:pt>
                <c:pt idx="734">
                  <c:v>199</c:v>
                </c:pt>
                <c:pt idx="735">
                  <c:v>200</c:v>
                </c:pt>
                <c:pt idx="736">
                  <c:v>200</c:v>
                </c:pt>
                <c:pt idx="737">
                  <c:v>201</c:v>
                </c:pt>
                <c:pt idx="738">
                  <c:v>201</c:v>
                </c:pt>
                <c:pt idx="739">
                  <c:v>201</c:v>
                </c:pt>
                <c:pt idx="740">
                  <c:v>202</c:v>
                </c:pt>
                <c:pt idx="741">
                  <c:v>202</c:v>
                </c:pt>
                <c:pt idx="742">
                  <c:v>203</c:v>
                </c:pt>
                <c:pt idx="743">
                  <c:v>203</c:v>
                </c:pt>
                <c:pt idx="744">
                  <c:v>204</c:v>
                </c:pt>
                <c:pt idx="745">
                  <c:v>204</c:v>
                </c:pt>
                <c:pt idx="746">
                  <c:v>204</c:v>
                </c:pt>
                <c:pt idx="747">
                  <c:v>205</c:v>
                </c:pt>
                <c:pt idx="748">
                  <c:v>205</c:v>
                </c:pt>
                <c:pt idx="749">
                  <c:v>206</c:v>
                </c:pt>
                <c:pt idx="750">
                  <c:v>206</c:v>
                </c:pt>
                <c:pt idx="751">
                  <c:v>206</c:v>
                </c:pt>
                <c:pt idx="752">
                  <c:v>207</c:v>
                </c:pt>
                <c:pt idx="753">
                  <c:v>207</c:v>
                </c:pt>
                <c:pt idx="754">
                  <c:v>208</c:v>
                </c:pt>
                <c:pt idx="755">
                  <c:v>208</c:v>
                </c:pt>
                <c:pt idx="756">
                  <c:v>209</c:v>
                </c:pt>
                <c:pt idx="757">
                  <c:v>209</c:v>
                </c:pt>
                <c:pt idx="758">
                  <c:v>209</c:v>
                </c:pt>
                <c:pt idx="759">
                  <c:v>210</c:v>
                </c:pt>
                <c:pt idx="760">
                  <c:v>210</c:v>
                </c:pt>
                <c:pt idx="761">
                  <c:v>211</c:v>
                </c:pt>
                <c:pt idx="762">
                  <c:v>211</c:v>
                </c:pt>
                <c:pt idx="763">
                  <c:v>211</c:v>
                </c:pt>
                <c:pt idx="764">
                  <c:v>212</c:v>
                </c:pt>
                <c:pt idx="765">
                  <c:v>212</c:v>
                </c:pt>
                <c:pt idx="766">
                  <c:v>213</c:v>
                </c:pt>
                <c:pt idx="767">
                  <c:v>213</c:v>
                </c:pt>
                <c:pt idx="768">
                  <c:v>214</c:v>
                </c:pt>
                <c:pt idx="769">
                  <c:v>214</c:v>
                </c:pt>
                <c:pt idx="770">
                  <c:v>214</c:v>
                </c:pt>
                <c:pt idx="771">
                  <c:v>215</c:v>
                </c:pt>
                <c:pt idx="772">
                  <c:v>215</c:v>
                </c:pt>
                <c:pt idx="773">
                  <c:v>216</c:v>
                </c:pt>
                <c:pt idx="774">
                  <c:v>216</c:v>
                </c:pt>
                <c:pt idx="775">
                  <c:v>216</c:v>
                </c:pt>
                <c:pt idx="776">
                  <c:v>217</c:v>
                </c:pt>
                <c:pt idx="777">
                  <c:v>217</c:v>
                </c:pt>
                <c:pt idx="778">
                  <c:v>218</c:v>
                </c:pt>
                <c:pt idx="779">
                  <c:v>218</c:v>
                </c:pt>
                <c:pt idx="780">
                  <c:v>219</c:v>
                </c:pt>
                <c:pt idx="781">
                  <c:v>219</c:v>
                </c:pt>
                <c:pt idx="782">
                  <c:v>219</c:v>
                </c:pt>
                <c:pt idx="783">
                  <c:v>220</c:v>
                </c:pt>
                <c:pt idx="784">
                  <c:v>220</c:v>
                </c:pt>
                <c:pt idx="785">
                  <c:v>221</c:v>
                </c:pt>
                <c:pt idx="786">
                  <c:v>221</c:v>
                </c:pt>
                <c:pt idx="787">
                  <c:v>221</c:v>
                </c:pt>
                <c:pt idx="788">
                  <c:v>222</c:v>
                </c:pt>
                <c:pt idx="789">
                  <c:v>222</c:v>
                </c:pt>
                <c:pt idx="790">
                  <c:v>223</c:v>
                </c:pt>
                <c:pt idx="791">
                  <c:v>223</c:v>
                </c:pt>
                <c:pt idx="792">
                  <c:v>224</c:v>
                </c:pt>
                <c:pt idx="793">
                  <c:v>224</c:v>
                </c:pt>
                <c:pt idx="794">
                  <c:v>224</c:v>
                </c:pt>
                <c:pt idx="795">
                  <c:v>225</c:v>
                </c:pt>
                <c:pt idx="796">
                  <c:v>225</c:v>
                </c:pt>
                <c:pt idx="797">
                  <c:v>226</c:v>
                </c:pt>
                <c:pt idx="798">
                  <c:v>226</c:v>
                </c:pt>
                <c:pt idx="799">
                  <c:v>226</c:v>
                </c:pt>
                <c:pt idx="800">
                  <c:v>227</c:v>
                </c:pt>
                <c:pt idx="801">
                  <c:v>227</c:v>
                </c:pt>
                <c:pt idx="802">
                  <c:v>228</c:v>
                </c:pt>
                <c:pt idx="803">
                  <c:v>228</c:v>
                </c:pt>
                <c:pt idx="804">
                  <c:v>229</c:v>
                </c:pt>
                <c:pt idx="805">
                  <c:v>229</c:v>
                </c:pt>
                <c:pt idx="806">
                  <c:v>229</c:v>
                </c:pt>
                <c:pt idx="807">
                  <c:v>230</c:v>
                </c:pt>
                <c:pt idx="808">
                  <c:v>230</c:v>
                </c:pt>
                <c:pt idx="809">
                  <c:v>231</c:v>
                </c:pt>
                <c:pt idx="810">
                  <c:v>231</c:v>
                </c:pt>
                <c:pt idx="811">
                  <c:v>231</c:v>
                </c:pt>
                <c:pt idx="812">
                  <c:v>232</c:v>
                </c:pt>
                <c:pt idx="813">
                  <c:v>232</c:v>
                </c:pt>
                <c:pt idx="814">
                  <c:v>233</c:v>
                </c:pt>
                <c:pt idx="815">
                  <c:v>233</c:v>
                </c:pt>
                <c:pt idx="816">
                  <c:v>234</c:v>
                </c:pt>
                <c:pt idx="817">
                  <c:v>234</c:v>
                </c:pt>
                <c:pt idx="818">
                  <c:v>234</c:v>
                </c:pt>
                <c:pt idx="819">
                  <c:v>235</c:v>
                </c:pt>
                <c:pt idx="820">
                  <c:v>235</c:v>
                </c:pt>
                <c:pt idx="821">
                  <c:v>236</c:v>
                </c:pt>
                <c:pt idx="822">
                  <c:v>236</c:v>
                </c:pt>
                <c:pt idx="823">
                  <c:v>236</c:v>
                </c:pt>
                <c:pt idx="824">
                  <c:v>237</c:v>
                </c:pt>
                <c:pt idx="825">
                  <c:v>237</c:v>
                </c:pt>
                <c:pt idx="826">
                  <c:v>238</c:v>
                </c:pt>
                <c:pt idx="827">
                  <c:v>238</c:v>
                </c:pt>
                <c:pt idx="828">
                  <c:v>239</c:v>
                </c:pt>
                <c:pt idx="829">
                  <c:v>239</c:v>
                </c:pt>
                <c:pt idx="830">
                  <c:v>239</c:v>
                </c:pt>
                <c:pt idx="831">
                  <c:v>240</c:v>
                </c:pt>
                <c:pt idx="832">
                  <c:v>240</c:v>
                </c:pt>
                <c:pt idx="833">
                  <c:v>241</c:v>
                </c:pt>
                <c:pt idx="834">
                  <c:v>241</c:v>
                </c:pt>
                <c:pt idx="835">
                  <c:v>241</c:v>
                </c:pt>
                <c:pt idx="836">
                  <c:v>242</c:v>
                </c:pt>
                <c:pt idx="837">
                  <c:v>242</c:v>
                </c:pt>
                <c:pt idx="838">
                  <c:v>243</c:v>
                </c:pt>
                <c:pt idx="839">
                  <c:v>243</c:v>
                </c:pt>
                <c:pt idx="840">
                  <c:v>244</c:v>
                </c:pt>
                <c:pt idx="841">
                  <c:v>244</c:v>
                </c:pt>
                <c:pt idx="842">
                  <c:v>244</c:v>
                </c:pt>
                <c:pt idx="843">
                  <c:v>245</c:v>
                </c:pt>
                <c:pt idx="844">
                  <c:v>245</c:v>
                </c:pt>
                <c:pt idx="845">
                  <c:v>246</c:v>
                </c:pt>
                <c:pt idx="846">
                  <c:v>246</c:v>
                </c:pt>
                <c:pt idx="847">
                  <c:v>246</c:v>
                </c:pt>
                <c:pt idx="848">
                  <c:v>247</c:v>
                </c:pt>
                <c:pt idx="849">
                  <c:v>247</c:v>
                </c:pt>
                <c:pt idx="850">
                  <c:v>248</c:v>
                </c:pt>
                <c:pt idx="851">
                  <c:v>248</c:v>
                </c:pt>
                <c:pt idx="852">
                  <c:v>249</c:v>
                </c:pt>
                <c:pt idx="853">
                  <c:v>249</c:v>
                </c:pt>
                <c:pt idx="854">
                  <c:v>249</c:v>
                </c:pt>
                <c:pt idx="855">
                  <c:v>250</c:v>
                </c:pt>
                <c:pt idx="856">
                  <c:v>250</c:v>
                </c:pt>
                <c:pt idx="857">
                  <c:v>251</c:v>
                </c:pt>
                <c:pt idx="858">
                  <c:v>251</c:v>
                </c:pt>
                <c:pt idx="859">
                  <c:v>251</c:v>
                </c:pt>
                <c:pt idx="860">
                  <c:v>252</c:v>
                </c:pt>
                <c:pt idx="861">
                  <c:v>252</c:v>
                </c:pt>
                <c:pt idx="862">
                  <c:v>253</c:v>
                </c:pt>
                <c:pt idx="863">
                  <c:v>253</c:v>
                </c:pt>
                <c:pt idx="864">
                  <c:v>254</c:v>
                </c:pt>
                <c:pt idx="865">
                  <c:v>254</c:v>
                </c:pt>
                <c:pt idx="866">
                  <c:v>254</c:v>
                </c:pt>
                <c:pt idx="867">
                  <c:v>255</c:v>
                </c:pt>
                <c:pt idx="868">
                  <c:v>255</c:v>
                </c:pt>
                <c:pt idx="869">
                  <c:v>256</c:v>
                </c:pt>
                <c:pt idx="870">
                  <c:v>256</c:v>
                </c:pt>
                <c:pt idx="871">
                  <c:v>256</c:v>
                </c:pt>
                <c:pt idx="872">
                  <c:v>257</c:v>
                </c:pt>
                <c:pt idx="873">
                  <c:v>257</c:v>
                </c:pt>
                <c:pt idx="874">
                  <c:v>258</c:v>
                </c:pt>
                <c:pt idx="875">
                  <c:v>258</c:v>
                </c:pt>
                <c:pt idx="876">
                  <c:v>259</c:v>
                </c:pt>
                <c:pt idx="877">
                  <c:v>259</c:v>
                </c:pt>
                <c:pt idx="878">
                  <c:v>259</c:v>
                </c:pt>
                <c:pt idx="879">
                  <c:v>260</c:v>
                </c:pt>
                <c:pt idx="880">
                  <c:v>260</c:v>
                </c:pt>
                <c:pt idx="881">
                  <c:v>261</c:v>
                </c:pt>
                <c:pt idx="882">
                  <c:v>261</c:v>
                </c:pt>
                <c:pt idx="883">
                  <c:v>261</c:v>
                </c:pt>
                <c:pt idx="884">
                  <c:v>262</c:v>
                </c:pt>
                <c:pt idx="885">
                  <c:v>262</c:v>
                </c:pt>
                <c:pt idx="886">
                  <c:v>263</c:v>
                </c:pt>
                <c:pt idx="887">
                  <c:v>263</c:v>
                </c:pt>
                <c:pt idx="888">
                  <c:v>264</c:v>
                </c:pt>
                <c:pt idx="889">
                  <c:v>264</c:v>
                </c:pt>
                <c:pt idx="890">
                  <c:v>264</c:v>
                </c:pt>
                <c:pt idx="891">
                  <c:v>265</c:v>
                </c:pt>
                <c:pt idx="892">
                  <c:v>265</c:v>
                </c:pt>
                <c:pt idx="893">
                  <c:v>266</c:v>
                </c:pt>
                <c:pt idx="894">
                  <c:v>266</c:v>
                </c:pt>
                <c:pt idx="895">
                  <c:v>266</c:v>
                </c:pt>
                <c:pt idx="896">
                  <c:v>267</c:v>
                </c:pt>
                <c:pt idx="897">
                  <c:v>267</c:v>
                </c:pt>
                <c:pt idx="898">
                  <c:v>268</c:v>
                </c:pt>
                <c:pt idx="899">
                  <c:v>268</c:v>
                </c:pt>
                <c:pt idx="900">
                  <c:v>269</c:v>
                </c:pt>
                <c:pt idx="901">
                  <c:v>269</c:v>
                </c:pt>
                <c:pt idx="902">
                  <c:v>269</c:v>
                </c:pt>
                <c:pt idx="903">
                  <c:v>270</c:v>
                </c:pt>
                <c:pt idx="904">
                  <c:v>270</c:v>
                </c:pt>
                <c:pt idx="905">
                  <c:v>271</c:v>
                </c:pt>
                <c:pt idx="906">
                  <c:v>271</c:v>
                </c:pt>
                <c:pt idx="907">
                  <c:v>271</c:v>
                </c:pt>
                <c:pt idx="908">
                  <c:v>272</c:v>
                </c:pt>
                <c:pt idx="909">
                  <c:v>272</c:v>
                </c:pt>
                <c:pt idx="910">
                  <c:v>273</c:v>
                </c:pt>
                <c:pt idx="911">
                  <c:v>273</c:v>
                </c:pt>
                <c:pt idx="912">
                  <c:v>274</c:v>
                </c:pt>
                <c:pt idx="913">
                  <c:v>274</c:v>
                </c:pt>
                <c:pt idx="914">
                  <c:v>274</c:v>
                </c:pt>
                <c:pt idx="915">
                  <c:v>275</c:v>
                </c:pt>
                <c:pt idx="916">
                  <c:v>275</c:v>
                </c:pt>
                <c:pt idx="917">
                  <c:v>276</c:v>
                </c:pt>
                <c:pt idx="918">
                  <c:v>276</c:v>
                </c:pt>
                <c:pt idx="919">
                  <c:v>276</c:v>
                </c:pt>
                <c:pt idx="920">
                  <c:v>277</c:v>
                </c:pt>
                <c:pt idx="921">
                  <c:v>277</c:v>
                </c:pt>
                <c:pt idx="922">
                  <c:v>278</c:v>
                </c:pt>
                <c:pt idx="923">
                  <c:v>278</c:v>
                </c:pt>
                <c:pt idx="924">
                  <c:v>279</c:v>
                </c:pt>
                <c:pt idx="925">
                  <c:v>279</c:v>
                </c:pt>
                <c:pt idx="926">
                  <c:v>279</c:v>
                </c:pt>
                <c:pt idx="927">
                  <c:v>280</c:v>
                </c:pt>
                <c:pt idx="928">
                  <c:v>280</c:v>
                </c:pt>
                <c:pt idx="929">
                  <c:v>281</c:v>
                </c:pt>
                <c:pt idx="930">
                  <c:v>281</c:v>
                </c:pt>
                <c:pt idx="931">
                  <c:v>281</c:v>
                </c:pt>
                <c:pt idx="932">
                  <c:v>282</c:v>
                </c:pt>
                <c:pt idx="933">
                  <c:v>282</c:v>
                </c:pt>
                <c:pt idx="934">
                  <c:v>283</c:v>
                </c:pt>
                <c:pt idx="935">
                  <c:v>283</c:v>
                </c:pt>
                <c:pt idx="936">
                  <c:v>284</c:v>
                </c:pt>
                <c:pt idx="937">
                  <c:v>284</c:v>
                </c:pt>
                <c:pt idx="938">
                  <c:v>284</c:v>
                </c:pt>
                <c:pt idx="939">
                  <c:v>285</c:v>
                </c:pt>
                <c:pt idx="940">
                  <c:v>285</c:v>
                </c:pt>
                <c:pt idx="941">
                  <c:v>286</c:v>
                </c:pt>
                <c:pt idx="942">
                  <c:v>286</c:v>
                </c:pt>
                <c:pt idx="943">
                  <c:v>286</c:v>
                </c:pt>
                <c:pt idx="944">
                  <c:v>287</c:v>
                </c:pt>
                <c:pt idx="945">
                  <c:v>287</c:v>
                </c:pt>
                <c:pt idx="946">
                  <c:v>288</c:v>
                </c:pt>
                <c:pt idx="947">
                  <c:v>288</c:v>
                </c:pt>
                <c:pt idx="948">
                  <c:v>289</c:v>
                </c:pt>
                <c:pt idx="949">
                  <c:v>289</c:v>
                </c:pt>
                <c:pt idx="950">
                  <c:v>289</c:v>
                </c:pt>
                <c:pt idx="951">
                  <c:v>290</c:v>
                </c:pt>
                <c:pt idx="952">
                  <c:v>290</c:v>
                </c:pt>
                <c:pt idx="953">
                  <c:v>291</c:v>
                </c:pt>
                <c:pt idx="954">
                  <c:v>291</c:v>
                </c:pt>
                <c:pt idx="955">
                  <c:v>291</c:v>
                </c:pt>
                <c:pt idx="956">
                  <c:v>292</c:v>
                </c:pt>
                <c:pt idx="957">
                  <c:v>292</c:v>
                </c:pt>
                <c:pt idx="958">
                  <c:v>293</c:v>
                </c:pt>
                <c:pt idx="959">
                  <c:v>293</c:v>
                </c:pt>
                <c:pt idx="960">
                  <c:v>294</c:v>
                </c:pt>
                <c:pt idx="961">
                  <c:v>294</c:v>
                </c:pt>
                <c:pt idx="962">
                  <c:v>294</c:v>
                </c:pt>
                <c:pt idx="963">
                  <c:v>295</c:v>
                </c:pt>
                <c:pt idx="964">
                  <c:v>295</c:v>
                </c:pt>
                <c:pt idx="965">
                  <c:v>296</c:v>
                </c:pt>
                <c:pt idx="966">
                  <c:v>296</c:v>
                </c:pt>
                <c:pt idx="967">
                  <c:v>296</c:v>
                </c:pt>
                <c:pt idx="968">
                  <c:v>297</c:v>
                </c:pt>
                <c:pt idx="969">
                  <c:v>297</c:v>
                </c:pt>
                <c:pt idx="970">
                  <c:v>298</c:v>
                </c:pt>
                <c:pt idx="971">
                  <c:v>298</c:v>
                </c:pt>
                <c:pt idx="972">
                  <c:v>299</c:v>
                </c:pt>
                <c:pt idx="973">
                  <c:v>299</c:v>
                </c:pt>
                <c:pt idx="974">
                  <c:v>299</c:v>
                </c:pt>
                <c:pt idx="975">
                  <c:v>300</c:v>
                </c:pt>
                <c:pt idx="976">
                  <c:v>300</c:v>
                </c:pt>
                <c:pt idx="977">
                  <c:v>301</c:v>
                </c:pt>
                <c:pt idx="978">
                  <c:v>301</c:v>
                </c:pt>
                <c:pt idx="979">
                  <c:v>301</c:v>
                </c:pt>
                <c:pt idx="980">
                  <c:v>302</c:v>
                </c:pt>
                <c:pt idx="981">
                  <c:v>302</c:v>
                </c:pt>
                <c:pt idx="982">
                  <c:v>303</c:v>
                </c:pt>
                <c:pt idx="983">
                  <c:v>303</c:v>
                </c:pt>
                <c:pt idx="984">
                  <c:v>304</c:v>
                </c:pt>
                <c:pt idx="985">
                  <c:v>304</c:v>
                </c:pt>
                <c:pt idx="986">
                  <c:v>304</c:v>
                </c:pt>
                <c:pt idx="987">
                  <c:v>305</c:v>
                </c:pt>
                <c:pt idx="988">
                  <c:v>305</c:v>
                </c:pt>
                <c:pt idx="989">
                  <c:v>306</c:v>
                </c:pt>
                <c:pt idx="990">
                  <c:v>306</c:v>
                </c:pt>
                <c:pt idx="991">
                  <c:v>306</c:v>
                </c:pt>
                <c:pt idx="992">
                  <c:v>307</c:v>
                </c:pt>
                <c:pt idx="993">
                  <c:v>307</c:v>
                </c:pt>
                <c:pt idx="994">
                  <c:v>308</c:v>
                </c:pt>
                <c:pt idx="995">
                  <c:v>308</c:v>
                </c:pt>
                <c:pt idx="996">
                  <c:v>309</c:v>
                </c:pt>
                <c:pt idx="997">
                  <c:v>309</c:v>
                </c:pt>
                <c:pt idx="998">
                  <c:v>309</c:v>
                </c:pt>
                <c:pt idx="999">
                  <c:v>310</c:v>
                </c:pt>
                <c:pt idx="1000">
                  <c:v>310</c:v>
                </c:pt>
                <c:pt idx="1001">
                  <c:v>311</c:v>
                </c:pt>
                <c:pt idx="1002">
                  <c:v>311</c:v>
                </c:pt>
                <c:pt idx="1003">
                  <c:v>311</c:v>
                </c:pt>
                <c:pt idx="1004">
                  <c:v>312</c:v>
                </c:pt>
                <c:pt idx="1005">
                  <c:v>312</c:v>
                </c:pt>
                <c:pt idx="1006">
                  <c:v>313</c:v>
                </c:pt>
                <c:pt idx="1007">
                  <c:v>313</c:v>
                </c:pt>
                <c:pt idx="1008">
                  <c:v>314</c:v>
                </c:pt>
                <c:pt idx="1009">
                  <c:v>314</c:v>
                </c:pt>
                <c:pt idx="1010">
                  <c:v>314</c:v>
                </c:pt>
                <c:pt idx="1011">
                  <c:v>315</c:v>
                </c:pt>
                <c:pt idx="1012">
                  <c:v>315</c:v>
                </c:pt>
                <c:pt idx="1013">
                  <c:v>316</c:v>
                </c:pt>
                <c:pt idx="1014">
                  <c:v>316</c:v>
                </c:pt>
                <c:pt idx="1015">
                  <c:v>316</c:v>
                </c:pt>
                <c:pt idx="1016">
                  <c:v>317</c:v>
                </c:pt>
                <c:pt idx="1017">
                  <c:v>317</c:v>
                </c:pt>
                <c:pt idx="1018">
                  <c:v>318</c:v>
                </c:pt>
                <c:pt idx="1019">
                  <c:v>318</c:v>
                </c:pt>
                <c:pt idx="1020">
                  <c:v>319</c:v>
                </c:pt>
                <c:pt idx="1021">
                  <c:v>319</c:v>
                </c:pt>
                <c:pt idx="1022">
                  <c:v>319</c:v>
                </c:pt>
                <c:pt idx="1023">
                  <c:v>320</c:v>
                </c:pt>
                <c:pt idx="1024">
                  <c:v>320</c:v>
                </c:pt>
                <c:pt idx="1025">
                  <c:v>321</c:v>
                </c:pt>
                <c:pt idx="1026">
                  <c:v>321</c:v>
                </c:pt>
                <c:pt idx="1027">
                  <c:v>321</c:v>
                </c:pt>
                <c:pt idx="1028">
                  <c:v>322</c:v>
                </c:pt>
                <c:pt idx="1029">
                  <c:v>322</c:v>
                </c:pt>
                <c:pt idx="1030">
                  <c:v>323</c:v>
                </c:pt>
                <c:pt idx="1031">
                  <c:v>323</c:v>
                </c:pt>
                <c:pt idx="1032">
                  <c:v>324</c:v>
                </c:pt>
                <c:pt idx="1033">
                  <c:v>324</c:v>
                </c:pt>
                <c:pt idx="1034">
                  <c:v>324</c:v>
                </c:pt>
                <c:pt idx="1035">
                  <c:v>325</c:v>
                </c:pt>
                <c:pt idx="1036">
                  <c:v>325</c:v>
                </c:pt>
                <c:pt idx="1037">
                  <c:v>326</c:v>
                </c:pt>
                <c:pt idx="1038">
                  <c:v>326</c:v>
                </c:pt>
                <c:pt idx="1039">
                  <c:v>326</c:v>
                </c:pt>
                <c:pt idx="1040">
                  <c:v>327</c:v>
                </c:pt>
                <c:pt idx="1041">
                  <c:v>327</c:v>
                </c:pt>
                <c:pt idx="1042">
                  <c:v>328</c:v>
                </c:pt>
                <c:pt idx="1043">
                  <c:v>328</c:v>
                </c:pt>
                <c:pt idx="1044">
                  <c:v>329</c:v>
                </c:pt>
                <c:pt idx="1045">
                  <c:v>329</c:v>
                </c:pt>
                <c:pt idx="1046">
                  <c:v>329</c:v>
                </c:pt>
                <c:pt idx="1047">
                  <c:v>330</c:v>
                </c:pt>
                <c:pt idx="1048">
                  <c:v>330</c:v>
                </c:pt>
                <c:pt idx="1049">
                  <c:v>331</c:v>
                </c:pt>
                <c:pt idx="1050">
                  <c:v>331</c:v>
                </c:pt>
                <c:pt idx="1051">
                  <c:v>331</c:v>
                </c:pt>
                <c:pt idx="1052">
                  <c:v>332</c:v>
                </c:pt>
                <c:pt idx="1053">
                  <c:v>332</c:v>
                </c:pt>
                <c:pt idx="1054">
                  <c:v>333</c:v>
                </c:pt>
                <c:pt idx="1055">
                  <c:v>333</c:v>
                </c:pt>
                <c:pt idx="1056">
                  <c:v>334</c:v>
                </c:pt>
                <c:pt idx="1057">
                  <c:v>334</c:v>
                </c:pt>
                <c:pt idx="1058">
                  <c:v>334</c:v>
                </c:pt>
                <c:pt idx="1059">
                  <c:v>335</c:v>
                </c:pt>
                <c:pt idx="1060">
                  <c:v>335</c:v>
                </c:pt>
                <c:pt idx="1061">
                  <c:v>336</c:v>
                </c:pt>
                <c:pt idx="1062">
                  <c:v>336</c:v>
                </c:pt>
                <c:pt idx="1063">
                  <c:v>336</c:v>
                </c:pt>
                <c:pt idx="1064">
                  <c:v>337</c:v>
                </c:pt>
                <c:pt idx="1065">
                  <c:v>337</c:v>
                </c:pt>
                <c:pt idx="1066">
                  <c:v>338</c:v>
                </c:pt>
                <c:pt idx="1067">
                  <c:v>338</c:v>
                </c:pt>
                <c:pt idx="1068">
                  <c:v>339</c:v>
                </c:pt>
                <c:pt idx="1069">
                  <c:v>339</c:v>
                </c:pt>
                <c:pt idx="1070">
                  <c:v>339</c:v>
                </c:pt>
                <c:pt idx="1071">
                  <c:v>340</c:v>
                </c:pt>
                <c:pt idx="1072">
                  <c:v>340</c:v>
                </c:pt>
                <c:pt idx="1073">
                  <c:v>341</c:v>
                </c:pt>
                <c:pt idx="1074">
                  <c:v>341</c:v>
                </c:pt>
                <c:pt idx="1075">
                  <c:v>341</c:v>
                </c:pt>
                <c:pt idx="1076">
                  <c:v>342</c:v>
                </c:pt>
                <c:pt idx="1077">
                  <c:v>342</c:v>
                </c:pt>
                <c:pt idx="1078">
                  <c:v>343</c:v>
                </c:pt>
                <c:pt idx="1079">
                  <c:v>343</c:v>
                </c:pt>
                <c:pt idx="1080">
                  <c:v>344</c:v>
                </c:pt>
                <c:pt idx="1081">
                  <c:v>344</c:v>
                </c:pt>
                <c:pt idx="1082">
                  <c:v>344</c:v>
                </c:pt>
                <c:pt idx="1083">
                  <c:v>345</c:v>
                </c:pt>
                <c:pt idx="1084">
                  <c:v>345</c:v>
                </c:pt>
                <c:pt idx="1085">
                  <c:v>346</c:v>
                </c:pt>
                <c:pt idx="1086">
                  <c:v>346</c:v>
                </c:pt>
                <c:pt idx="1087">
                  <c:v>346</c:v>
                </c:pt>
                <c:pt idx="1088">
                  <c:v>347</c:v>
                </c:pt>
                <c:pt idx="1089">
                  <c:v>347</c:v>
                </c:pt>
                <c:pt idx="1090">
                  <c:v>348</c:v>
                </c:pt>
                <c:pt idx="1091">
                  <c:v>348</c:v>
                </c:pt>
                <c:pt idx="1092">
                  <c:v>349</c:v>
                </c:pt>
                <c:pt idx="1093">
                  <c:v>349</c:v>
                </c:pt>
                <c:pt idx="1094">
                  <c:v>349</c:v>
                </c:pt>
                <c:pt idx="1095">
                  <c:v>350</c:v>
                </c:pt>
                <c:pt idx="1096">
                  <c:v>350</c:v>
                </c:pt>
                <c:pt idx="1097">
                  <c:v>351</c:v>
                </c:pt>
                <c:pt idx="1098">
                  <c:v>351</c:v>
                </c:pt>
                <c:pt idx="1099">
                  <c:v>351</c:v>
                </c:pt>
                <c:pt idx="1100">
                  <c:v>352</c:v>
                </c:pt>
                <c:pt idx="1101">
                  <c:v>352</c:v>
                </c:pt>
                <c:pt idx="1102">
                  <c:v>353</c:v>
                </c:pt>
                <c:pt idx="1103">
                  <c:v>353</c:v>
                </c:pt>
                <c:pt idx="1104">
                  <c:v>354</c:v>
                </c:pt>
                <c:pt idx="1105">
                  <c:v>354</c:v>
                </c:pt>
                <c:pt idx="1106">
                  <c:v>354</c:v>
                </c:pt>
                <c:pt idx="1107">
                  <c:v>355</c:v>
                </c:pt>
                <c:pt idx="1108">
                  <c:v>355</c:v>
                </c:pt>
                <c:pt idx="1109">
                  <c:v>356</c:v>
                </c:pt>
                <c:pt idx="1110">
                  <c:v>356</c:v>
                </c:pt>
                <c:pt idx="1111">
                  <c:v>356</c:v>
                </c:pt>
                <c:pt idx="1112">
                  <c:v>357</c:v>
                </c:pt>
                <c:pt idx="1113">
                  <c:v>357</c:v>
                </c:pt>
                <c:pt idx="1114">
                  <c:v>358</c:v>
                </c:pt>
                <c:pt idx="1115">
                  <c:v>358</c:v>
                </c:pt>
                <c:pt idx="1116">
                  <c:v>359</c:v>
                </c:pt>
                <c:pt idx="1117">
                  <c:v>359</c:v>
                </c:pt>
                <c:pt idx="1118">
                  <c:v>359</c:v>
                </c:pt>
                <c:pt idx="1119">
                  <c:v>360</c:v>
                </c:pt>
                <c:pt idx="1120">
                  <c:v>360</c:v>
                </c:pt>
                <c:pt idx="1121">
                  <c:v>361</c:v>
                </c:pt>
                <c:pt idx="1122">
                  <c:v>361</c:v>
                </c:pt>
                <c:pt idx="1123">
                  <c:v>361</c:v>
                </c:pt>
                <c:pt idx="1124">
                  <c:v>362</c:v>
                </c:pt>
                <c:pt idx="1125">
                  <c:v>362</c:v>
                </c:pt>
                <c:pt idx="1126">
                  <c:v>363</c:v>
                </c:pt>
                <c:pt idx="1127">
                  <c:v>363</c:v>
                </c:pt>
                <c:pt idx="1128">
                  <c:v>364</c:v>
                </c:pt>
                <c:pt idx="1129">
                  <c:v>364</c:v>
                </c:pt>
                <c:pt idx="1130">
                  <c:v>364</c:v>
                </c:pt>
                <c:pt idx="1131">
                  <c:v>365</c:v>
                </c:pt>
                <c:pt idx="1132">
                  <c:v>365</c:v>
                </c:pt>
                <c:pt idx="1133">
                  <c:v>366</c:v>
                </c:pt>
                <c:pt idx="1134">
                  <c:v>366</c:v>
                </c:pt>
                <c:pt idx="1135">
                  <c:v>366</c:v>
                </c:pt>
                <c:pt idx="1136">
                  <c:v>367</c:v>
                </c:pt>
                <c:pt idx="1137">
                  <c:v>367</c:v>
                </c:pt>
                <c:pt idx="1138">
                  <c:v>368</c:v>
                </c:pt>
                <c:pt idx="1139">
                  <c:v>368</c:v>
                </c:pt>
                <c:pt idx="1140">
                  <c:v>369</c:v>
                </c:pt>
                <c:pt idx="1141">
                  <c:v>369</c:v>
                </c:pt>
                <c:pt idx="1142">
                  <c:v>369</c:v>
                </c:pt>
                <c:pt idx="1143">
                  <c:v>370</c:v>
                </c:pt>
                <c:pt idx="1144">
                  <c:v>370</c:v>
                </c:pt>
                <c:pt idx="1145">
                  <c:v>371</c:v>
                </c:pt>
                <c:pt idx="1146">
                  <c:v>371</c:v>
                </c:pt>
                <c:pt idx="1147">
                  <c:v>371</c:v>
                </c:pt>
                <c:pt idx="1148">
                  <c:v>372</c:v>
                </c:pt>
                <c:pt idx="1149">
                  <c:v>372</c:v>
                </c:pt>
                <c:pt idx="1150">
                  <c:v>373</c:v>
                </c:pt>
                <c:pt idx="1151">
                  <c:v>373</c:v>
                </c:pt>
                <c:pt idx="1152">
                  <c:v>374</c:v>
                </c:pt>
                <c:pt idx="1153">
                  <c:v>374</c:v>
                </c:pt>
                <c:pt idx="1154">
                  <c:v>374</c:v>
                </c:pt>
                <c:pt idx="1155">
                  <c:v>375</c:v>
                </c:pt>
                <c:pt idx="1156">
                  <c:v>375</c:v>
                </c:pt>
                <c:pt idx="1157">
                  <c:v>376</c:v>
                </c:pt>
                <c:pt idx="1158">
                  <c:v>376</c:v>
                </c:pt>
                <c:pt idx="1159">
                  <c:v>376</c:v>
                </c:pt>
                <c:pt idx="1160">
                  <c:v>377</c:v>
                </c:pt>
                <c:pt idx="1161">
                  <c:v>377</c:v>
                </c:pt>
                <c:pt idx="1162">
                  <c:v>378</c:v>
                </c:pt>
                <c:pt idx="1163">
                  <c:v>378</c:v>
                </c:pt>
                <c:pt idx="1164">
                  <c:v>379</c:v>
                </c:pt>
                <c:pt idx="1165">
                  <c:v>379</c:v>
                </c:pt>
                <c:pt idx="1166">
                  <c:v>379</c:v>
                </c:pt>
                <c:pt idx="1167">
                  <c:v>380</c:v>
                </c:pt>
                <c:pt idx="1168">
                  <c:v>380</c:v>
                </c:pt>
                <c:pt idx="1169">
                  <c:v>381</c:v>
                </c:pt>
                <c:pt idx="1170">
                  <c:v>381</c:v>
                </c:pt>
                <c:pt idx="1171">
                  <c:v>381</c:v>
                </c:pt>
                <c:pt idx="1172">
                  <c:v>382</c:v>
                </c:pt>
                <c:pt idx="1173">
                  <c:v>382</c:v>
                </c:pt>
                <c:pt idx="1174">
                  <c:v>383</c:v>
                </c:pt>
                <c:pt idx="1175">
                  <c:v>383</c:v>
                </c:pt>
                <c:pt idx="1176">
                  <c:v>384</c:v>
                </c:pt>
                <c:pt idx="1177">
                  <c:v>384</c:v>
                </c:pt>
                <c:pt idx="1178">
                  <c:v>384</c:v>
                </c:pt>
                <c:pt idx="1179">
                  <c:v>385</c:v>
                </c:pt>
                <c:pt idx="1180">
                  <c:v>385</c:v>
                </c:pt>
                <c:pt idx="1181">
                  <c:v>386</c:v>
                </c:pt>
                <c:pt idx="1182">
                  <c:v>386</c:v>
                </c:pt>
                <c:pt idx="1183">
                  <c:v>386</c:v>
                </c:pt>
                <c:pt idx="1184">
                  <c:v>387</c:v>
                </c:pt>
                <c:pt idx="1185">
                  <c:v>387</c:v>
                </c:pt>
                <c:pt idx="1186">
                  <c:v>388</c:v>
                </c:pt>
                <c:pt idx="1187">
                  <c:v>388</c:v>
                </c:pt>
                <c:pt idx="1188">
                  <c:v>389</c:v>
                </c:pt>
                <c:pt idx="1189">
                  <c:v>389</c:v>
                </c:pt>
                <c:pt idx="1190">
                  <c:v>389</c:v>
                </c:pt>
                <c:pt idx="1191">
                  <c:v>390</c:v>
                </c:pt>
                <c:pt idx="1192">
                  <c:v>390</c:v>
                </c:pt>
                <c:pt idx="1193">
                  <c:v>391</c:v>
                </c:pt>
                <c:pt idx="1194">
                  <c:v>391</c:v>
                </c:pt>
                <c:pt idx="1195">
                  <c:v>391</c:v>
                </c:pt>
                <c:pt idx="1196">
                  <c:v>392</c:v>
                </c:pt>
                <c:pt idx="1197">
                  <c:v>392</c:v>
                </c:pt>
                <c:pt idx="1198">
                  <c:v>393</c:v>
                </c:pt>
                <c:pt idx="1199">
                  <c:v>393</c:v>
                </c:pt>
                <c:pt idx="1200">
                  <c:v>394</c:v>
                </c:pt>
                <c:pt idx="1201">
                  <c:v>394</c:v>
                </c:pt>
                <c:pt idx="1202">
                  <c:v>394</c:v>
                </c:pt>
                <c:pt idx="1203">
                  <c:v>395</c:v>
                </c:pt>
                <c:pt idx="1204">
                  <c:v>395</c:v>
                </c:pt>
                <c:pt idx="1205">
                  <c:v>396</c:v>
                </c:pt>
                <c:pt idx="1206">
                  <c:v>396</c:v>
                </c:pt>
                <c:pt idx="1207">
                  <c:v>396</c:v>
                </c:pt>
                <c:pt idx="1208">
                  <c:v>397</c:v>
                </c:pt>
                <c:pt idx="1209">
                  <c:v>397</c:v>
                </c:pt>
                <c:pt idx="1210">
                  <c:v>398</c:v>
                </c:pt>
                <c:pt idx="1211">
                  <c:v>398</c:v>
                </c:pt>
                <c:pt idx="1212">
                  <c:v>399</c:v>
                </c:pt>
                <c:pt idx="1213">
                  <c:v>399</c:v>
                </c:pt>
                <c:pt idx="1214">
                  <c:v>399</c:v>
                </c:pt>
                <c:pt idx="1215">
                  <c:v>400</c:v>
                </c:pt>
                <c:pt idx="1216">
                  <c:v>400</c:v>
                </c:pt>
                <c:pt idx="1217">
                  <c:v>401</c:v>
                </c:pt>
                <c:pt idx="1218">
                  <c:v>401</c:v>
                </c:pt>
                <c:pt idx="1219">
                  <c:v>401</c:v>
                </c:pt>
                <c:pt idx="1220">
                  <c:v>402</c:v>
                </c:pt>
                <c:pt idx="1221">
                  <c:v>402</c:v>
                </c:pt>
                <c:pt idx="1222">
                  <c:v>403</c:v>
                </c:pt>
                <c:pt idx="1223">
                  <c:v>403</c:v>
                </c:pt>
                <c:pt idx="1224">
                  <c:v>404</c:v>
                </c:pt>
                <c:pt idx="1225">
                  <c:v>404</c:v>
                </c:pt>
                <c:pt idx="1226">
                  <c:v>404</c:v>
                </c:pt>
                <c:pt idx="1227">
                  <c:v>405</c:v>
                </c:pt>
                <c:pt idx="1228">
                  <c:v>405</c:v>
                </c:pt>
                <c:pt idx="1229">
                  <c:v>406</c:v>
                </c:pt>
                <c:pt idx="1230">
                  <c:v>406</c:v>
                </c:pt>
                <c:pt idx="1231">
                  <c:v>406</c:v>
                </c:pt>
                <c:pt idx="1232">
                  <c:v>407</c:v>
                </c:pt>
                <c:pt idx="1233">
                  <c:v>407</c:v>
                </c:pt>
                <c:pt idx="1234">
                  <c:v>408</c:v>
                </c:pt>
                <c:pt idx="1235">
                  <c:v>408</c:v>
                </c:pt>
                <c:pt idx="1236">
                  <c:v>409</c:v>
                </c:pt>
                <c:pt idx="1237">
                  <c:v>409</c:v>
                </c:pt>
                <c:pt idx="1238">
                  <c:v>409</c:v>
                </c:pt>
                <c:pt idx="1239">
                  <c:v>410</c:v>
                </c:pt>
                <c:pt idx="1240">
                  <c:v>410</c:v>
                </c:pt>
                <c:pt idx="1241">
                  <c:v>411</c:v>
                </c:pt>
                <c:pt idx="1242">
                  <c:v>411</c:v>
                </c:pt>
                <c:pt idx="1243">
                  <c:v>411</c:v>
                </c:pt>
                <c:pt idx="1244">
                  <c:v>412</c:v>
                </c:pt>
                <c:pt idx="1245">
                  <c:v>412</c:v>
                </c:pt>
                <c:pt idx="1246">
                  <c:v>413</c:v>
                </c:pt>
                <c:pt idx="1247">
                  <c:v>413</c:v>
                </c:pt>
                <c:pt idx="1248">
                  <c:v>414</c:v>
                </c:pt>
                <c:pt idx="1249">
                  <c:v>414</c:v>
                </c:pt>
                <c:pt idx="1250">
                  <c:v>414</c:v>
                </c:pt>
                <c:pt idx="1251">
                  <c:v>415</c:v>
                </c:pt>
                <c:pt idx="1252">
                  <c:v>415</c:v>
                </c:pt>
                <c:pt idx="1253">
                  <c:v>416</c:v>
                </c:pt>
                <c:pt idx="1254">
                  <c:v>416</c:v>
                </c:pt>
                <c:pt idx="1255">
                  <c:v>416</c:v>
                </c:pt>
                <c:pt idx="1256">
                  <c:v>417</c:v>
                </c:pt>
                <c:pt idx="1257">
                  <c:v>417</c:v>
                </c:pt>
                <c:pt idx="1258">
                  <c:v>418</c:v>
                </c:pt>
                <c:pt idx="1259">
                  <c:v>418</c:v>
                </c:pt>
                <c:pt idx="1260">
                  <c:v>419</c:v>
                </c:pt>
                <c:pt idx="1261">
                  <c:v>419</c:v>
                </c:pt>
                <c:pt idx="1262">
                  <c:v>419</c:v>
                </c:pt>
                <c:pt idx="1263">
                  <c:v>420</c:v>
                </c:pt>
                <c:pt idx="1264">
                  <c:v>420</c:v>
                </c:pt>
                <c:pt idx="1265">
                  <c:v>421</c:v>
                </c:pt>
                <c:pt idx="1266">
                  <c:v>421</c:v>
                </c:pt>
                <c:pt idx="1267">
                  <c:v>421</c:v>
                </c:pt>
                <c:pt idx="1268">
                  <c:v>422</c:v>
                </c:pt>
                <c:pt idx="1269">
                  <c:v>422</c:v>
                </c:pt>
                <c:pt idx="1270">
                  <c:v>423</c:v>
                </c:pt>
                <c:pt idx="1271">
                  <c:v>423</c:v>
                </c:pt>
                <c:pt idx="1272">
                  <c:v>424</c:v>
                </c:pt>
                <c:pt idx="1273">
                  <c:v>424</c:v>
                </c:pt>
                <c:pt idx="1274">
                  <c:v>424</c:v>
                </c:pt>
                <c:pt idx="1275">
                  <c:v>425</c:v>
                </c:pt>
                <c:pt idx="1276">
                  <c:v>425</c:v>
                </c:pt>
                <c:pt idx="1277">
                  <c:v>426</c:v>
                </c:pt>
                <c:pt idx="1278">
                  <c:v>426</c:v>
                </c:pt>
                <c:pt idx="1279">
                  <c:v>426</c:v>
                </c:pt>
                <c:pt idx="1280">
                  <c:v>427</c:v>
                </c:pt>
                <c:pt idx="1281">
                  <c:v>427</c:v>
                </c:pt>
                <c:pt idx="1282">
                  <c:v>428</c:v>
                </c:pt>
                <c:pt idx="1283">
                  <c:v>428</c:v>
                </c:pt>
                <c:pt idx="1284">
                  <c:v>429</c:v>
                </c:pt>
                <c:pt idx="1285">
                  <c:v>429</c:v>
                </c:pt>
                <c:pt idx="1286">
                  <c:v>429</c:v>
                </c:pt>
                <c:pt idx="1287">
                  <c:v>430</c:v>
                </c:pt>
                <c:pt idx="1288">
                  <c:v>430</c:v>
                </c:pt>
                <c:pt idx="1289">
                  <c:v>431</c:v>
                </c:pt>
                <c:pt idx="1290">
                  <c:v>431</c:v>
                </c:pt>
                <c:pt idx="1291">
                  <c:v>431</c:v>
                </c:pt>
                <c:pt idx="1292">
                  <c:v>432</c:v>
                </c:pt>
                <c:pt idx="1293">
                  <c:v>432</c:v>
                </c:pt>
                <c:pt idx="1294">
                  <c:v>433</c:v>
                </c:pt>
                <c:pt idx="1295">
                  <c:v>433</c:v>
                </c:pt>
                <c:pt idx="1296">
                  <c:v>434</c:v>
                </c:pt>
                <c:pt idx="1297">
                  <c:v>434</c:v>
                </c:pt>
                <c:pt idx="1298">
                  <c:v>434</c:v>
                </c:pt>
                <c:pt idx="1299">
                  <c:v>435</c:v>
                </c:pt>
                <c:pt idx="1300">
                  <c:v>435</c:v>
                </c:pt>
                <c:pt idx="1301">
                  <c:v>436</c:v>
                </c:pt>
                <c:pt idx="1302">
                  <c:v>436</c:v>
                </c:pt>
                <c:pt idx="1303">
                  <c:v>436</c:v>
                </c:pt>
                <c:pt idx="1304">
                  <c:v>437</c:v>
                </c:pt>
                <c:pt idx="1305">
                  <c:v>437</c:v>
                </c:pt>
                <c:pt idx="1306">
                  <c:v>438</c:v>
                </c:pt>
                <c:pt idx="1307">
                  <c:v>438</c:v>
                </c:pt>
                <c:pt idx="1308">
                  <c:v>439</c:v>
                </c:pt>
                <c:pt idx="1309">
                  <c:v>439</c:v>
                </c:pt>
                <c:pt idx="1310">
                  <c:v>439</c:v>
                </c:pt>
                <c:pt idx="1311">
                  <c:v>440</c:v>
                </c:pt>
                <c:pt idx="1312">
                  <c:v>440</c:v>
                </c:pt>
                <c:pt idx="1313">
                  <c:v>441</c:v>
                </c:pt>
                <c:pt idx="1314">
                  <c:v>441</c:v>
                </c:pt>
                <c:pt idx="1315">
                  <c:v>441</c:v>
                </c:pt>
                <c:pt idx="1316">
                  <c:v>442</c:v>
                </c:pt>
                <c:pt idx="1317">
                  <c:v>442</c:v>
                </c:pt>
                <c:pt idx="1318">
                  <c:v>443</c:v>
                </c:pt>
                <c:pt idx="1319">
                  <c:v>443</c:v>
                </c:pt>
                <c:pt idx="1320">
                  <c:v>444</c:v>
                </c:pt>
                <c:pt idx="1321">
                  <c:v>444</c:v>
                </c:pt>
                <c:pt idx="1322">
                  <c:v>444</c:v>
                </c:pt>
                <c:pt idx="1323">
                  <c:v>445</c:v>
                </c:pt>
                <c:pt idx="1324">
                  <c:v>445</c:v>
                </c:pt>
                <c:pt idx="1325">
                  <c:v>446</c:v>
                </c:pt>
                <c:pt idx="1326">
                  <c:v>446</c:v>
                </c:pt>
                <c:pt idx="1327">
                  <c:v>446</c:v>
                </c:pt>
                <c:pt idx="1328">
                  <c:v>447</c:v>
                </c:pt>
                <c:pt idx="1329">
                  <c:v>447</c:v>
                </c:pt>
                <c:pt idx="1330">
                  <c:v>448</c:v>
                </c:pt>
                <c:pt idx="1331">
                  <c:v>448</c:v>
                </c:pt>
                <c:pt idx="1332">
                  <c:v>449</c:v>
                </c:pt>
                <c:pt idx="1333">
                  <c:v>449</c:v>
                </c:pt>
                <c:pt idx="1334">
                  <c:v>449</c:v>
                </c:pt>
                <c:pt idx="1335">
                  <c:v>450</c:v>
                </c:pt>
                <c:pt idx="1336">
                  <c:v>450</c:v>
                </c:pt>
                <c:pt idx="1337">
                  <c:v>451</c:v>
                </c:pt>
                <c:pt idx="1338">
                  <c:v>451</c:v>
                </c:pt>
                <c:pt idx="1339">
                  <c:v>451</c:v>
                </c:pt>
                <c:pt idx="1340">
                  <c:v>452</c:v>
                </c:pt>
                <c:pt idx="1341">
                  <c:v>452</c:v>
                </c:pt>
                <c:pt idx="1342">
                  <c:v>453</c:v>
                </c:pt>
                <c:pt idx="1343">
                  <c:v>453</c:v>
                </c:pt>
                <c:pt idx="1344">
                  <c:v>454</c:v>
                </c:pt>
                <c:pt idx="1345">
                  <c:v>454</c:v>
                </c:pt>
                <c:pt idx="1346">
                  <c:v>454</c:v>
                </c:pt>
                <c:pt idx="1347">
                  <c:v>455</c:v>
                </c:pt>
                <c:pt idx="1348">
                  <c:v>455</c:v>
                </c:pt>
                <c:pt idx="1349">
                  <c:v>456</c:v>
                </c:pt>
                <c:pt idx="1350">
                  <c:v>456</c:v>
                </c:pt>
                <c:pt idx="1351">
                  <c:v>456</c:v>
                </c:pt>
                <c:pt idx="1352">
                  <c:v>457</c:v>
                </c:pt>
                <c:pt idx="1353">
                  <c:v>457</c:v>
                </c:pt>
                <c:pt idx="1354">
                  <c:v>458</c:v>
                </c:pt>
                <c:pt idx="1355">
                  <c:v>458</c:v>
                </c:pt>
                <c:pt idx="1356">
                  <c:v>459</c:v>
                </c:pt>
                <c:pt idx="1357">
                  <c:v>459</c:v>
                </c:pt>
                <c:pt idx="1358">
                  <c:v>459</c:v>
                </c:pt>
                <c:pt idx="1359">
                  <c:v>460</c:v>
                </c:pt>
                <c:pt idx="1360">
                  <c:v>460</c:v>
                </c:pt>
                <c:pt idx="1361">
                  <c:v>461</c:v>
                </c:pt>
                <c:pt idx="1362">
                  <c:v>461</c:v>
                </c:pt>
                <c:pt idx="1363">
                  <c:v>461</c:v>
                </c:pt>
                <c:pt idx="1364">
                  <c:v>462</c:v>
                </c:pt>
                <c:pt idx="1365">
                  <c:v>462</c:v>
                </c:pt>
                <c:pt idx="1366">
                  <c:v>463</c:v>
                </c:pt>
                <c:pt idx="1367">
                  <c:v>463</c:v>
                </c:pt>
                <c:pt idx="1368">
                  <c:v>464</c:v>
                </c:pt>
                <c:pt idx="1369">
                  <c:v>464</c:v>
                </c:pt>
                <c:pt idx="1370">
                  <c:v>464</c:v>
                </c:pt>
                <c:pt idx="1371">
                  <c:v>465</c:v>
                </c:pt>
                <c:pt idx="1372">
                  <c:v>465</c:v>
                </c:pt>
                <c:pt idx="1373">
                  <c:v>466</c:v>
                </c:pt>
                <c:pt idx="1374">
                  <c:v>466</c:v>
                </c:pt>
                <c:pt idx="1375">
                  <c:v>466</c:v>
                </c:pt>
                <c:pt idx="1376">
                  <c:v>467</c:v>
                </c:pt>
                <c:pt idx="1377">
                  <c:v>467</c:v>
                </c:pt>
                <c:pt idx="1378">
                  <c:v>468</c:v>
                </c:pt>
                <c:pt idx="1379">
                  <c:v>468</c:v>
                </c:pt>
                <c:pt idx="1380">
                  <c:v>469</c:v>
                </c:pt>
                <c:pt idx="1381">
                  <c:v>469</c:v>
                </c:pt>
                <c:pt idx="1382">
                  <c:v>469</c:v>
                </c:pt>
                <c:pt idx="1383">
                  <c:v>470</c:v>
                </c:pt>
                <c:pt idx="1384">
                  <c:v>470</c:v>
                </c:pt>
                <c:pt idx="1385">
                  <c:v>471</c:v>
                </c:pt>
                <c:pt idx="1386">
                  <c:v>471</c:v>
                </c:pt>
                <c:pt idx="1387">
                  <c:v>471</c:v>
                </c:pt>
                <c:pt idx="1388">
                  <c:v>472</c:v>
                </c:pt>
                <c:pt idx="1389">
                  <c:v>472</c:v>
                </c:pt>
                <c:pt idx="1390">
                  <c:v>473</c:v>
                </c:pt>
                <c:pt idx="1391">
                  <c:v>473</c:v>
                </c:pt>
                <c:pt idx="1392">
                  <c:v>474</c:v>
                </c:pt>
                <c:pt idx="1393">
                  <c:v>474</c:v>
                </c:pt>
                <c:pt idx="1394">
                  <c:v>474</c:v>
                </c:pt>
                <c:pt idx="1395">
                  <c:v>475</c:v>
                </c:pt>
                <c:pt idx="1396">
                  <c:v>475</c:v>
                </c:pt>
                <c:pt idx="1397">
                  <c:v>476</c:v>
                </c:pt>
                <c:pt idx="1398">
                  <c:v>476</c:v>
                </c:pt>
                <c:pt idx="1399">
                  <c:v>476</c:v>
                </c:pt>
                <c:pt idx="1400">
                  <c:v>477</c:v>
                </c:pt>
                <c:pt idx="1401">
                  <c:v>477</c:v>
                </c:pt>
                <c:pt idx="1402">
                  <c:v>478</c:v>
                </c:pt>
                <c:pt idx="1403">
                  <c:v>478</c:v>
                </c:pt>
                <c:pt idx="1404">
                  <c:v>479</c:v>
                </c:pt>
                <c:pt idx="1405">
                  <c:v>479</c:v>
                </c:pt>
                <c:pt idx="1406">
                  <c:v>479</c:v>
                </c:pt>
                <c:pt idx="1407">
                  <c:v>480</c:v>
                </c:pt>
                <c:pt idx="1408">
                  <c:v>480</c:v>
                </c:pt>
                <c:pt idx="1409">
                  <c:v>481</c:v>
                </c:pt>
                <c:pt idx="1410">
                  <c:v>481</c:v>
                </c:pt>
                <c:pt idx="1411">
                  <c:v>481</c:v>
                </c:pt>
                <c:pt idx="1412">
                  <c:v>482</c:v>
                </c:pt>
                <c:pt idx="1413">
                  <c:v>482</c:v>
                </c:pt>
                <c:pt idx="1414">
                  <c:v>483</c:v>
                </c:pt>
                <c:pt idx="1415">
                  <c:v>483</c:v>
                </c:pt>
                <c:pt idx="1416">
                  <c:v>484</c:v>
                </c:pt>
                <c:pt idx="1417">
                  <c:v>484</c:v>
                </c:pt>
                <c:pt idx="1418">
                  <c:v>484</c:v>
                </c:pt>
                <c:pt idx="1419">
                  <c:v>485</c:v>
                </c:pt>
                <c:pt idx="1420">
                  <c:v>485</c:v>
                </c:pt>
                <c:pt idx="1421">
                  <c:v>486</c:v>
                </c:pt>
                <c:pt idx="1422">
                  <c:v>486</c:v>
                </c:pt>
                <c:pt idx="1423">
                  <c:v>486</c:v>
                </c:pt>
                <c:pt idx="1424">
                  <c:v>487</c:v>
                </c:pt>
                <c:pt idx="1425">
                  <c:v>487</c:v>
                </c:pt>
                <c:pt idx="1426">
                  <c:v>488</c:v>
                </c:pt>
                <c:pt idx="1427">
                  <c:v>488</c:v>
                </c:pt>
                <c:pt idx="1428">
                  <c:v>489</c:v>
                </c:pt>
                <c:pt idx="1429">
                  <c:v>489</c:v>
                </c:pt>
                <c:pt idx="1430">
                  <c:v>489</c:v>
                </c:pt>
                <c:pt idx="1431">
                  <c:v>490</c:v>
                </c:pt>
                <c:pt idx="1432">
                  <c:v>490</c:v>
                </c:pt>
                <c:pt idx="1433">
                  <c:v>491</c:v>
                </c:pt>
                <c:pt idx="1434">
                  <c:v>491</c:v>
                </c:pt>
                <c:pt idx="1435">
                  <c:v>491</c:v>
                </c:pt>
                <c:pt idx="1436">
                  <c:v>492</c:v>
                </c:pt>
                <c:pt idx="1437">
                  <c:v>492</c:v>
                </c:pt>
                <c:pt idx="1438">
                  <c:v>493</c:v>
                </c:pt>
                <c:pt idx="1439">
                  <c:v>493</c:v>
                </c:pt>
                <c:pt idx="1440">
                  <c:v>494</c:v>
                </c:pt>
                <c:pt idx="1441">
                  <c:v>494</c:v>
                </c:pt>
                <c:pt idx="1442">
                  <c:v>494</c:v>
                </c:pt>
                <c:pt idx="1443">
                  <c:v>495</c:v>
                </c:pt>
                <c:pt idx="1444">
                  <c:v>495</c:v>
                </c:pt>
                <c:pt idx="1445">
                  <c:v>496</c:v>
                </c:pt>
                <c:pt idx="1446">
                  <c:v>496</c:v>
                </c:pt>
                <c:pt idx="1447">
                  <c:v>496</c:v>
                </c:pt>
                <c:pt idx="1448">
                  <c:v>497</c:v>
                </c:pt>
                <c:pt idx="1449">
                  <c:v>497</c:v>
                </c:pt>
                <c:pt idx="1450">
                  <c:v>498</c:v>
                </c:pt>
                <c:pt idx="1451">
                  <c:v>498</c:v>
                </c:pt>
                <c:pt idx="1452">
                  <c:v>499</c:v>
                </c:pt>
                <c:pt idx="1453">
                  <c:v>499</c:v>
                </c:pt>
                <c:pt idx="1454">
                  <c:v>499</c:v>
                </c:pt>
                <c:pt idx="1455">
                  <c:v>500</c:v>
                </c:pt>
                <c:pt idx="1456">
                  <c:v>500</c:v>
                </c:pt>
                <c:pt idx="1457">
                  <c:v>501</c:v>
                </c:pt>
                <c:pt idx="1458">
                  <c:v>501</c:v>
                </c:pt>
                <c:pt idx="1459">
                  <c:v>501</c:v>
                </c:pt>
                <c:pt idx="1460">
                  <c:v>502</c:v>
                </c:pt>
                <c:pt idx="1461">
                  <c:v>502</c:v>
                </c:pt>
                <c:pt idx="1462">
                  <c:v>503</c:v>
                </c:pt>
                <c:pt idx="1463">
                  <c:v>503</c:v>
                </c:pt>
                <c:pt idx="1464">
                  <c:v>504</c:v>
                </c:pt>
                <c:pt idx="1465">
                  <c:v>504</c:v>
                </c:pt>
                <c:pt idx="1466">
                  <c:v>504</c:v>
                </c:pt>
                <c:pt idx="1467">
                  <c:v>505</c:v>
                </c:pt>
                <c:pt idx="1468">
                  <c:v>505</c:v>
                </c:pt>
                <c:pt idx="1469">
                  <c:v>506</c:v>
                </c:pt>
                <c:pt idx="1470">
                  <c:v>506</c:v>
                </c:pt>
                <c:pt idx="1471">
                  <c:v>506</c:v>
                </c:pt>
                <c:pt idx="1472">
                  <c:v>507</c:v>
                </c:pt>
                <c:pt idx="1473">
                  <c:v>507</c:v>
                </c:pt>
                <c:pt idx="1474">
                  <c:v>508</c:v>
                </c:pt>
                <c:pt idx="1475">
                  <c:v>508</c:v>
                </c:pt>
                <c:pt idx="1476">
                  <c:v>509</c:v>
                </c:pt>
                <c:pt idx="1477">
                  <c:v>509</c:v>
                </c:pt>
                <c:pt idx="1478">
                  <c:v>509</c:v>
                </c:pt>
                <c:pt idx="1479">
                  <c:v>510</c:v>
                </c:pt>
                <c:pt idx="1480">
                  <c:v>510</c:v>
                </c:pt>
                <c:pt idx="1481">
                  <c:v>511</c:v>
                </c:pt>
                <c:pt idx="1482">
                  <c:v>511</c:v>
                </c:pt>
                <c:pt idx="1483">
                  <c:v>511</c:v>
                </c:pt>
                <c:pt idx="1484">
                  <c:v>512</c:v>
                </c:pt>
                <c:pt idx="1485">
                  <c:v>512</c:v>
                </c:pt>
                <c:pt idx="1486">
                  <c:v>513</c:v>
                </c:pt>
                <c:pt idx="1487">
                  <c:v>513</c:v>
                </c:pt>
                <c:pt idx="1488">
                  <c:v>514</c:v>
                </c:pt>
                <c:pt idx="1489">
                  <c:v>514</c:v>
                </c:pt>
                <c:pt idx="1490">
                  <c:v>514</c:v>
                </c:pt>
                <c:pt idx="1491">
                  <c:v>515</c:v>
                </c:pt>
                <c:pt idx="1492">
                  <c:v>515</c:v>
                </c:pt>
                <c:pt idx="1493">
                  <c:v>516</c:v>
                </c:pt>
                <c:pt idx="1494">
                  <c:v>516</c:v>
                </c:pt>
                <c:pt idx="1495">
                  <c:v>516</c:v>
                </c:pt>
                <c:pt idx="1496">
                  <c:v>517</c:v>
                </c:pt>
                <c:pt idx="1497">
                  <c:v>517</c:v>
                </c:pt>
                <c:pt idx="1498">
                  <c:v>518</c:v>
                </c:pt>
                <c:pt idx="1499">
                  <c:v>518</c:v>
                </c:pt>
                <c:pt idx="1500">
                  <c:v>519</c:v>
                </c:pt>
                <c:pt idx="1501">
                  <c:v>519</c:v>
                </c:pt>
                <c:pt idx="1502">
                  <c:v>519</c:v>
                </c:pt>
                <c:pt idx="1503">
                  <c:v>520</c:v>
                </c:pt>
                <c:pt idx="1504">
                  <c:v>520</c:v>
                </c:pt>
                <c:pt idx="1505">
                  <c:v>521</c:v>
                </c:pt>
                <c:pt idx="1506">
                  <c:v>521</c:v>
                </c:pt>
                <c:pt idx="1507">
                  <c:v>521</c:v>
                </c:pt>
                <c:pt idx="1508">
                  <c:v>522</c:v>
                </c:pt>
                <c:pt idx="1509">
                  <c:v>522</c:v>
                </c:pt>
                <c:pt idx="1510">
                  <c:v>523</c:v>
                </c:pt>
                <c:pt idx="1511">
                  <c:v>523</c:v>
                </c:pt>
                <c:pt idx="1512">
                  <c:v>524</c:v>
                </c:pt>
                <c:pt idx="1513">
                  <c:v>524</c:v>
                </c:pt>
                <c:pt idx="1514">
                  <c:v>524</c:v>
                </c:pt>
                <c:pt idx="1515">
                  <c:v>525</c:v>
                </c:pt>
                <c:pt idx="1516">
                  <c:v>525</c:v>
                </c:pt>
                <c:pt idx="1517">
                  <c:v>526</c:v>
                </c:pt>
                <c:pt idx="1518">
                  <c:v>526</c:v>
                </c:pt>
                <c:pt idx="1519">
                  <c:v>526</c:v>
                </c:pt>
                <c:pt idx="1520">
                  <c:v>527</c:v>
                </c:pt>
                <c:pt idx="1521">
                  <c:v>527</c:v>
                </c:pt>
                <c:pt idx="1522">
                  <c:v>528</c:v>
                </c:pt>
                <c:pt idx="1523">
                  <c:v>528</c:v>
                </c:pt>
                <c:pt idx="1524">
                  <c:v>529</c:v>
                </c:pt>
                <c:pt idx="1525">
                  <c:v>529</c:v>
                </c:pt>
                <c:pt idx="1526">
                  <c:v>529</c:v>
                </c:pt>
                <c:pt idx="1527">
                  <c:v>530</c:v>
                </c:pt>
                <c:pt idx="1528">
                  <c:v>530</c:v>
                </c:pt>
                <c:pt idx="1529">
                  <c:v>531</c:v>
                </c:pt>
                <c:pt idx="1530">
                  <c:v>531</c:v>
                </c:pt>
                <c:pt idx="1531">
                  <c:v>531</c:v>
                </c:pt>
                <c:pt idx="1532">
                  <c:v>532</c:v>
                </c:pt>
                <c:pt idx="1533">
                  <c:v>532</c:v>
                </c:pt>
                <c:pt idx="1534">
                  <c:v>533</c:v>
                </c:pt>
                <c:pt idx="1535">
                  <c:v>533</c:v>
                </c:pt>
                <c:pt idx="1536">
                  <c:v>534</c:v>
                </c:pt>
                <c:pt idx="1537">
                  <c:v>534</c:v>
                </c:pt>
                <c:pt idx="1538">
                  <c:v>534</c:v>
                </c:pt>
                <c:pt idx="1539">
                  <c:v>535</c:v>
                </c:pt>
                <c:pt idx="1540">
                  <c:v>535</c:v>
                </c:pt>
                <c:pt idx="1541">
                  <c:v>536</c:v>
                </c:pt>
                <c:pt idx="1542">
                  <c:v>536</c:v>
                </c:pt>
                <c:pt idx="1543">
                  <c:v>536</c:v>
                </c:pt>
                <c:pt idx="1544">
                  <c:v>537</c:v>
                </c:pt>
                <c:pt idx="1545">
                  <c:v>537</c:v>
                </c:pt>
                <c:pt idx="1546">
                  <c:v>538</c:v>
                </c:pt>
                <c:pt idx="1547">
                  <c:v>538</c:v>
                </c:pt>
                <c:pt idx="1548">
                  <c:v>539</c:v>
                </c:pt>
                <c:pt idx="1549">
                  <c:v>539</c:v>
                </c:pt>
                <c:pt idx="1550">
                  <c:v>539</c:v>
                </c:pt>
                <c:pt idx="1551">
                  <c:v>540</c:v>
                </c:pt>
                <c:pt idx="1552">
                  <c:v>540</c:v>
                </c:pt>
                <c:pt idx="1553">
                  <c:v>541</c:v>
                </c:pt>
                <c:pt idx="1554">
                  <c:v>541</c:v>
                </c:pt>
                <c:pt idx="1555">
                  <c:v>541</c:v>
                </c:pt>
                <c:pt idx="1556">
                  <c:v>542</c:v>
                </c:pt>
                <c:pt idx="1557">
                  <c:v>542</c:v>
                </c:pt>
                <c:pt idx="1558">
                  <c:v>543</c:v>
                </c:pt>
                <c:pt idx="1559">
                  <c:v>543</c:v>
                </c:pt>
                <c:pt idx="1560">
                  <c:v>544</c:v>
                </c:pt>
                <c:pt idx="1561">
                  <c:v>544</c:v>
                </c:pt>
                <c:pt idx="1562">
                  <c:v>544</c:v>
                </c:pt>
                <c:pt idx="1563">
                  <c:v>545</c:v>
                </c:pt>
                <c:pt idx="1564">
                  <c:v>545</c:v>
                </c:pt>
                <c:pt idx="1565">
                  <c:v>546</c:v>
                </c:pt>
                <c:pt idx="1566">
                  <c:v>546</c:v>
                </c:pt>
                <c:pt idx="1567">
                  <c:v>546</c:v>
                </c:pt>
                <c:pt idx="1568">
                  <c:v>547</c:v>
                </c:pt>
                <c:pt idx="1569">
                  <c:v>547</c:v>
                </c:pt>
                <c:pt idx="1570">
                  <c:v>548</c:v>
                </c:pt>
                <c:pt idx="1571">
                  <c:v>548</c:v>
                </c:pt>
                <c:pt idx="1572">
                  <c:v>549</c:v>
                </c:pt>
                <c:pt idx="1573">
                  <c:v>549</c:v>
                </c:pt>
                <c:pt idx="1574">
                  <c:v>549</c:v>
                </c:pt>
                <c:pt idx="1575">
                  <c:v>550</c:v>
                </c:pt>
                <c:pt idx="1576">
                  <c:v>550</c:v>
                </c:pt>
                <c:pt idx="1577">
                  <c:v>551</c:v>
                </c:pt>
                <c:pt idx="1578">
                  <c:v>551</c:v>
                </c:pt>
                <c:pt idx="1579">
                  <c:v>551</c:v>
                </c:pt>
                <c:pt idx="1580">
                  <c:v>552</c:v>
                </c:pt>
                <c:pt idx="1581">
                  <c:v>552</c:v>
                </c:pt>
                <c:pt idx="1582">
                  <c:v>553</c:v>
                </c:pt>
                <c:pt idx="1583">
                  <c:v>553</c:v>
                </c:pt>
                <c:pt idx="1584">
                  <c:v>554</c:v>
                </c:pt>
                <c:pt idx="1585">
                  <c:v>554</c:v>
                </c:pt>
                <c:pt idx="1586">
                  <c:v>554</c:v>
                </c:pt>
                <c:pt idx="1587">
                  <c:v>555</c:v>
                </c:pt>
                <c:pt idx="1588">
                  <c:v>555</c:v>
                </c:pt>
                <c:pt idx="1589">
                  <c:v>556</c:v>
                </c:pt>
                <c:pt idx="1590">
                  <c:v>556</c:v>
                </c:pt>
                <c:pt idx="1591">
                  <c:v>556</c:v>
                </c:pt>
                <c:pt idx="1592">
                  <c:v>557</c:v>
                </c:pt>
                <c:pt idx="1593">
                  <c:v>557</c:v>
                </c:pt>
                <c:pt idx="1594">
                  <c:v>558</c:v>
                </c:pt>
                <c:pt idx="1595">
                  <c:v>558</c:v>
                </c:pt>
                <c:pt idx="1596">
                  <c:v>559</c:v>
                </c:pt>
                <c:pt idx="1597">
                  <c:v>559</c:v>
                </c:pt>
                <c:pt idx="1598">
                  <c:v>559</c:v>
                </c:pt>
                <c:pt idx="1599">
                  <c:v>560</c:v>
                </c:pt>
                <c:pt idx="1600">
                  <c:v>560</c:v>
                </c:pt>
                <c:pt idx="1601">
                  <c:v>561</c:v>
                </c:pt>
                <c:pt idx="1602">
                  <c:v>561</c:v>
                </c:pt>
                <c:pt idx="1603">
                  <c:v>561</c:v>
                </c:pt>
                <c:pt idx="1604">
                  <c:v>562</c:v>
                </c:pt>
                <c:pt idx="1605">
                  <c:v>562</c:v>
                </c:pt>
                <c:pt idx="1606">
                  <c:v>563</c:v>
                </c:pt>
                <c:pt idx="1607">
                  <c:v>563</c:v>
                </c:pt>
                <c:pt idx="1608">
                  <c:v>564</c:v>
                </c:pt>
                <c:pt idx="1609">
                  <c:v>564</c:v>
                </c:pt>
                <c:pt idx="1610">
                  <c:v>564</c:v>
                </c:pt>
                <c:pt idx="1611">
                  <c:v>565</c:v>
                </c:pt>
                <c:pt idx="1612">
                  <c:v>565</c:v>
                </c:pt>
                <c:pt idx="1613">
                  <c:v>566</c:v>
                </c:pt>
                <c:pt idx="1614">
                  <c:v>566</c:v>
                </c:pt>
                <c:pt idx="1615">
                  <c:v>566</c:v>
                </c:pt>
                <c:pt idx="1616">
                  <c:v>567</c:v>
                </c:pt>
                <c:pt idx="1617">
                  <c:v>567</c:v>
                </c:pt>
                <c:pt idx="1618">
                  <c:v>568</c:v>
                </c:pt>
                <c:pt idx="1619">
                  <c:v>568</c:v>
                </c:pt>
                <c:pt idx="1620">
                  <c:v>569</c:v>
                </c:pt>
                <c:pt idx="1621">
                  <c:v>569</c:v>
                </c:pt>
                <c:pt idx="1622">
                  <c:v>569</c:v>
                </c:pt>
                <c:pt idx="1623">
                  <c:v>570</c:v>
                </c:pt>
                <c:pt idx="1624">
                  <c:v>570</c:v>
                </c:pt>
                <c:pt idx="1625">
                  <c:v>571</c:v>
                </c:pt>
                <c:pt idx="1626">
                  <c:v>571</c:v>
                </c:pt>
                <c:pt idx="1627">
                  <c:v>571</c:v>
                </c:pt>
                <c:pt idx="1628">
                  <c:v>572</c:v>
                </c:pt>
                <c:pt idx="1629">
                  <c:v>572</c:v>
                </c:pt>
                <c:pt idx="1630">
                  <c:v>573</c:v>
                </c:pt>
                <c:pt idx="1631">
                  <c:v>573</c:v>
                </c:pt>
                <c:pt idx="1632">
                  <c:v>574</c:v>
                </c:pt>
                <c:pt idx="1633">
                  <c:v>574</c:v>
                </c:pt>
                <c:pt idx="1634">
                  <c:v>574</c:v>
                </c:pt>
                <c:pt idx="1635">
                  <c:v>575</c:v>
                </c:pt>
                <c:pt idx="1636">
                  <c:v>575</c:v>
                </c:pt>
                <c:pt idx="1637">
                  <c:v>576</c:v>
                </c:pt>
                <c:pt idx="1638">
                  <c:v>576</c:v>
                </c:pt>
                <c:pt idx="1639">
                  <c:v>576</c:v>
                </c:pt>
                <c:pt idx="1640">
                  <c:v>577</c:v>
                </c:pt>
                <c:pt idx="1641">
                  <c:v>577</c:v>
                </c:pt>
                <c:pt idx="1642">
                  <c:v>578</c:v>
                </c:pt>
                <c:pt idx="1643">
                  <c:v>578</c:v>
                </c:pt>
                <c:pt idx="1644">
                  <c:v>579</c:v>
                </c:pt>
                <c:pt idx="1645">
                  <c:v>579</c:v>
                </c:pt>
                <c:pt idx="1646">
                  <c:v>579</c:v>
                </c:pt>
                <c:pt idx="1647">
                  <c:v>580</c:v>
                </c:pt>
                <c:pt idx="1648">
                  <c:v>580</c:v>
                </c:pt>
                <c:pt idx="1649">
                  <c:v>581</c:v>
                </c:pt>
                <c:pt idx="1650">
                  <c:v>581</c:v>
                </c:pt>
                <c:pt idx="1651">
                  <c:v>581</c:v>
                </c:pt>
                <c:pt idx="1652">
                  <c:v>582</c:v>
                </c:pt>
                <c:pt idx="1653">
                  <c:v>582</c:v>
                </c:pt>
                <c:pt idx="1654">
                  <c:v>583</c:v>
                </c:pt>
                <c:pt idx="1655">
                  <c:v>583</c:v>
                </c:pt>
                <c:pt idx="1656">
                  <c:v>584</c:v>
                </c:pt>
                <c:pt idx="1657">
                  <c:v>584</c:v>
                </c:pt>
                <c:pt idx="1658">
                  <c:v>584</c:v>
                </c:pt>
                <c:pt idx="1659">
                  <c:v>585</c:v>
                </c:pt>
                <c:pt idx="1660">
                  <c:v>585</c:v>
                </c:pt>
                <c:pt idx="1661">
                  <c:v>586</c:v>
                </c:pt>
                <c:pt idx="1662">
                  <c:v>586</c:v>
                </c:pt>
                <c:pt idx="1663">
                  <c:v>586</c:v>
                </c:pt>
                <c:pt idx="1664">
                  <c:v>587</c:v>
                </c:pt>
                <c:pt idx="1665">
                  <c:v>587</c:v>
                </c:pt>
                <c:pt idx="1666">
                  <c:v>588</c:v>
                </c:pt>
                <c:pt idx="1667">
                  <c:v>588</c:v>
                </c:pt>
                <c:pt idx="1668">
                  <c:v>589</c:v>
                </c:pt>
                <c:pt idx="1669">
                  <c:v>589</c:v>
                </c:pt>
                <c:pt idx="1670">
                  <c:v>589</c:v>
                </c:pt>
                <c:pt idx="1671">
                  <c:v>590</c:v>
                </c:pt>
                <c:pt idx="1672">
                  <c:v>590</c:v>
                </c:pt>
                <c:pt idx="1673">
                  <c:v>591</c:v>
                </c:pt>
                <c:pt idx="1674">
                  <c:v>591</c:v>
                </c:pt>
                <c:pt idx="1675">
                  <c:v>591</c:v>
                </c:pt>
                <c:pt idx="1676">
                  <c:v>592</c:v>
                </c:pt>
                <c:pt idx="1677">
                  <c:v>592</c:v>
                </c:pt>
                <c:pt idx="1678">
                  <c:v>593</c:v>
                </c:pt>
                <c:pt idx="1679">
                  <c:v>593</c:v>
                </c:pt>
                <c:pt idx="1680">
                  <c:v>594</c:v>
                </c:pt>
                <c:pt idx="1681">
                  <c:v>594</c:v>
                </c:pt>
                <c:pt idx="1682">
                  <c:v>594</c:v>
                </c:pt>
                <c:pt idx="1683">
                  <c:v>595</c:v>
                </c:pt>
                <c:pt idx="1684">
                  <c:v>595</c:v>
                </c:pt>
                <c:pt idx="1685">
                  <c:v>596</c:v>
                </c:pt>
                <c:pt idx="1686">
                  <c:v>596</c:v>
                </c:pt>
                <c:pt idx="1687">
                  <c:v>596</c:v>
                </c:pt>
                <c:pt idx="1688">
                  <c:v>597</c:v>
                </c:pt>
                <c:pt idx="1689">
                  <c:v>597</c:v>
                </c:pt>
                <c:pt idx="1690">
                  <c:v>598</c:v>
                </c:pt>
                <c:pt idx="1691">
                  <c:v>598</c:v>
                </c:pt>
                <c:pt idx="1692">
                  <c:v>599</c:v>
                </c:pt>
                <c:pt idx="1693">
                  <c:v>599</c:v>
                </c:pt>
                <c:pt idx="1694">
                  <c:v>599</c:v>
                </c:pt>
                <c:pt idx="1695">
                  <c:v>600</c:v>
                </c:pt>
                <c:pt idx="1696">
                  <c:v>600</c:v>
                </c:pt>
                <c:pt idx="1697">
                  <c:v>601</c:v>
                </c:pt>
                <c:pt idx="1698">
                  <c:v>601</c:v>
                </c:pt>
                <c:pt idx="1699">
                  <c:v>601</c:v>
                </c:pt>
                <c:pt idx="1700">
                  <c:v>602</c:v>
                </c:pt>
                <c:pt idx="1701">
                  <c:v>602</c:v>
                </c:pt>
                <c:pt idx="1702">
                  <c:v>603</c:v>
                </c:pt>
                <c:pt idx="1703">
                  <c:v>603</c:v>
                </c:pt>
                <c:pt idx="1704">
                  <c:v>604</c:v>
                </c:pt>
                <c:pt idx="1705">
                  <c:v>604</c:v>
                </c:pt>
                <c:pt idx="1706">
                  <c:v>604</c:v>
                </c:pt>
                <c:pt idx="1707">
                  <c:v>605</c:v>
                </c:pt>
                <c:pt idx="1708">
                  <c:v>605</c:v>
                </c:pt>
                <c:pt idx="1709">
                  <c:v>606</c:v>
                </c:pt>
                <c:pt idx="1710">
                  <c:v>606</c:v>
                </c:pt>
                <c:pt idx="1711">
                  <c:v>606</c:v>
                </c:pt>
                <c:pt idx="1712">
                  <c:v>607</c:v>
                </c:pt>
                <c:pt idx="1713">
                  <c:v>607</c:v>
                </c:pt>
                <c:pt idx="1714">
                  <c:v>608</c:v>
                </c:pt>
                <c:pt idx="1715">
                  <c:v>608</c:v>
                </c:pt>
                <c:pt idx="1716">
                  <c:v>609</c:v>
                </c:pt>
                <c:pt idx="1717">
                  <c:v>609</c:v>
                </c:pt>
                <c:pt idx="1718">
                  <c:v>609</c:v>
                </c:pt>
                <c:pt idx="1719">
                  <c:v>610</c:v>
                </c:pt>
                <c:pt idx="1720">
                  <c:v>610</c:v>
                </c:pt>
                <c:pt idx="1721">
                  <c:v>611</c:v>
                </c:pt>
                <c:pt idx="1722">
                  <c:v>611</c:v>
                </c:pt>
                <c:pt idx="1723">
                  <c:v>611</c:v>
                </c:pt>
                <c:pt idx="1724">
                  <c:v>612</c:v>
                </c:pt>
                <c:pt idx="1725">
                  <c:v>612</c:v>
                </c:pt>
                <c:pt idx="1726">
                  <c:v>613</c:v>
                </c:pt>
                <c:pt idx="1727">
                  <c:v>613</c:v>
                </c:pt>
                <c:pt idx="1728">
                  <c:v>614</c:v>
                </c:pt>
                <c:pt idx="1729">
                  <c:v>614</c:v>
                </c:pt>
                <c:pt idx="1730">
                  <c:v>614</c:v>
                </c:pt>
                <c:pt idx="1731">
                  <c:v>615</c:v>
                </c:pt>
                <c:pt idx="1732">
                  <c:v>615</c:v>
                </c:pt>
                <c:pt idx="1733">
                  <c:v>616</c:v>
                </c:pt>
                <c:pt idx="1734">
                  <c:v>616</c:v>
                </c:pt>
                <c:pt idx="1735">
                  <c:v>616</c:v>
                </c:pt>
                <c:pt idx="1736">
                  <c:v>617</c:v>
                </c:pt>
                <c:pt idx="1737">
                  <c:v>617</c:v>
                </c:pt>
                <c:pt idx="1738">
                  <c:v>618</c:v>
                </c:pt>
                <c:pt idx="1739">
                  <c:v>618</c:v>
                </c:pt>
                <c:pt idx="1740">
                  <c:v>619</c:v>
                </c:pt>
                <c:pt idx="1741">
                  <c:v>619</c:v>
                </c:pt>
                <c:pt idx="1742">
                  <c:v>619</c:v>
                </c:pt>
                <c:pt idx="1743">
                  <c:v>620</c:v>
                </c:pt>
                <c:pt idx="1744">
                  <c:v>620</c:v>
                </c:pt>
                <c:pt idx="1745">
                  <c:v>621</c:v>
                </c:pt>
                <c:pt idx="1746">
                  <c:v>621</c:v>
                </c:pt>
                <c:pt idx="1747">
                  <c:v>621</c:v>
                </c:pt>
                <c:pt idx="1748">
                  <c:v>622</c:v>
                </c:pt>
                <c:pt idx="1749">
                  <c:v>622</c:v>
                </c:pt>
                <c:pt idx="1750">
                  <c:v>623</c:v>
                </c:pt>
                <c:pt idx="1751">
                  <c:v>623</c:v>
                </c:pt>
                <c:pt idx="1752">
                  <c:v>624</c:v>
                </c:pt>
                <c:pt idx="1753">
                  <c:v>624</c:v>
                </c:pt>
                <c:pt idx="1754">
                  <c:v>624</c:v>
                </c:pt>
                <c:pt idx="1755">
                  <c:v>625</c:v>
                </c:pt>
                <c:pt idx="1756">
                  <c:v>625</c:v>
                </c:pt>
                <c:pt idx="1757">
                  <c:v>626</c:v>
                </c:pt>
                <c:pt idx="1758">
                  <c:v>626</c:v>
                </c:pt>
                <c:pt idx="1759">
                  <c:v>626</c:v>
                </c:pt>
                <c:pt idx="1760">
                  <c:v>627</c:v>
                </c:pt>
                <c:pt idx="1761">
                  <c:v>627</c:v>
                </c:pt>
                <c:pt idx="1762">
                  <c:v>628</c:v>
                </c:pt>
                <c:pt idx="1763">
                  <c:v>628</c:v>
                </c:pt>
                <c:pt idx="1764">
                  <c:v>629</c:v>
                </c:pt>
                <c:pt idx="1765">
                  <c:v>629</c:v>
                </c:pt>
                <c:pt idx="1766">
                  <c:v>629</c:v>
                </c:pt>
                <c:pt idx="1767">
                  <c:v>630</c:v>
                </c:pt>
                <c:pt idx="1768">
                  <c:v>630</c:v>
                </c:pt>
                <c:pt idx="1769">
                  <c:v>631</c:v>
                </c:pt>
                <c:pt idx="1770">
                  <c:v>631</c:v>
                </c:pt>
                <c:pt idx="1771">
                  <c:v>631</c:v>
                </c:pt>
                <c:pt idx="1772">
                  <c:v>632</c:v>
                </c:pt>
                <c:pt idx="1773">
                  <c:v>632</c:v>
                </c:pt>
                <c:pt idx="1774">
                  <c:v>633</c:v>
                </c:pt>
                <c:pt idx="1775">
                  <c:v>633</c:v>
                </c:pt>
                <c:pt idx="1776">
                  <c:v>634</c:v>
                </c:pt>
                <c:pt idx="1777">
                  <c:v>634</c:v>
                </c:pt>
                <c:pt idx="1778">
                  <c:v>634</c:v>
                </c:pt>
                <c:pt idx="1779">
                  <c:v>635</c:v>
                </c:pt>
                <c:pt idx="1780">
                  <c:v>635</c:v>
                </c:pt>
                <c:pt idx="1781">
                  <c:v>636</c:v>
                </c:pt>
                <c:pt idx="1782">
                  <c:v>636</c:v>
                </c:pt>
                <c:pt idx="1783">
                  <c:v>636</c:v>
                </c:pt>
                <c:pt idx="1784">
                  <c:v>637</c:v>
                </c:pt>
                <c:pt idx="1785">
                  <c:v>637</c:v>
                </c:pt>
                <c:pt idx="1786">
                  <c:v>638</c:v>
                </c:pt>
                <c:pt idx="1787">
                  <c:v>638</c:v>
                </c:pt>
                <c:pt idx="1788">
                  <c:v>639</c:v>
                </c:pt>
                <c:pt idx="1789">
                  <c:v>639</c:v>
                </c:pt>
                <c:pt idx="1790">
                  <c:v>639</c:v>
                </c:pt>
                <c:pt idx="1791">
                  <c:v>640</c:v>
                </c:pt>
                <c:pt idx="1792">
                  <c:v>640</c:v>
                </c:pt>
                <c:pt idx="1793">
                  <c:v>641</c:v>
                </c:pt>
                <c:pt idx="1794">
                  <c:v>641</c:v>
                </c:pt>
                <c:pt idx="1795">
                  <c:v>641</c:v>
                </c:pt>
                <c:pt idx="1796">
                  <c:v>642</c:v>
                </c:pt>
                <c:pt idx="1797">
                  <c:v>642</c:v>
                </c:pt>
                <c:pt idx="1798">
                  <c:v>643</c:v>
                </c:pt>
                <c:pt idx="1799">
                  <c:v>643</c:v>
                </c:pt>
                <c:pt idx="1800">
                  <c:v>644</c:v>
                </c:pt>
                <c:pt idx="1801">
                  <c:v>644</c:v>
                </c:pt>
                <c:pt idx="1802">
                  <c:v>644</c:v>
                </c:pt>
                <c:pt idx="1803">
                  <c:v>645</c:v>
                </c:pt>
                <c:pt idx="1804">
                  <c:v>645</c:v>
                </c:pt>
                <c:pt idx="1805">
                  <c:v>646</c:v>
                </c:pt>
                <c:pt idx="1806">
                  <c:v>646</c:v>
                </c:pt>
                <c:pt idx="1807">
                  <c:v>646</c:v>
                </c:pt>
                <c:pt idx="1808">
                  <c:v>647</c:v>
                </c:pt>
                <c:pt idx="1809">
                  <c:v>647</c:v>
                </c:pt>
                <c:pt idx="1810">
                  <c:v>648</c:v>
                </c:pt>
                <c:pt idx="1811">
                  <c:v>648</c:v>
                </c:pt>
                <c:pt idx="1812">
                  <c:v>649</c:v>
                </c:pt>
                <c:pt idx="1813">
                  <c:v>649</c:v>
                </c:pt>
                <c:pt idx="1814">
                  <c:v>649</c:v>
                </c:pt>
                <c:pt idx="1815">
                  <c:v>650</c:v>
                </c:pt>
                <c:pt idx="1816">
                  <c:v>650</c:v>
                </c:pt>
                <c:pt idx="1817">
                  <c:v>651</c:v>
                </c:pt>
                <c:pt idx="1818">
                  <c:v>651</c:v>
                </c:pt>
                <c:pt idx="1819">
                  <c:v>651</c:v>
                </c:pt>
                <c:pt idx="1820">
                  <c:v>652</c:v>
                </c:pt>
                <c:pt idx="1821">
                  <c:v>652</c:v>
                </c:pt>
                <c:pt idx="1822">
                  <c:v>653</c:v>
                </c:pt>
                <c:pt idx="1823">
                  <c:v>653</c:v>
                </c:pt>
                <c:pt idx="1824">
                  <c:v>654</c:v>
                </c:pt>
                <c:pt idx="1825">
                  <c:v>654</c:v>
                </c:pt>
                <c:pt idx="1826">
                  <c:v>654</c:v>
                </c:pt>
                <c:pt idx="1827">
                  <c:v>655</c:v>
                </c:pt>
                <c:pt idx="1828">
                  <c:v>655</c:v>
                </c:pt>
                <c:pt idx="1829">
                  <c:v>656</c:v>
                </c:pt>
                <c:pt idx="1830">
                  <c:v>656</c:v>
                </c:pt>
                <c:pt idx="1831">
                  <c:v>656</c:v>
                </c:pt>
                <c:pt idx="1832">
                  <c:v>657</c:v>
                </c:pt>
                <c:pt idx="1833">
                  <c:v>657</c:v>
                </c:pt>
                <c:pt idx="1834">
                  <c:v>658</c:v>
                </c:pt>
                <c:pt idx="1835">
                  <c:v>658</c:v>
                </c:pt>
                <c:pt idx="1836">
                  <c:v>659</c:v>
                </c:pt>
                <c:pt idx="1837">
                  <c:v>659</c:v>
                </c:pt>
                <c:pt idx="1838">
                  <c:v>659</c:v>
                </c:pt>
                <c:pt idx="1839">
                  <c:v>660</c:v>
                </c:pt>
                <c:pt idx="1840">
                  <c:v>660</c:v>
                </c:pt>
                <c:pt idx="1841">
                  <c:v>661</c:v>
                </c:pt>
                <c:pt idx="1842">
                  <c:v>661</c:v>
                </c:pt>
                <c:pt idx="1843">
                  <c:v>661</c:v>
                </c:pt>
                <c:pt idx="1844">
                  <c:v>662</c:v>
                </c:pt>
                <c:pt idx="1845">
                  <c:v>662</c:v>
                </c:pt>
                <c:pt idx="1846">
                  <c:v>663</c:v>
                </c:pt>
                <c:pt idx="1847">
                  <c:v>663</c:v>
                </c:pt>
                <c:pt idx="1848">
                  <c:v>664</c:v>
                </c:pt>
                <c:pt idx="1849">
                  <c:v>664</c:v>
                </c:pt>
                <c:pt idx="1850">
                  <c:v>664</c:v>
                </c:pt>
                <c:pt idx="1851">
                  <c:v>665</c:v>
                </c:pt>
                <c:pt idx="1852">
                  <c:v>665</c:v>
                </c:pt>
                <c:pt idx="1853">
                  <c:v>666</c:v>
                </c:pt>
                <c:pt idx="1854">
                  <c:v>666</c:v>
                </c:pt>
                <c:pt idx="1855">
                  <c:v>666</c:v>
                </c:pt>
                <c:pt idx="1856">
                  <c:v>667</c:v>
                </c:pt>
                <c:pt idx="1857">
                  <c:v>667</c:v>
                </c:pt>
                <c:pt idx="1858">
                  <c:v>668</c:v>
                </c:pt>
                <c:pt idx="1859">
                  <c:v>668</c:v>
                </c:pt>
                <c:pt idx="1860">
                  <c:v>669</c:v>
                </c:pt>
                <c:pt idx="1861">
                  <c:v>669</c:v>
                </c:pt>
                <c:pt idx="1862">
                  <c:v>669</c:v>
                </c:pt>
                <c:pt idx="1863">
                  <c:v>670</c:v>
                </c:pt>
                <c:pt idx="1864">
                  <c:v>670</c:v>
                </c:pt>
                <c:pt idx="1865">
                  <c:v>671</c:v>
                </c:pt>
                <c:pt idx="1866">
                  <c:v>671</c:v>
                </c:pt>
                <c:pt idx="1867">
                  <c:v>671</c:v>
                </c:pt>
                <c:pt idx="1868">
                  <c:v>672</c:v>
                </c:pt>
                <c:pt idx="1869">
                  <c:v>672</c:v>
                </c:pt>
                <c:pt idx="1870">
                  <c:v>673</c:v>
                </c:pt>
                <c:pt idx="1871">
                  <c:v>673</c:v>
                </c:pt>
                <c:pt idx="1872">
                  <c:v>674</c:v>
                </c:pt>
                <c:pt idx="1873">
                  <c:v>674</c:v>
                </c:pt>
                <c:pt idx="1874">
                  <c:v>674</c:v>
                </c:pt>
                <c:pt idx="1875">
                  <c:v>675</c:v>
                </c:pt>
                <c:pt idx="1876">
                  <c:v>675</c:v>
                </c:pt>
                <c:pt idx="1877">
                  <c:v>676</c:v>
                </c:pt>
                <c:pt idx="1878">
                  <c:v>676</c:v>
                </c:pt>
                <c:pt idx="1879">
                  <c:v>676</c:v>
                </c:pt>
                <c:pt idx="1880">
                  <c:v>677</c:v>
                </c:pt>
                <c:pt idx="1881">
                  <c:v>677</c:v>
                </c:pt>
                <c:pt idx="1882">
                  <c:v>678</c:v>
                </c:pt>
                <c:pt idx="1883">
                  <c:v>678</c:v>
                </c:pt>
                <c:pt idx="1884">
                  <c:v>679</c:v>
                </c:pt>
                <c:pt idx="1885">
                  <c:v>679</c:v>
                </c:pt>
                <c:pt idx="1886">
                  <c:v>679</c:v>
                </c:pt>
                <c:pt idx="1887">
                  <c:v>680</c:v>
                </c:pt>
                <c:pt idx="1888">
                  <c:v>680</c:v>
                </c:pt>
                <c:pt idx="1889">
                  <c:v>681</c:v>
                </c:pt>
                <c:pt idx="1890">
                  <c:v>681</c:v>
                </c:pt>
                <c:pt idx="1891">
                  <c:v>681</c:v>
                </c:pt>
                <c:pt idx="1892">
                  <c:v>682</c:v>
                </c:pt>
                <c:pt idx="1893">
                  <c:v>682</c:v>
                </c:pt>
                <c:pt idx="1894">
                  <c:v>683</c:v>
                </c:pt>
                <c:pt idx="1895">
                  <c:v>683</c:v>
                </c:pt>
                <c:pt idx="1896">
                  <c:v>684</c:v>
                </c:pt>
                <c:pt idx="1897">
                  <c:v>684</c:v>
                </c:pt>
                <c:pt idx="1898">
                  <c:v>684</c:v>
                </c:pt>
                <c:pt idx="1899">
                  <c:v>685</c:v>
                </c:pt>
                <c:pt idx="1900">
                  <c:v>685</c:v>
                </c:pt>
                <c:pt idx="1901">
                  <c:v>686</c:v>
                </c:pt>
                <c:pt idx="1902">
                  <c:v>686</c:v>
                </c:pt>
                <c:pt idx="1903">
                  <c:v>686</c:v>
                </c:pt>
                <c:pt idx="1904">
                  <c:v>687</c:v>
                </c:pt>
                <c:pt idx="1905">
                  <c:v>687</c:v>
                </c:pt>
                <c:pt idx="1906">
                  <c:v>688</c:v>
                </c:pt>
                <c:pt idx="1907">
                  <c:v>688</c:v>
                </c:pt>
                <c:pt idx="1908">
                  <c:v>689</c:v>
                </c:pt>
                <c:pt idx="1909">
                  <c:v>689</c:v>
                </c:pt>
                <c:pt idx="1910">
                  <c:v>689</c:v>
                </c:pt>
                <c:pt idx="1911">
                  <c:v>690</c:v>
                </c:pt>
                <c:pt idx="1912">
                  <c:v>690</c:v>
                </c:pt>
                <c:pt idx="1913">
                  <c:v>691</c:v>
                </c:pt>
                <c:pt idx="1914">
                  <c:v>691</c:v>
                </c:pt>
                <c:pt idx="1915">
                  <c:v>691</c:v>
                </c:pt>
                <c:pt idx="1916">
                  <c:v>692</c:v>
                </c:pt>
                <c:pt idx="1917">
                  <c:v>692</c:v>
                </c:pt>
                <c:pt idx="1918">
                  <c:v>693</c:v>
                </c:pt>
                <c:pt idx="1919">
                  <c:v>693</c:v>
                </c:pt>
                <c:pt idx="1920">
                  <c:v>694</c:v>
                </c:pt>
                <c:pt idx="1921">
                  <c:v>694</c:v>
                </c:pt>
                <c:pt idx="1922">
                  <c:v>694</c:v>
                </c:pt>
                <c:pt idx="1923">
                  <c:v>695</c:v>
                </c:pt>
                <c:pt idx="1924">
                  <c:v>695</c:v>
                </c:pt>
                <c:pt idx="1925">
                  <c:v>696</c:v>
                </c:pt>
                <c:pt idx="1926">
                  <c:v>696</c:v>
                </c:pt>
                <c:pt idx="1927">
                  <c:v>696</c:v>
                </c:pt>
                <c:pt idx="1928">
                  <c:v>697</c:v>
                </c:pt>
                <c:pt idx="1929">
                  <c:v>697</c:v>
                </c:pt>
                <c:pt idx="1930">
                  <c:v>698</c:v>
                </c:pt>
                <c:pt idx="1931">
                  <c:v>698</c:v>
                </c:pt>
                <c:pt idx="1932">
                  <c:v>699</c:v>
                </c:pt>
                <c:pt idx="1933">
                  <c:v>699</c:v>
                </c:pt>
                <c:pt idx="1934">
                  <c:v>699</c:v>
                </c:pt>
                <c:pt idx="1935">
                  <c:v>700</c:v>
                </c:pt>
                <c:pt idx="1936">
                  <c:v>700</c:v>
                </c:pt>
                <c:pt idx="1937">
                  <c:v>701</c:v>
                </c:pt>
                <c:pt idx="1938">
                  <c:v>701</c:v>
                </c:pt>
                <c:pt idx="1939">
                  <c:v>701</c:v>
                </c:pt>
                <c:pt idx="1940">
                  <c:v>702</c:v>
                </c:pt>
                <c:pt idx="1941">
                  <c:v>702</c:v>
                </c:pt>
                <c:pt idx="1942">
                  <c:v>703</c:v>
                </c:pt>
                <c:pt idx="1943">
                  <c:v>703</c:v>
                </c:pt>
                <c:pt idx="1944">
                  <c:v>704</c:v>
                </c:pt>
                <c:pt idx="1945">
                  <c:v>704</c:v>
                </c:pt>
                <c:pt idx="1946">
                  <c:v>704</c:v>
                </c:pt>
                <c:pt idx="1947">
                  <c:v>705</c:v>
                </c:pt>
                <c:pt idx="1948">
                  <c:v>705</c:v>
                </c:pt>
                <c:pt idx="1949">
                  <c:v>706</c:v>
                </c:pt>
                <c:pt idx="1950">
                  <c:v>706</c:v>
                </c:pt>
                <c:pt idx="1951">
                  <c:v>706</c:v>
                </c:pt>
                <c:pt idx="1952">
                  <c:v>707</c:v>
                </c:pt>
                <c:pt idx="1953">
                  <c:v>707</c:v>
                </c:pt>
                <c:pt idx="1954">
                  <c:v>708</c:v>
                </c:pt>
                <c:pt idx="1955">
                  <c:v>708</c:v>
                </c:pt>
                <c:pt idx="1956">
                  <c:v>709</c:v>
                </c:pt>
                <c:pt idx="1957">
                  <c:v>709</c:v>
                </c:pt>
                <c:pt idx="1958">
                  <c:v>709</c:v>
                </c:pt>
                <c:pt idx="1959">
                  <c:v>710</c:v>
                </c:pt>
                <c:pt idx="1960">
                  <c:v>710</c:v>
                </c:pt>
                <c:pt idx="1961">
                  <c:v>711</c:v>
                </c:pt>
                <c:pt idx="1962">
                  <c:v>711</c:v>
                </c:pt>
                <c:pt idx="1963">
                  <c:v>711</c:v>
                </c:pt>
                <c:pt idx="1964">
                  <c:v>712</c:v>
                </c:pt>
                <c:pt idx="1965">
                  <c:v>712</c:v>
                </c:pt>
                <c:pt idx="1966">
                  <c:v>713</c:v>
                </c:pt>
                <c:pt idx="1967">
                  <c:v>713</c:v>
                </c:pt>
                <c:pt idx="1968">
                  <c:v>714</c:v>
                </c:pt>
                <c:pt idx="1969">
                  <c:v>714</c:v>
                </c:pt>
                <c:pt idx="1970">
                  <c:v>714</c:v>
                </c:pt>
                <c:pt idx="1971">
                  <c:v>715</c:v>
                </c:pt>
                <c:pt idx="1972">
                  <c:v>715</c:v>
                </c:pt>
                <c:pt idx="1973">
                  <c:v>716</c:v>
                </c:pt>
                <c:pt idx="1974">
                  <c:v>716</c:v>
                </c:pt>
                <c:pt idx="1975">
                  <c:v>716</c:v>
                </c:pt>
                <c:pt idx="1976">
                  <c:v>717</c:v>
                </c:pt>
                <c:pt idx="1977">
                  <c:v>717</c:v>
                </c:pt>
                <c:pt idx="1978">
                  <c:v>718</c:v>
                </c:pt>
                <c:pt idx="1979">
                  <c:v>718</c:v>
                </c:pt>
                <c:pt idx="1980">
                  <c:v>719</c:v>
                </c:pt>
                <c:pt idx="1981">
                  <c:v>719</c:v>
                </c:pt>
                <c:pt idx="1982">
                  <c:v>719</c:v>
                </c:pt>
                <c:pt idx="1983">
                  <c:v>720</c:v>
                </c:pt>
                <c:pt idx="1984">
                  <c:v>720</c:v>
                </c:pt>
                <c:pt idx="1985">
                  <c:v>721</c:v>
                </c:pt>
                <c:pt idx="1986">
                  <c:v>721</c:v>
                </c:pt>
                <c:pt idx="1987">
                  <c:v>721</c:v>
                </c:pt>
                <c:pt idx="1988">
                  <c:v>722</c:v>
                </c:pt>
                <c:pt idx="1989">
                  <c:v>722</c:v>
                </c:pt>
                <c:pt idx="1990">
                  <c:v>723</c:v>
                </c:pt>
                <c:pt idx="1991">
                  <c:v>723</c:v>
                </c:pt>
                <c:pt idx="1992">
                  <c:v>724</c:v>
                </c:pt>
                <c:pt idx="1993">
                  <c:v>724</c:v>
                </c:pt>
                <c:pt idx="1994">
                  <c:v>724</c:v>
                </c:pt>
                <c:pt idx="1995">
                  <c:v>725</c:v>
                </c:pt>
                <c:pt idx="1996">
                  <c:v>725</c:v>
                </c:pt>
                <c:pt idx="1997">
                  <c:v>726</c:v>
                </c:pt>
                <c:pt idx="1998">
                  <c:v>726</c:v>
                </c:pt>
                <c:pt idx="1999">
                  <c:v>726</c:v>
                </c:pt>
                <c:pt idx="2000">
                  <c:v>727</c:v>
                </c:pt>
                <c:pt idx="2001">
                  <c:v>727</c:v>
                </c:pt>
                <c:pt idx="2002">
                  <c:v>728</c:v>
                </c:pt>
                <c:pt idx="2003">
                  <c:v>728</c:v>
                </c:pt>
                <c:pt idx="2004">
                  <c:v>729</c:v>
                </c:pt>
                <c:pt idx="2005">
                  <c:v>729</c:v>
                </c:pt>
                <c:pt idx="2006">
                  <c:v>729</c:v>
                </c:pt>
                <c:pt idx="2007">
                  <c:v>730</c:v>
                </c:pt>
                <c:pt idx="2008">
                  <c:v>730</c:v>
                </c:pt>
                <c:pt idx="2009">
                  <c:v>731</c:v>
                </c:pt>
                <c:pt idx="2010">
                  <c:v>731</c:v>
                </c:pt>
                <c:pt idx="2011">
                  <c:v>731</c:v>
                </c:pt>
                <c:pt idx="2012">
                  <c:v>732</c:v>
                </c:pt>
                <c:pt idx="2013">
                  <c:v>732</c:v>
                </c:pt>
                <c:pt idx="2014">
                  <c:v>733</c:v>
                </c:pt>
                <c:pt idx="2015">
                  <c:v>733</c:v>
                </c:pt>
                <c:pt idx="2016">
                  <c:v>734</c:v>
                </c:pt>
                <c:pt idx="2017">
                  <c:v>734</c:v>
                </c:pt>
                <c:pt idx="2018">
                  <c:v>734</c:v>
                </c:pt>
                <c:pt idx="2019">
                  <c:v>735</c:v>
                </c:pt>
                <c:pt idx="2020">
                  <c:v>735</c:v>
                </c:pt>
                <c:pt idx="2021">
                  <c:v>736</c:v>
                </c:pt>
                <c:pt idx="2022">
                  <c:v>736</c:v>
                </c:pt>
                <c:pt idx="2023">
                  <c:v>736</c:v>
                </c:pt>
                <c:pt idx="2024">
                  <c:v>737</c:v>
                </c:pt>
                <c:pt idx="2025">
                  <c:v>737</c:v>
                </c:pt>
                <c:pt idx="2026">
                  <c:v>738</c:v>
                </c:pt>
                <c:pt idx="2027">
                  <c:v>738</c:v>
                </c:pt>
                <c:pt idx="2028">
                  <c:v>739</c:v>
                </c:pt>
                <c:pt idx="2029">
                  <c:v>739</c:v>
                </c:pt>
                <c:pt idx="2030">
                  <c:v>739</c:v>
                </c:pt>
                <c:pt idx="2031">
                  <c:v>740</c:v>
                </c:pt>
                <c:pt idx="2032">
                  <c:v>740</c:v>
                </c:pt>
                <c:pt idx="2033">
                  <c:v>741</c:v>
                </c:pt>
                <c:pt idx="2034">
                  <c:v>741</c:v>
                </c:pt>
                <c:pt idx="2035">
                  <c:v>741</c:v>
                </c:pt>
                <c:pt idx="2036">
                  <c:v>742</c:v>
                </c:pt>
                <c:pt idx="2037">
                  <c:v>742</c:v>
                </c:pt>
                <c:pt idx="2038">
                  <c:v>743</c:v>
                </c:pt>
                <c:pt idx="2039">
                  <c:v>743</c:v>
                </c:pt>
                <c:pt idx="2040">
                  <c:v>744</c:v>
                </c:pt>
                <c:pt idx="2041">
                  <c:v>744</c:v>
                </c:pt>
                <c:pt idx="2042">
                  <c:v>744</c:v>
                </c:pt>
                <c:pt idx="2043">
                  <c:v>745</c:v>
                </c:pt>
                <c:pt idx="2044">
                  <c:v>745</c:v>
                </c:pt>
                <c:pt idx="2045">
                  <c:v>746</c:v>
                </c:pt>
                <c:pt idx="2046">
                  <c:v>746</c:v>
                </c:pt>
                <c:pt idx="2047">
                  <c:v>746</c:v>
                </c:pt>
                <c:pt idx="2048">
                  <c:v>747</c:v>
                </c:pt>
                <c:pt idx="2049">
                  <c:v>747</c:v>
                </c:pt>
                <c:pt idx="2050">
                  <c:v>748</c:v>
                </c:pt>
                <c:pt idx="2051">
                  <c:v>748</c:v>
                </c:pt>
                <c:pt idx="2052">
                  <c:v>749</c:v>
                </c:pt>
                <c:pt idx="2053">
                  <c:v>749</c:v>
                </c:pt>
                <c:pt idx="2054">
                  <c:v>749</c:v>
                </c:pt>
                <c:pt idx="2055">
                  <c:v>750</c:v>
                </c:pt>
                <c:pt idx="2056">
                  <c:v>750</c:v>
                </c:pt>
                <c:pt idx="2057">
                  <c:v>751</c:v>
                </c:pt>
                <c:pt idx="2058">
                  <c:v>751</c:v>
                </c:pt>
                <c:pt idx="2059">
                  <c:v>751</c:v>
                </c:pt>
                <c:pt idx="2060">
                  <c:v>752</c:v>
                </c:pt>
                <c:pt idx="2061">
                  <c:v>752</c:v>
                </c:pt>
                <c:pt idx="2062">
                  <c:v>753</c:v>
                </c:pt>
                <c:pt idx="2063">
                  <c:v>753</c:v>
                </c:pt>
                <c:pt idx="2064">
                  <c:v>754</c:v>
                </c:pt>
                <c:pt idx="2065">
                  <c:v>754</c:v>
                </c:pt>
                <c:pt idx="2066">
                  <c:v>754</c:v>
                </c:pt>
                <c:pt idx="2067">
                  <c:v>755</c:v>
                </c:pt>
                <c:pt idx="2068">
                  <c:v>755</c:v>
                </c:pt>
                <c:pt idx="2069">
                  <c:v>756</c:v>
                </c:pt>
                <c:pt idx="2070">
                  <c:v>756</c:v>
                </c:pt>
                <c:pt idx="2071">
                  <c:v>756</c:v>
                </c:pt>
                <c:pt idx="2072">
                  <c:v>757</c:v>
                </c:pt>
                <c:pt idx="2073">
                  <c:v>757</c:v>
                </c:pt>
                <c:pt idx="2074">
                  <c:v>758</c:v>
                </c:pt>
                <c:pt idx="2075">
                  <c:v>758</c:v>
                </c:pt>
                <c:pt idx="2076">
                  <c:v>759</c:v>
                </c:pt>
                <c:pt idx="2077">
                  <c:v>759</c:v>
                </c:pt>
                <c:pt idx="2078">
                  <c:v>759</c:v>
                </c:pt>
                <c:pt idx="2079">
                  <c:v>760</c:v>
                </c:pt>
                <c:pt idx="2080">
                  <c:v>760</c:v>
                </c:pt>
                <c:pt idx="2081">
                  <c:v>761</c:v>
                </c:pt>
                <c:pt idx="2082">
                  <c:v>761</c:v>
                </c:pt>
                <c:pt idx="2083">
                  <c:v>761</c:v>
                </c:pt>
                <c:pt idx="2084">
                  <c:v>762</c:v>
                </c:pt>
                <c:pt idx="2085">
                  <c:v>762</c:v>
                </c:pt>
                <c:pt idx="2086">
                  <c:v>763</c:v>
                </c:pt>
                <c:pt idx="2087">
                  <c:v>763</c:v>
                </c:pt>
                <c:pt idx="2088">
                  <c:v>764</c:v>
                </c:pt>
                <c:pt idx="2089">
                  <c:v>764</c:v>
                </c:pt>
                <c:pt idx="2090">
                  <c:v>764</c:v>
                </c:pt>
                <c:pt idx="2091">
                  <c:v>765</c:v>
                </c:pt>
                <c:pt idx="2092">
                  <c:v>765</c:v>
                </c:pt>
                <c:pt idx="2093">
                  <c:v>766</c:v>
                </c:pt>
                <c:pt idx="2094">
                  <c:v>766</c:v>
                </c:pt>
                <c:pt idx="2095">
                  <c:v>766</c:v>
                </c:pt>
                <c:pt idx="2096">
                  <c:v>767</c:v>
                </c:pt>
                <c:pt idx="2097">
                  <c:v>767</c:v>
                </c:pt>
                <c:pt idx="2098">
                  <c:v>768</c:v>
                </c:pt>
                <c:pt idx="2099">
                  <c:v>768</c:v>
                </c:pt>
                <c:pt idx="2100">
                  <c:v>769</c:v>
                </c:pt>
                <c:pt idx="2101">
                  <c:v>769</c:v>
                </c:pt>
                <c:pt idx="2102">
                  <c:v>769</c:v>
                </c:pt>
                <c:pt idx="2103">
                  <c:v>770</c:v>
                </c:pt>
                <c:pt idx="2104">
                  <c:v>770</c:v>
                </c:pt>
                <c:pt idx="2105">
                  <c:v>771</c:v>
                </c:pt>
                <c:pt idx="2106">
                  <c:v>771</c:v>
                </c:pt>
                <c:pt idx="2107">
                  <c:v>771</c:v>
                </c:pt>
                <c:pt idx="2108">
                  <c:v>772</c:v>
                </c:pt>
                <c:pt idx="2109">
                  <c:v>772</c:v>
                </c:pt>
                <c:pt idx="2110">
                  <c:v>773</c:v>
                </c:pt>
                <c:pt idx="2111">
                  <c:v>773</c:v>
                </c:pt>
                <c:pt idx="2112">
                  <c:v>774</c:v>
                </c:pt>
                <c:pt idx="2113">
                  <c:v>774</c:v>
                </c:pt>
                <c:pt idx="2114">
                  <c:v>774</c:v>
                </c:pt>
                <c:pt idx="2115">
                  <c:v>775</c:v>
                </c:pt>
                <c:pt idx="2116">
                  <c:v>775</c:v>
                </c:pt>
                <c:pt idx="2117">
                  <c:v>776</c:v>
                </c:pt>
                <c:pt idx="2118">
                  <c:v>776</c:v>
                </c:pt>
                <c:pt idx="2119">
                  <c:v>776</c:v>
                </c:pt>
                <c:pt idx="2120">
                  <c:v>777</c:v>
                </c:pt>
                <c:pt idx="2121">
                  <c:v>777</c:v>
                </c:pt>
                <c:pt idx="2122">
                  <c:v>778</c:v>
                </c:pt>
                <c:pt idx="2123">
                  <c:v>778</c:v>
                </c:pt>
                <c:pt idx="2124">
                  <c:v>779</c:v>
                </c:pt>
                <c:pt idx="2125">
                  <c:v>779</c:v>
                </c:pt>
                <c:pt idx="2126">
                  <c:v>779</c:v>
                </c:pt>
                <c:pt idx="2127">
                  <c:v>780</c:v>
                </c:pt>
                <c:pt idx="2128">
                  <c:v>780</c:v>
                </c:pt>
                <c:pt idx="2129">
                  <c:v>781</c:v>
                </c:pt>
                <c:pt idx="2130">
                  <c:v>781</c:v>
                </c:pt>
                <c:pt idx="2131">
                  <c:v>781</c:v>
                </c:pt>
                <c:pt idx="2132">
                  <c:v>782</c:v>
                </c:pt>
                <c:pt idx="2133">
                  <c:v>782</c:v>
                </c:pt>
                <c:pt idx="2134">
                  <c:v>783</c:v>
                </c:pt>
                <c:pt idx="2135">
                  <c:v>783</c:v>
                </c:pt>
                <c:pt idx="2136">
                  <c:v>784</c:v>
                </c:pt>
                <c:pt idx="2137">
                  <c:v>784</c:v>
                </c:pt>
                <c:pt idx="2138">
                  <c:v>784</c:v>
                </c:pt>
                <c:pt idx="2139">
                  <c:v>785</c:v>
                </c:pt>
                <c:pt idx="2140">
                  <c:v>785</c:v>
                </c:pt>
                <c:pt idx="2141">
                  <c:v>786</c:v>
                </c:pt>
                <c:pt idx="2142">
                  <c:v>786</c:v>
                </c:pt>
                <c:pt idx="2143">
                  <c:v>786</c:v>
                </c:pt>
                <c:pt idx="2144">
                  <c:v>787</c:v>
                </c:pt>
                <c:pt idx="2145">
                  <c:v>787</c:v>
                </c:pt>
                <c:pt idx="2146">
                  <c:v>788</c:v>
                </c:pt>
                <c:pt idx="2147">
                  <c:v>788</c:v>
                </c:pt>
                <c:pt idx="2148">
                  <c:v>789</c:v>
                </c:pt>
                <c:pt idx="2149">
                  <c:v>789</c:v>
                </c:pt>
                <c:pt idx="2150">
                  <c:v>789</c:v>
                </c:pt>
                <c:pt idx="2151">
                  <c:v>790</c:v>
                </c:pt>
                <c:pt idx="2152">
                  <c:v>790</c:v>
                </c:pt>
                <c:pt idx="2153">
                  <c:v>791</c:v>
                </c:pt>
                <c:pt idx="2154">
                  <c:v>791</c:v>
                </c:pt>
                <c:pt idx="2155">
                  <c:v>791</c:v>
                </c:pt>
                <c:pt idx="2156">
                  <c:v>792</c:v>
                </c:pt>
                <c:pt idx="2157">
                  <c:v>792</c:v>
                </c:pt>
                <c:pt idx="2158">
                  <c:v>793</c:v>
                </c:pt>
                <c:pt idx="2159">
                  <c:v>793</c:v>
                </c:pt>
                <c:pt idx="2160">
                  <c:v>794</c:v>
                </c:pt>
                <c:pt idx="2161">
                  <c:v>794</c:v>
                </c:pt>
                <c:pt idx="2162">
                  <c:v>794</c:v>
                </c:pt>
                <c:pt idx="2163">
                  <c:v>795</c:v>
                </c:pt>
                <c:pt idx="2164">
                  <c:v>795</c:v>
                </c:pt>
                <c:pt idx="2165">
                  <c:v>796</c:v>
                </c:pt>
                <c:pt idx="2166">
                  <c:v>796</c:v>
                </c:pt>
                <c:pt idx="2167">
                  <c:v>796</c:v>
                </c:pt>
                <c:pt idx="2168">
                  <c:v>797</c:v>
                </c:pt>
                <c:pt idx="2169">
                  <c:v>797</c:v>
                </c:pt>
                <c:pt idx="2170">
                  <c:v>798</c:v>
                </c:pt>
                <c:pt idx="2171">
                  <c:v>798</c:v>
                </c:pt>
                <c:pt idx="2172">
                  <c:v>799</c:v>
                </c:pt>
                <c:pt idx="2173">
                  <c:v>799</c:v>
                </c:pt>
                <c:pt idx="2174">
                  <c:v>799</c:v>
                </c:pt>
                <c:pt idx="2175">
                  <c:v>800</c:v>
                </c:pt>
                <c:pt idx="2176">
                  <c:v>800</c:v>
                </c:pt>
                <c:pt idx="2177">
                  <c:v>800</c:v>
                </c:pt>
                <c:pt idx="2178">
                  <c:v>800</c:v>
                </c:pt>
                <c:pt idx="2179">
                  <c:v>800</c:v>
                </c:pt>
                <c:pt idx="2180">
                  <c:v>800</c:v>
                </c:pt>
                <c:pt idx="2181">
                  <c:v>800</c:v>
                </c:pt>
                <c:pt idx="2182">
                  <c:v>800</c:v>
                </c:pt>
                <c:pt idx="2183">
                  <c:v>800</c:v>
                </c:pt>
                <c:pt idx="2184">
                  <c:v>800</c:v>
                </c:pt>
                <c:pt idx="2185">
                  <c:v>800</c:v>
                </c:pt>
                <c:pt idx="2186">
                  <c:v>800</c:v>
                </c:pt>
                <c:pt idx="2187">
                  <c:v>800</c:v>
                </c:pt>
                <c:pt idx="2188">
                  <c:v>800</c:v>
                </c:pt>
                <c:pt idx="2189">
                  <c:v>800</c:v>
                </c:pt>
                <c:pt idx="2190">
                  <c:v>800</c:v>
                </c:pt>
                <c:pt idx="2191">
                  <c:v>800</c:v>
                </c:pt>
                <c:pt idx="2192">
                  <c:v>800</c:v>
                </c:pt>
                <c:pt idx="2193">
                  <c:v>800</c:v>
                </c:pt>
                <c:pt idx="2194">
                  <c:v>800</c:v>
                </c:pt>
                <c:pt idx="2195">
                  <c:v>800</c:v>
                </c:pt>
                <c:pt idx="2196">
                  <c:v>800</c:v>
                </c:pt>
                <c:pt idx="2197">
                  <c:v>800</c:v>
                </c:pt>
                <c:pt idx="2198">
                  <c:v>800</c:v>
                </c:pt>
                <c:pt idx="2199">
                  <c:v>800</c:v>
                </c:pt>
                <c:pt idx="2200">
                  <c:v>800</c:v>
                </c:pt>
                <c:pt idx="2201">
                  <c:v>800</c:v>
                </c:pt>
                <c:pt idx="2202">
                  <c:v>800</c:v>
                </c:pt>
                <c:pt idx="2203">
                  <c:v>800</c:v>
                </c:pt>
                <c:pt idx="2204">
                  <c:v>800</c:v>
                </c:pt>
                <c:pt idx="2205">
                  <c:v>800</c:v>
                </c:pt>
                <c:pt idx="2206">
                  <c:v>800</c:v>
                </c:pt>
                <c:pt idx="2207">
                  <c:v>800</c:v>
                </c:pt>
                <c:pt idx="2208">
                  <c:v>800</c:v>
                </c:pt>
                <c:pt idx="2209">
                  <c:v>800</c:v>
                </c:pt>
                <c:pt idx="2210">
                  <c:v>800</c:v>
                </c:pt>
                <c:pt idx="2211">
                  <c:v>800</c:v>
                </c:pt>
                <c:pt idx="2212">
                  <c:v>800</c:v>
                </c:pt>
                <c:pt idx="2213">
                  <c:v>800</c:v>
                </c:pt>
                <c:pt idx="2214">
                  <c:v>800</c:v>
                </c:pt>
                <c:pt idx="2215">
                  <c:v>800</c:v>
                </c:pt>
                <c:pt idx="2216">
                  <c:v>800</c:v>
                </c:pt>
                <c:pt idx="2217">
                  <c:v>800</c:v>
                </c:pt>
                <c:pt idx="2218">
                  <c:v>800</c:v>
                </c:pt>
                <c:pt idx="2219">
                  <c:v>800</c:v>
                </c:pt>
                <c:pt idx="2220">
                  <c:v>800</c:v>
                </c:pt>
                <c:pt idx="2221">
                  <c:v>800</c:v>
                </c:pt>
                <c:pt idx="2222">
                  <c:v>800</c:v>
                </c:pt>
                <c:pt idx="2223">
                  <c:v>800</c:v>
                </c:pt>
                <c:pt idx="2224">
                  <c:v>800</c:v>
                </c:pt>
                <c:pt idx="2225">
                  <c:v>800</c:v>
                </c:pt>
                <c:pt idx="2226">
                  <c:v>800</c:v>
                </c:pt>
                <c:pt idx="2227">
                  <c:v>800</c:v>
                </c:pt>
                <c:pt idx="2228">
                  <c:v>800</c:v>
                </c:pt>
                <c:pt idx="2229">
                  <c:v>800</c:v>
                </c:pt>
                <c:pt idx="2230">
                  <c:v>800</c:v>
                </c:pt>
                <c:pt idx="2231">
                  <c:v>800</c:v>
                </c:pt>
                <c:pt idx="2232">
                  <c:v>800</c:v>
                </c:pt>
                <c:pt idx="2233">
                  <c:v>800</c:v>
                </c:pt>
                <c:pt idx="2234">
                  <c:v>800</c:v>
                </c:pt>
                <c:pt idx="2235">
                  <c:v>800</c:v>
                </c:pt>
                <c:pt idx="2236">
                  <c:v>800</c:v>
                </c:pt>
                <c:pt idx="2237">
                  <c:v>800</c:v>
                </c:pt>
                <c:pt idx="2238">
                  <c:v>800</c:v>
                </c:pt>
                <c:pt idx="2239">
                  <c:v>800</c:v>
                </c:pt>
                <c:pt idx="2240">
                  <c:v>800</c:v>
                </c:pt>
                <c:pt idx="2241">
                  <c:v>800</c:v>
                </c:pt>
                <c:pt idx="2242">
                  <c:v>800</c:v>
                </c:pt>
                <c:pt idx="2243">
                  <c:v>800</c:v>
                </c:pt>
                <c:pt idx="2244">
                  <c:v>800</c:v>
                </c:pt>
                <c:pt idx="2245">
                  <c:v>800</c:v>
                </c:pt>
                <c:pt idx="2246">
                  <c:v>800</c:v>
                </c:pt>
                <c:pt idx="2247">
                  <c:v>800</c:v>
                </c:pt>
                <c:pt idx="2248">
                  <c:v>800</c:v>
                </c:pt>
                <c:pt idx="2249">
                  <c:v>800</c:v>
                </c:pt>
                <c:pt idx="2250">
                  <c:v>800</c:v>
                </c:pt>
                <c:pt idx="2251">
                  <c:v>800</c:v>
                </c:pt>
                <c:pt idx="2252">
                  <c:v>800</c:v>
                </c:pt>
                <c:pt idx="2253">
                  <c:v>800</c:v>
                </c:pt>
                <c:pt idx="2254">
                  <c:v>800</c:v>
                </c:pt>
                <c:pt idx="2255">
                  <c:v>800</c:v>
                </c:pt>
                <c:pt idx="2256">
                  <c:v>800</c:v>
                </c:pt>
                <c:pt idx="2257">
                  <c:v>800</c:v>
                </c:pt>
                <c:pt idx="2258">
                  <c:v>800</c:v>
                </c:pt>
                <c:pt idx="2259">
                  <c:v>800</c:v>
                </c:pt>
                <c:pt idx="2260">
                  <c:v>800</c:v>
                </c:pt>
                <c:pt idx="2261">
                  <c:v>800</c:v>
                </c:pt>
                <c:pt idx="2262">
                  <c:v>800</c:v>
                </c:pt>
                <c:pt idx="2263">
                  <c:v>800</c:v>
                </c:pt>
                <c:pt idx="2264">
                  <c:v>800</c:v>
                </c:pt>
                <c:pt idx="2265">
                  <c:v>800</c:v>
                </c:pt>
                <c:pt idx="2266">
                  <c:v>800</c:v>
                </c:pt>
                <c:pt idx="2267">
                  <c:v>800</c:v>
                </c:pt>
                <c:pt idx="2268">
                  <c:v>800</c:v>
                </c:pt>
                <c:pt idx="2269">
                  <c:v>800</c:v>
                </c:pt>
                <c:pt idx="2270">
                  <c:v>800</c:v>
                </c:pt>
                <c:pt idx="2271">
                  <c:v>800</c:v>
                </c:pt>
                <c:pt idx="2272">
                  <c:v>800</c:v>
                </c:pt>
                <c:pt idx="2273">
                  <c:v>800</c:v>
                </c:pt>
                <c:pt idx="2274">
                  <c:v>800</c:v>
                </c:pt>
                <c:pt idx="2275">
                  <c:v>800</c:v>
                </c:pt>
                <c:pt idx="2276">
                  <c:v>800</c:v>
                </c:pt>
                <c:pt idx="2277">
                  <c:v>800</c:v>
                </c:pt>
                <c:pt idx="2278">
                  <c:v>800</c:v>
                </c:pt>
                <c:pt idx="2279">
                  <c:v>800</c:v>
                </c:pt>
                <c:pt idx="2280">
                  <c:v>800</c:v>
                </c:pt>
                <c:pt idx="2281">
                  <c:v>800</c:v>
                </c:pt>
                <c:pt idx="2282">
                  <c:v>800</c:v>
                </c:pt>
                <c:pt idx="2283">
                  <c:v>800</c:v>
                </c:pt>
                <c:pt idx="2284">
                  <c:v>800</c:v>
                </c:pt>
                <c:pt idx="2285">
                  <c:v>800</c:v>
                </c:pt>
                <c:pt idx="2286">
                  <c:v>800</c:v>
                </c:pt>
                <c:pt idx="2287">
                  <c:v>800</c:v>
                </c:pt>
                <c:pt idx="2288">
                  <c:v>800</c:v>
                </c:pt>
                <c:pt idx="2289">
                  <c:v>800</c:v>
                </c:pt>
                <c:pt idx="2290">
                  <c:v>800</c:v>
                </c:pt>
                <c:pt idx="2291">
                  <c:v>800</c:v>
                </c:pt>
                <c:pt idx="2292">
                  <c:v>800</c:v>
                </c:pt>
                <c:pt idx="2293">
                  <c:v>800</c:v>
                </c:pt>
                <c:pt idx="2294">
                  <c:v>800</c:v>
                </c:pt>
                <c:pt idx="2295">
                  <c:v>800</c:v>
                </c:pt>
                <c:pt idx="2296">
                  <c:v>800</c:v>
                </c:pt>
                <c:pt idx="2297">
                  <c:v>800</c:v>
                </c:pt>
                <c:pt idx="2298">
                  <c:v>800</c:v>
                </c:pt>
                <c:pt idx="2299">
                  <c:v>800</c:v>
                </c:pt>
                <c:pt idx="2300">
                  <c:v>800</c:v>
                </c:pt>
                <c:pt idx="2301">
                  <c:v>800</c:v>
                </c:pt>
                <c:pt idx="2302">
                  <c:v>800</c:v>
                </c:pt>
                <c:pt idx="2303">
                  <c:v>800</c:v>
                </c:pt>
                <c:pt idx="2304">
                  <c:v>800</c:v>
                </c:pt>
                <c:pt idx="2305">
                  <c:v>800</c:v>
                </c:pt>
                <c:pt idx="2306">
                  <c:v>800</c:v>
                </c:pt>
                <c:pt idx="2307">
                  <c:v>800</c:v>
                </c:pt>
                <c:pt idx="2308">
                  <c:v>800</c:v>
                </c:pt>
                <c:pt idx="2309">
                  <c:v>800</c:v>
                </c:pt>
                <c:pt idx="2310">
                  <c:v>800</c:v>
                </c:pt>
                <c:pt idx="2311">
                  <c:v>800</c:v>
                </c:pt>
                <c:pt idx="2312">
                  <c:v>800</c:v>
                </c:pt>
                <c:pt idx="2313">
                  <c:v>800</c:v>
                </c:pt>
                <c:pt idx="2314">
                  <c:v>800</c:v>
                </c:pt>
                <c:pt idx="2315">
                  <c:v>800</c:v>
                </c:pt>
                <c:pt idx="2316">
                  <c:v>800</c:v>
                </c:pt>
                <c:pt idx="2317">
                  <c:v>800</c:v>
                </c:pt>
                <c:pt idx="2318">
                  <c:v>800</c:v>
                </c:pt>
                <c:pt idx="2319">
                  <c:v>800</c:v>
                </c:pt>
                <c:pt idx="2320">
                  <c:v>800</c:v>
                </c:pt>
                <c:pt idx="2321">
                  <c:v>800</c:v>
                </c:pt>
                <c:pt idx="2322">
                  <c:v>800</c:v>
                </c:pt>
                <c:pt idx="2323">
                  <c:v>800</c:v>
                </c:pt>
                <c:pt idx="2324">
                  <c:v>800</c:v>
                </c:pt>
                <c:pt idx="2325">
                  <c:v>800</c:v>
                </c:pt>
                <c:pt idx="2326">
                  <c:v>800</c:v>
                </c:pt>
                <c:pt idx="2327">
                  <c:v>800</c:v>
                </c:pt>
                <c:pt idx="2328">
                  <c:v>800</c:v>
                </c:pt>
                <c:pt idx="2329">
                  <c:v>800</c:v>
                </c:pt>
                <c:pt idx="2330">
                  <c:v>800</c:v>
                </c:pt>
                <c:pt idx="2331">
                  <c:v>800</c:v>
                </c:pt>
                <c:pt idx="2332">
                  <c:v>800</c:v>
                </c:pt>
                <c:pt idx="2333">
                  <c:v>800</c:v>
                </c:pt>
                <c:pt idx="2334">
                  <c:v>800</c:v>
                </c:pt>
                <c:pt idx="2335">
                  <c:v>800</c:v>
                </c:pt>
                <c:pt idx="2336">
                  <c:v>800</c:v>
                </c:pt>
                <c:pt idx="2337">
                  <c:v>800</c:v>
                </c:pt>
                <c:pt idx="2338">
                  <c:v>800</c:v>
                </c:pt>
                <c:pt idx="2339">
                  <c:v>800</c:v>
                </c:pt>
                <c:pt idx="2340">
                  <c:v>800</c:v>
                </c:pt>
                <c:pt idx="2341">
                  <c:v>800</c:v>
                </c:pt>
                <c:pt idx="2342">
                  <c:v>800</c:v>
                </c:pt>
                <c:pt idx="2343">
                  <c:v>800</c:v>
                </c:pt>
                <c:pt idx="2344">
                  <c:v>800</c:v>
                </c:pt>
                <c:pt idx="2345">
                  <c:v>800</c:v>
                </c:pt>
                <c:pt idx="2346">
                  <c:v>800</c:v>
                </c:pt>
                <c:pt idx="2347">
                  <c:v>800</c:v>
                </c:pt>
                <c:pt idx="2348">
                  <c:v>800</c:v>
                </c:pt>
                <c:pt idx="2349">
                  <c:v>800</c:v>
                </c:pt>
                <c:pt idx="2350">
                  <c:v>800</c:v>
                </c:pt>
                <c:pt idx="2351">
                  <c:v>800</c:v>
                </c:pt>
                <c:pt idx="2352">
                  <c:v>800</c:v>
                </c:pt>
                <c:pt idx="2353">
                  <c:v>800</c:v>
                </c:pt>
                <c:pt idx="2354">
                  <c:v>800</c:v>
                </c:pt>
                <c:pt idx="2355">
                  <c:v>800</c:v>
                </c:pt>
                <c:pt idx="2356">
                  <c:v>800</c:v>
                </c:pt>
                <c:pt idx="2357">
                  <c:v>800</c:v>
                </c:pt>
                <c:pt idx="2358">
                  <c:v>800</c:v>
                </c:pt>
                <c:pt idx="2359">
                  <c:v>800</c:v>
                </c:pt>
                <c:pt idx="2360">
                  <c:v>800</c:v>
                </c:pt>
                <c:pt idx="2361">
                  <c:v>800</c:v>
                </c:pt>
                <c:pt idx="2362">
                  <c:v>800</c:v>
                </c:pt>
                <c:pt idx="2363">
                  <c:v>800</c:v>
                </c:pt>
                <c:pt idx="2364">
                  <c:v>800</c:v>
                </c:pt>
                <c:pt idx="2365">
                  <c:v>800</c:v>
                </c:pt>
                <c:pt idx="2366">
                  <c:v>800</c:v>
                </c:pt>
                <c:pt idx="2367">
                  <c:v>800</c:v>
                </c:pt>
                <c:pt idx="2368">
                  <c:v>800</c:v>
                </c:pt>
                <c:pt idx="2369">
                  <c:v>800</c:v>
                </c:pt>
                <c:pt idx="2370">
                  <c:v>800</c:v>
                </c:pt>
                <c:pt idx="2371">
                  <c:v>800</c:v>
                </c:pt>
                <c:pt idx="2372">
                  <c:v>800</c:v>
                </c:pt>
                <c:pt idx="2373">
                  <c:v>800</c:v>
                </c:pt>
                <c:pt idx="2374">
                  <c:v>800</c:v>
                </c:pt>
                <c:pt idx="2375">
                  <c:v>800</c:v>
                </c:pt>
                <c:pt idx="2376">
                  <c:v>800</c:v>
                </c:pt>
                <c:pt idx="2377">
                  <c:v>800</c:v>
                </c:pt>
                <c:pt idx="2378">
                  <c:v>800</c:v>
                </c:pt>
                <c:pt idx="2379">
                  <c:v>800</c:v>
                </c:pt>
                <c:pt idx="2380">
                  <c:v>800</c:v>
                </c:pt>
                <c:pt idx="2381">
                  <c:v>800</c:v>
                </c:pt>
                <c:pt idx="2382">
                  <c:v>800</c:v>
                </c:pt>
                <c:pt idx="2383">
                  <c:v>800</c:v>
                </c:pt>
                <c:pt idx="2384">
                  <c:v>800</c:v>
                </c:pt>
                <c:pt idx="2385">
                  <c:v>800</c:v>
                </c:pt>
                <c:pt idx="2386">
                  <c:v>800</c:v>
                </c:pt>
                <c:pt idx="2387">
                  <c:v>800</c:v>
                </c:pt>
                <c:pt idx="2388">
                  <c:v>800</c:v>
                </c:pt>
                <c:pt idx="2389">
                  <c:v>800</c:v>
                </c:pt>
                <c:pt idx="2390">
                  <c:v>800</c:v>
                </c:pt>
                <c:pt idx="2391">
                  <c:v>800</c:v>
                </c:pt>
                <c:pt idx="2392">
                  <c:v>800</c:v>
                </c:pt>
                <c:pt idx="2393">
                  <c:v>800</c:v>
                </c:pt>
                <c:pt idx="2394">
                  <c:v>800</c:v>
                </c:pt>
                <c:pt idx="2395">
                  <c:v>800</c:v>
                </c:pt>
                <c:pt idx="2396">
                  <c:v>800</c:v>
                </c:pt>
                <c:pt idx="2397">
                  <c:v>800</c:v>
                </c:pt>
                <c:pt idx="2398">
                  <c:v>800</c:v>
                </c:pt>
                <c:pt idx="2399">
                  <c:v>800</c:v>
                </c:pt>
                <c:pt idx="2400">
                  <c:v>800</c:v>
                </c:pt>
                <c:pt idx="2401">
                  <c:v>800</c:v>
                </c:pt>
                <c:pt idx="2402">
                  <c:v>800</c:v>
                </c:pt>
                <c:pt idx="2403">
                  <c:v>800</c:v>
                </c:pt>
                <c:pt idx="2404">
                  <c:v>800</c:v>
                </c:pt>
                <c:pt idx="2405">
                  <c:v>800</c:v>
                </c:pt>
                <c:pt idx="2406">
                  <c:v>800</c:v>
                </c:pt>
                <c:pt idx="2407">
                  <c:v>800</c:v>
                </c:pt>
                <c:pt idx="2408">
                  <c:v>800</c:v>
                </c:pt>
                <c:pt idx="2409">
                  <c:v>800</c:v>
                </c:pt>
                <c:pt idx="2410">
                  <c:v>800</c:v>
                </c:pt>
                <c:pt idx="2411">
                  <c:v>800</c:v>
                </c:pt>
                <c:pt idx="2412">
                  <c:v>800</c:v>
                </c:pt>
                <c:pt idx="2413">
                  <c:v>800</c:v>
                </c:pt>
                <c:pt idx="2414">
                  <c:v>800</c:v>
                </c:pt>
                <c:pt idx="2415">
                  <c:v>800</c:v>
                </c:pt>
                <c:pt idx="2416">
                  <c:v>800</c:v>
                </c:pt>
                <c:pt idx="2417">
                  <c:v>800</c:v>
                </c:pt>
                <c:pt idx="2418">
                  <c:v>800</c:v>
                </c:pt>
                <c:pt idx="2419">
                  <c:v>800</c:v>
                </c:pt>
                <c:pt idx="2420">
                  <c:v>800</c:v>
                </c:pt>
                <c:pt idx="2421">
                  <c:v>800</c:v>
                </c:pt>
                <c:pt idx="2422">
                  <c:v>800</c:v>
                </c:pt>
                <c:pt idx="2423">
                  <c:v>800</c:v>
                </c:pt>
                <c:pt idx="2424">
                  <c:v>800</c:v>
                </c:pt>
                <c:pt idx="2425">
                  <c:v>800</c:v>
                </c:pt>
                <c:pt idx="2426">
                  <c:v>800</c:v>
                </c:pt>
                <c:pt idx="2427">
                  <c:v>800</c:v>
                </c:pt>
                <c:pt idx="2428">
                  <c:v>800</c:v>
                </c:pt>
                <c:pt idx="2429">
                  <c:v>800</c:v>
                </c:pt>
                <c:pt idx="2430">
                  <c:v>800</c:v>
                </c:pt>
                <c:pt idx="2431">
                  <c:v>800</c:v>
                </c:pt>
                <c:pt idx="2432">
                  <c:v>800</c:v>
                </c:pt>
                <c:pt idx="2433">
                  <c:v>800</c:v>
                </c:pt>
                <c:pt idx="2434">
                  <c:v>800</c:v>
                </c:pt>
                <c:pt idx="2435">
                  <c:v>800</c:v>
                </c:pt>
                <c:pt idx="2436">
                  <c:v>800</c:v>
                </c:pt>
                <c:pt idx="2437">
                  <c:v>800</c:v>
                </c:pt>
                <c:pt idx="2438">
                  <c:v>800</c:v>
                </c:pt>
                <c:pt idx="2439">
                  <c:v>800</c:v>
                </c:pt>
                <c:pt idx="2440">
                  <c:v>800</c:v>
                </c:pt>
                <c:pt idx="2441">
                  <c:v>800</c:v>
                </c:pt>
                <c:pt idx="2442">
                  <c:v>800</c:v>
                </c:pt>
                <c:pt idx="2443">
                  <c:v>800</c:v>
                </c:pt>
                <c:pt idx="2444">
                  <c:v>800</c:v>
                </c:pt>
                <c:pt idx="2445">
                  <c:v>800</c:v>
                </c:pt>
                <c:pt idx="2446">
                  <c:v>800</c:v>
                </c:pt>
                <c:pt idx="2447">
                  <c:v>800</c:v>
                </c:pt>
                <c:pt idx="2448">
                  <c:v>800</c:v>
                </c:pt>
                <c:pt idx="2449">
                  <c:v>800</c:v>
                </c:pt>
                <c:pt idx="2450">
                  <c:v>800</c:v>
                </c:pt>
                <c:pt idx="2451">
                  <c:v>800</c:v>
                </c:pt>
                <c:pt idx="2452">
                  <c:v>800</c:v>
                </c:pt>
                <c:pt idx="2453">
                  <c:v>800</c:v>
                </c:pt>
                <c:pt idx="2454">
                  <c:v>800</c:v>
                </c:pt>
                <c:pt idx="2455">
                  <c:v>800</c:v>
                </c:pt>
                <c:pt idx="2456">
                  <c:v>800</c:v>
                </c:pt>
                <c:pt idx="2457">
                  <c:v>800</c:v>
                </c:pt>
                <c:pt idx="2458">
                  <c:v>800</c:v>
                </c:pt>
                <c:pt idx="2459">
                  <c:v>800</c:v>
                </c:pt>
                <c:pt idx="2460">
                  <c:v>800</c:v>
                </c:pt>
                <c:pt idx="2461">
                  <c:v>800</c:v>
                </c:pt>
                <c:pt idx="2462">
                  <c:v>800</c:v>
                </c:pt>
                <c:pt idx="2463">
                  <c:v>800</c:v>
                </c:pt>
                <c:pt idx="2464">
                  <c:v>800</c:v>
                </c:pt>
                <c:pt idx="2465">
                  <c:v>800</c:v>
                </c:pt>
                <c:pt idx="2466">
                  <c:v>800</c:v>
                </c:pt>
                <c:pt idx="2467">
                  <c:v>800</c:v>
                </c:pt>
                <c:pt idx="2468">
                  <c:v>800</c:v>
                </c:pt>
                <c:pt idx="2469">
                  <c:v>800</c:v>
                </c:pt>
                <c:pt idx="2470">
                  <c:v>800</c:v>
                </c:pt>
                <c:pt idx="2471">
                  <c:v>800</c:v>
                </c:pt>
                <c:pt idx="2472">
                  <c:v>800</c:v>
                </c:pt>
                <c:pt idx="2473">
                  <c:v>800</c:v>
                </c:pt>
                <c:pt idx="2474">
                  <c:v>800</c:v>
                </c:pt>
                <c:pt idx="2475">
                  <c:v>80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1BD-40A0-8139-9F5E0932B95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03928639"/>
        <c:axId val="930832319"/>
      </c:scatterChart>
      <c:valAx>
        <c:axId val="803928639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30832319"/>
        <c:crosses val="autoZero"/>
        <c:crossBetween val="midCat"/>
      </c:valAx>
      <c:valAx>
        <c:axId val="930832319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03928639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3173693132108488"/>
          <c:y val="6.0734805396874141E-2"/>
          <c:w val="0.78064566929133861"/>
          <c:h val="0.74250787401574803"/>
        </c:manualLayout>
      </c:layout>
      <c:scatterChart>
        <c:scatterStyle val="lineMarker"/>
        <c:varyColors val="0"/>
        <c:ser>
          <c:idx val="3"/>
          <c:order val="0"/>
          <c:tx>
            <c:strRef>
              <c:f>'Fig 6'!$P$7</c:f>
              <c:strCache>
                <c:ptCount val="1"/>
                <c:pt idx="0">
                  <c:v>SBA-P-TA</c:v>
                </c:pt>
              </c:strCache>
            </c:strRef>
          </c:tx>
          <c:marker>
            <c:symbol val="none"/>
          </c:marker>
          <c:xVal>
            <c:numRef>
              <c:f>'Fig 6'!$Q$9:$Q$3492</c:f>
              <c:numCache>
                <c:formatCode>General</c:formatCode>
                <c:ptCount val="3484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  <c:pt idx="5">
                  <c:v>100</c:v>
                </c:pt>
                <c:pt idx="6">
                  <c:v>101</c:v>
                </c:pt>
                <c:pt idx="7">
                  <c:v>101</c:v>
                </c:pt>
                <c:pt idx="8">
                  <c:v>101</c:v>
                </c:pt>
                <c:pt idx="9">
                  <c:v>101</c:v>
                </c:pt>
                <c:pt idx="10">
                  <c:v>101</c:v>
                </c:pt>
                <c:pt idx="11">
                  <c:v>101</c:v>
                </c:pt>
                <c:pt idx="12">
                  <c:v>102</c:v>
                </c:pt>
                <c:pt idx="13">
                  <c:v>102</c:v>
                </c:pt>
                <c:pt idx="14">
                  <c:v>102</c:v>
                </c:pt>
                <c:pt idx="15">
                  <c:v>102</c:v>
                </c:pt>
                <c:pt idx="16">
                  <c:v>102</c:v>
                </c:pt>
                <c:pt idx="17">
                  <c:v>102</c:v>
                </c:pt>
                <c:pt idx="18">
                  <c:v>103</c:v>
                </c:pt>
                <c:pt idx="19">
                  <c:v>103</c:v>
                </c:pt>
                <c:pt idx="20">
                  <c:v>103</c:v>
                </c:pt>
                <c:pt idx="21">
                  <c:v>103</c:v>
                </c:pt>
                <c:pt idx="22">
                  <c:v>103</c:v>
                </c:pt>
                <c:pt idx="23">
                  <c:v>103</c:v>
                </c:pt>
                <c:pt idx="24">
                  <c:v>104</c:v>
                </c:pt>
                <c:pt idx="25">
                  <c:v>104</c:v>
                </c:pt>
                <c:pt idx="26">
                  <c:v>104</c:v>
                </c:pt>
                <c:pt idx="27">
                  <c:v>104</c:v>
                </c:pt>
                <c:pt idx="28">
                  <c:v>104</c:v>
                </c:pt>
                <c:pt idx="29">
                  <c:v>104</c:v>
                </c:pt>
                <c:pt idx="30">
                  <c:v>105</c:v>
                </c:pt>
                <c:pt idx="31">
                  <c:v>105</c:v>
                </c:pt>
                <c:pt idx="32">
                  <c:v>105</c:v>
                </c:pt>
                <c:pt idx="33">
                  <c:v>105</c:v>
                </c:pt>
                <c:pt idx="34">
                  <c:v>105</c:v>
                </c:pt>
                <c:pt idx="35">
                  <c:v>105</c:v>
                </c:pt>
                <c:pt idx="36">
                  <c:v>106</c:v>
                </c:pt>
                <c:pt idx="37">
                  <c:v>106</c:v>
                </c:pt>
                <c:pt idx="38">
                  <c:v>106</c:v>
                </c:pt>
                <c:pt idx="39">
                  <c:v>106</c:v>
                </c:pt>
                <c:pt idx="40">
                  <c:v>106</c:v>
                </c:pt>
                <c:pt idx="41">
                  <c:v>106</c:v>
                </c:pt>
                <c:pt idx="42">
                  <c:v>107</c:v>
                </c:pt>
                <c:pt idx="43">
                  <c:v>107</c:v>
                </c:pt>
                <c:pt idx="44">
                  <c:v>107</c:v>
                </c:pt>
                <c:pt idx="45">
                  <c:v>107</c:v>
                </c:pt>
                <c:pt idx="46">
                  <c:v>107</c:v>
                </c:pt>
                <c:pt idx="47">
                  <c:v>107</c:v>
                </c:pt>
                <c:pt idx="48">
                  <c:v>108</c:v>
                </c:pt>
                <c:pt idx="49">
                  <c:v>108</c:v>
                </c:pt>
                <c:pt idx="50">
                  <c:v>108</c:v>
                </c:pt>
                <c:pt idx="51">
                  <c:v>108</c:v>
                </c:pt>
                <c:pt idx="52">
                  <c:v>108</c:v>
                </c:pt>
                <c:pt idx="53">
                  <c:v>108</c:v>
                </c:pt>
                <c:pt idx="54">
                  <c:v>109</c:v>
                </c:pt>
                <c:pt idx="55">
                  <c:v>109</c:v>
                </c:pt>
                <c:pt idx="56">
                  <c:v>109</c:v>
                </c:pt>
                <c:pt idx="57">
                  <c:v>109</c:v>
                </c:pt>
                <c:pt idx="58">
                  <c:v>109</c:v>
                </c:pt>
                <c:pt idx="59">
                  <c:v>109</c:v>
                </c:pt>
                <c:pt idx="60">
                  <c:v>110</c:v>
                </c:pt>
                <c:pt idx="61">
                  <c:v>110</c:v>
                </c:pt>
                <c:pt idx="62">
                  <c:v>110</c:v>
                </c:pt>
                <c:pt idx="63">
                  <c:v>110</c:v>
                </c:pt>
                <c:pt idx="64">
                  <c:v>110</c:v>
                </c:pt>
                <c:pt idx="65">
                  <c:v>110</c:v>
                </c:pt>
                <c:pt idx="66">
                  <c:v>111</c:v>
                </c:pt>
                <c:pt idx="67">
                  <c:v>111</c:v>
                </c:pt>
                <c:pt idx="68">
                  <c:v>111</c:v>
                </c:pt>
                <c:pt idx="69">
                  <c:v>111</c:v>
                </c:pt>
                <c:pt idx="70">
                  <c:v>111</c:v>
                </c:pt>
                <c:pt idx="71">
                  <c:v>111</c:v>
                </c:pt>
                <c:pt idx="72">
                  <c:v>112</c:v>
                </c:pt>
                <c:pt idx="73">
                  <c:v>112</c:v>
                </c:pt>
                <c:pt idx="74">
                  <c:v>112</c:v>
                </c:pt>
                <c:pt idx="75">
                  <c:v>112</c:v>
                </c:pt>
                <c:pt idx="76">
                  <c:v>112</c:v>
                </c:pt>
                <c:pt idx="77">
                  <c:v>112</c:v>
                </c:pt>
                <c:pt idx="78">
                  <c:v>113</c:v>
                </c:pt>
                <c:pt idx="79">
                  <c:v>113</c:v>
                </c:pt>
                <c:pt idx="80">
                  <c:v>113</c:v>
                </c:pt>
                <c:pt idx="81">
                  <c:v>113</c:v>
                </c:pt>
                <c:pt idx="82">
                  <c:v>113</c:v>
                </c:pt>
                <c:pt idx="83">
                  <c:v>113</c:v>
                </c:pt>
                <c:pt idx="84">
                  <c:v>114</c:v>
                </c:pt>
                <c:pt idx="85">
                  <c:v>114</c:v>
                </c:pt>
                <c:pt idx="86">
                  <c:v>114</c:v>
                </c:pt>
                <c:pt idx="87">
                  <c:v>114</c:v>
                </c:pt>
                <c:pt idx="88">
                  <c:v>114</c:v>
                </c:pt>
                <c:pt idx="89">
                  <c:v>114</c:v>
                </c:pt>
                <c:pt idx="90">
                  <c:v>115</c:v>
                </c:pt>
                <c:pt idx="91">
                  <c:v>115</c:v>
                </c:pt>
                <c:pt idx="92">
                  <c:v>115</c:v>
                </c:pt>
                <c:pt idx="93">
                  <c:v>115</c:v>
                </c:pt>
                <c:pt idx="94">
                  <c:v>115</c:v>
                </c:pt>
                <c:pt idx="95">
                  <c:v>115</c:v>
                </c:pt>
                <c:pt idx="96">
                  <c:v>116</c:v>
                </c:pt>
                <c:pt idx="97">
                  <c:v>116</c:v>
                </c:pt>
                <c:pt idx="98">
                  <c:v>116</c:v>
                </c:pt>
                <c:pt idx="99">
                  <c:v>116</c:v>
                </c:pt>
                <c:pt idx="100">
                  <c:v>116</c:v>
                </c:pt>
                <c:pt idx="101">
                  <c:v>116</c:v>
                </c:pt>
                <c:pt idx="102">
                  <c:v>117</c:v>
                </c:pt>
                <c:pt idx="103">
                  <c:v>117</c:v>
                </c:pt>
                <c:pt idx="104">
                  <c:v>117</c:v>
                </c:pt>
                <c:pt idx="105">
                  <c:v>117</c:v>
                </c:pt>
                <c:pt idx="106">
                  <c:v>117</c:v>
                </c:pt>
                <c:pt idx="107">
                  <c:v>117</c:v>
                </c:pt>
                <c:pt idx="108">
                  <c:v>118</c:v>
                </c:pt>
                <c:pt idx="109">
                  <c:v>118</c:v>
                </c:pt>
                <c:pt idx="110">
                  <c:v>118</c:v>
                </c:pt>
                <c:pt idx="111">
                  <c:v>118</c:v>
                </c:pt>
                <c:pt idx="112">
                  <c:v>118</c:v>
                </c:pt>
                <c:pt idx="113">
                  <c:v>118</c:v>
                </c:pt>
                <c:pt idx="114">
                  <c:v>119</c:v>
                </c:pt>
                <c:pt idx="115">
                  <c:v>119</c:v>
                </c:pt>
                <c:pt idx="116">
                  <c:v>119</c:v>
                </c:pt>
                <c:pt idx="117">
                  <c:v>119</c:v>
                </c:pt>
                <c:pt idx="118">
                  <c:v>119</c:v>
                </c:pt>
                <c:pt idx="119">
                  <c:v>119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0</c:v>
                </c:pt>
                <c:pt idx="364">
                  <c:v>120</c:v>
                </c:pt>
                <c:pt idx="365">
                  <c:v>120</c:v>
                </c:pt>
                <c:pt idx="366">
                  <c:v>120</c:v>
                </c:pt>
                <c:pt idx="367">
                  <c:v>120</c:v>
                </c:pt>
                <c:pt idx="368">
                  <c:v>120</c:v>
                </c:pt>
                <c:pt idx="369">
                  <c:v>120</c:v>
                </c:pt>
                <c:pt idx="370">
                  <c:v>120</c:v>
                </c:pt>
                <c:pt idx="371">
                  <c:v>120</c:v>
                </c:pt>
                <c:pt idx="372">
                  <c:v>120</c:v>
                </c:pt>
                <c:pt idx="373">
                  <c:v>120</c:v>
                </c:pt>
                <c:pt idx="374">
                  <c:v>120</c:v>
                </c:pt>
                <c:pt idx="375">
                  <c:v>120</c:v>
                </c:pt>
                <c:pt idx="376">
                  <c:v>120</c:v>
                </c:pt>
                <c:pt idx="377">
                  <c:v>120</c:v>
                </c:pt>
                <c:pt idx="378">
                  <c:v>120</c:v>
                </c:pt>
                <c:pt idx="379">
                  <c:v>120</c:v>
                </c:pt>
                <c:pt idx="380">
                  <c:v>120</c:v>
                </c:pt>
                <c:pt idx="381">
                  <c:v>120</c:v>
                </c:pt>
                <c:pt idx="382">
                  <c:v>120</c:v>
                </c:pt>
                <c:pt idx="383">
                  <c:v>120</c:v>
                </c:pt>
                <c:pt idx="384">
                  <c:v>120</c:v>
                </c:pt>
                <c:pt idx="385">
                  <c:v>120</c:v>
                </c:pt>
                <c:pt idx="386">
                  <c:v>120</c:v>
                </c:pt>
                <c:pt idx="387">
                  <c:v>120</c:v>
                </c:pt>
                <c:pt idx="388">
                  <c:v>120</c:v>
                </c:pt>
                <c:pt idx="389">
                  <c:v>120</c:v>
                </c:pt>
                <c:pt idx="390">
                  <c:v>120</c:v>
                </c:pt>
                <c:pt idx="391">
                  <c:v>120</c:v>
                </c:pt>
                <c:pt idx="392">
                  <c:v>120</c:v>
                </c:pt>
                <c:pt idx="393">
                  <c:v>120</c:v>
                </c:pt>
                <c:pt idx="394">
                  <c:v>120</c:v>
                </c:pt>
                <c:pt idx="395">
                  <c:v>120</c:v>
                </c:pt>
                <c:pt idx="396">
                  <c:v>120</c:v>
                </c:pt>
                <c:pt idx="397">
                  <c:v>120</c:v>
                </c:pt>
                <c:pt idx="398">
                  <c:v>120</c:v>
                </c:pt>
                <c:pt idx="399">
                  <c:v>120</c:v>
                </c:pt>
                <c:pt idx="400">
                  <c:v>120</c:v>
                </c:pt>
                <c:pt idx="401">
                  <c:v>120</c:v>
                </c:pt>
                <c:pt idx="402">
                  <c:v>120</c:v>
                </c:pt>
                <c:pt idx="403">
                  <c:v>120</c:v>
                </c:pt>
                <c:pt idx="404">
                  <c:v>120</c:v>
                </c:pt>
                <c:pt idx="405">
                  <c:v>120</c:v>
                </c:pt>
                <c:pt idx="406">
                  <c:v>120</c:v>
                </c:pt>
                <c:pt idx="407">
                  <c:v>120</c:v>
                </c:pt>
                <c:pt idx="408">
                  <c:v>120</c:v>
                </c:pt>
                <c:pt idx="409">
                  <c:v>120</c:v>
                </c:pt>
                <c:pt idx="410">
                  <c:v>120</c:v>
                </c:pt>
                <c:pt idx="411">
                  <c:v>120</c:v>
                </c:pt>
                <c:pt idx="412">
                  <c:v>120</c:v>
                </c:pt>
                <c:pt idx="413">
                  <c:v>120</c:v>
                </c:pt>
                <c:pt idx="414">
                  <c:v>120</c:v>
                </c:pt>
                <c:pt idx="415">
                  <c:v>120</c:v>
                </c:pt>
                <c:pt idx="416">
                  <c:v>120</c:v>
                </c:pt>
                <c:pt idx="417">
                  <c:v>120</c:v>
                </c:pt>
                <c:pt idx="418">
                  <c:v>120</c:v>
                </c:pt>
                <c:pt idx="419">
                  <c:v>120</c:v>
                </c:pt>
                <c:pt idx="420">
                  <c:v>120</c:v>
                </c:pt>
                <c:pt idx="421">
                  <c:v>120</c:v>
                </c:pt>
                <c:pt idx="422">
                  <c:v>120</c:v>
                </c:pt>
                <c:pt idx="423">
                  <c:v>120</c:v>
                </c:pt>
                <c:pt idx="424">
                  <c:v>120</c:v>
                </c:pt>
                <c:pt idx="425">
                  <c:v>120</c:v>
                </c:pt>
                <c:pt idx="426">
                  <c:v>120</c:v>
                </c:pt>
                <c:pt idx="427">
                  <c:v>120</c:v>
                </c:pt>
                <c:pt idx="428">
                  <c:v>120</c:v>
                </c:pt>
                <c:pt idx="429">
                  <c:v>120</c:v>
                </c:pt>
                <c:pt idx="430">
                  <c:v>120</c:v>
                </c:pt>
                <c:pt idx="431">
                  <c:v>120</c:v>
                </c:pt>
                <c:pt idx="432">
                  <c:v>120</c:v>
                </c:pt>
                <c:pt idx="433">
                  <c:v>120</c:v>
                </c:pt>
                <c:pt idx="434">
                  <c:v>120</c:v>
                </c:pt>
                <c:pt idx="435">
                  <c:v>120</c:v>
                </c:pt>
                <c:pt idx="436">
                  <c:v>120</c:v>
                </c:pt>
                <c:pt idx="437">
                  <c:v>120</c:v>
                </c:pt>
                <c:pt idx="438">
                  <c:v>120</c:v>
                </c:pt>
                <c:pt idx="439">
                  <c:v>120</c:v>
                </c:pt>
                <c:pt idx="440">
                  <c:v>120</c:v>
                </c:pt>
                <c:pt idx="441">
                  <c:v>120</c:v>
                </c:pt>
                <c:pt idx="442">
                  <c:v>120</c:v>
                </c:pt>
                <c:pt idx="443">
                  <c:v>120</c:v>
                </c:pt>
                <c:pt idx="444">
                  <c:v>120</c:v>
                </c:pt>
                <c:pt idx="445">
                  <c:v>120</c:v>
                </c:pt>
                <c:pt idx="446">
                  <c:v>120</c:v>
                </c:pt>
                <c:pt idx="447">
                  <c:v>120</c:v>
                </c:pt>
                <c:pt idx="448">
                  <c:v>120</c:v>
                </c:pt>
                <c:pt idx="449">
                  <c:v>120</c:v>
                </c:pt>
                <c:pt idx="450">
                  <c:v>120</c:v>
                </c:pt>
                <c:pt idx="451">
                  <c:v>120</c:v>
                </c:pt>
                <c:pt idx="452">
                  <c:v>120</c:v>
                </c:pt>
                <c:pt idx="453">
                  <c:v>120</c:v>
                </c:pt>
                <c:pt idx="454">
                  <c:v>120</c:v>
                </c:pt>
                <c:pt idx="455">
                  <c:v>120</c:v>
                </c:pt>
                <c:pt idx="456">
                  <c:v>120</c:v>
                </c:pt>
                <c:pt idx="457">
                  <c:v>120</c:v>
                </c:pt>
                <c:pt idx="458">
                  <c:v>120</c:v>
                </c:pt>
                <c:pt idx="459">
                  <c:v>120</c:v>
                </c:pt>
                <c:pt idx="460">
                  <c:v>120</c:v>
                </c:pt>
                <c:pt idx="461">
                  <c:v>120</c:v>
                </c:pt>
                <c:pt idx="462">
                  <c:v>120</c:v>
                </c:pt>
                <c:pt idx="463">
                  <c:v>120</c:v>
                </c:pt>
                <c:pt idx="464">
                  <c:v>120</c:v>
                </c:pt>
                <c:pt idx="465">
                  <c:v>120</c:v>
                </c:pt>
                <c:pt idx="466">
                  <c:v>120</c:v>
                </c:pt>
                <c:pt idx="467">
                  <c:v>120</c:v>
                </c:pt>
                <c:pt idx="468">
                  <c:v>120</c:v>
                </c:pt>
                <c:pt idx="469">
                  <c:v>120</c:v>
                </c:pt>
                <c:pt idx="470">
                  <c:v>120</c:v>
                </c:pt>
                <c:pt idx="471">
                  <c:v>120</c:v>
                </c:pt>
                <c:pt idx="472">
                  <c:v>120</c:v>
                </c:pt>
                <c:pt idx="473">
                  <c:v>120</c:v>
                </c:pt>
                <c:pt idx="474">
                  <c:v>120</c:v>
                </c:pt>
                <c:pt idx="475">
                  <c:v>120</c:v>
                </c:pt>
                <c:pt idx="476">
                  <c:v>120</c:v>
                </c:pt>
                <c:pt idx="477">
                  <c:v>120</c:v>
                </c:pt>
                <c:pt idx="478">
                  <c:v>120</c:v>
                </c:pt>
                <c:pt idx="479">
                  <c:v>120</c:v>
                </c:pt>
                <c:pt idx="480">
                  <c:v>120</c:v>
                </c:pt>
                <c:pt idx="481">
                  <c:v>120</c:v>
                </c:pt>
                <c:pt idx="482">
                  <c:v>120</c:v>
                </c:pt>
                <c:pt idx="483">
                  <c:v>120</c:v>
                </c:pt>
                <c:pt idx="484">
                  <c:v>120</c:v>
                </c:pt>
                <c:pt idx="485">
                  <c:v>120</c:v>
                </c:pt>
                <c:pt idx="486">
                  <c:v>120</c:v>
                </c:pt>
                <c:pt idx="487">
                  <c:v>120</c:v>
                </c:pt>
                <c:pt idx="488">
                  <c:v>120</c:v>
                </c:pt>
                <c:pt idx="489">
                  <c:v>120</c:v>
                </c:pt>
                <c:pt idx="490">
                  <c:v>120</c:v>
                </c:pt>
                <c:pt idx="491">
                  <c:v>120</c:v>
                </c:pt>
                <c:pt idx="492">
                  <c:v>120</c:v>
                </c:pt>
                <c:pt idx="493">
                  <c:v>120</c:v>
                </c:pt>
                <c:pt idx="494">
                  <c:v>120</c:v>
                </c:pt>
                <c:pt idx="495">
                  <c:v>120</c:v>
                </c:pt>
                <c:pt idx="496">
                  <c:v>120</c:v>
                </c:pt>
                <c:pt idx="497">
                  <c:v>120</c:v>
                </c:pt>
                <c:pt idx="498">
                  <c:v>120</c:v>
                </c:pt>
                <c:pt idx="499">
                  <c:v>120</c:v>
                </c:pt>
                <c:pt idx="500">
                  <c:v>120</c:v>
                </c:pt>
                <c:pt idx="501">
                  <c:v>120</c:v>
                </c:pt>
                <c:pt idx="502">
                  <c:v>120</c:v>
                </c:pt>
                <c:pt idx="503">
                  <c:v>120</c:v>
                </c:pt>
                <c:pt idx="504">
                  <c:v>120</c:v>
                </c:pt>
                <c:pt idx="505">
                  <c:v>120</c:v>
                </c:pt>
                <c:pt idx="506">
                  <c:v>120</c:v>
                </c:pt>
                <c:pt idx="507">
                  <c:v>120</c:v>
                </c:pt>
                <c:pt idx="508">
                  <c:v>120</c:v>
                </c:pt>
                <c:pt idx="509">
                  <c:v>120</c:v>
                </c:pt>
                <c:pt idx="510">
                  <c:v>120</c:v>
                </c:pt>
                <c:pt idx="511">
                  <c:v>120</c:v>
                </c:pt>
                <c:pt idx="512">
                  <c:v>120</c:v>
                </c:pt>
                <c:pt idx="513">
                  <c:v>120</c:v>
                </c:pt>
                <c:pt idx="514">
                  <c:v>120</c:v>
                </c:pt>
                <c:pt idx="515">
                  <c:v>120</c:v>
                </c:pt>
                <c:pt idx="516">
                  <c:v>120</c:v>
                </c:pt>
                <c:pt idx="517">
                  <c:v>120</c:v>
                </c:pt>
                <c:pt idx="518">
                  <c:v>120</c:v>
                </c:pt>
                <c:pt idx="519">
                  <c:v>120</c:v>
                </c:pt>
                <c:pt idx="520">
                  <c:v>120</c:v>
                </c:pt>
                <c:pt idx="521">
                  <c:v>120</c:v>
                </c:pt>
                <c:pt idx="522">
                  <c:v>120</c:v>
                </c:pt>
                <c:pt idx="523">
                  <c:v>120</c:v>
                </c:pt>
                <c:pt idx="524">
                  <c:v>120</c:v>
                </c:pt>
                <c:pt idx="525">
                  <c:v>120</c:v>
                </c:pt>
                <c:pt idx="526">
                  <c:v>120</c:v>
                </c:pt>
                <c:pt idx="527">
                  <c:v>120</c:v>
                </c:pt>
                <c:pt idx="528">
                  <c:v>120</c:v>
                </c:pt>
                <c:pt idx="529">
                  <c:v>120</c:v>
                </c:pt>
                <c:pt idx="530">
                  <c:v>120</c:v>
                </c:pt>
                <c:pt idx="531">
                  <c:v>120</c:v>
                </c:pt>
                <c:pt idx="532">
                  <c:v>120</c:v>
                </c:pt>
                <c:pt idx="533">
                  <c:v>120</c:v>
                </c:pt>
                <c:pt idx="534">
                  <c:v>120</c:v>
                </c:pt>
                <c:pt idx="535">
                  <c:v>120</c:v>
                </c:pt>
                <c:pt idx="536">
                  <c:v>120</c:v>
                </c:pt>
                <c:pt idx="537">
                  <c:v>120</c:v>
                </c:pt>
                <c:pt idx="538">
                  <c:v>120</c:v>
                </c:pt>
                <c:pt idx="539">
                  <c:v>120</c:v>
                </c:pt>
                <c:pt idx="540">
                  <c:v>120</c:v>
                </c:pt>
                <c:pt idx="541">
                  <c:v>120</c:v>
                </c:pt>
                <c:pt idx="542">
                  <c:v>120</c:v>
                </c:pt>
                <c:pt idx="543">
                  <c:v>120</c:v>
                </c:pt>
                <c:pt idx="544">
                  <c:v>120</c:v>
                </c:pt>
                <c:pt idx="545">
                  <c:v>120</c:v>
                </c:pt>
                <c:pt idx="546">
                  <c:v>120</c:v>
                </c:pt>
                <c:pt idx="547">
                  <c:v>120</c:v>
                </c:pt>
                <c:pt idx="548">
                  <c:v>120</c:v>
                </c:pt>
                <c:pt idx="549">
                  <c:v>120</c:v>
                </c:pt>
                <c:pt idx="550">
                  <c:v>120</c:v>
                </c:pt>
                <c:pt idx="551">
                  <c:v>120</c:v>
                </c:pt>
                <c:pt idx="552">
                  <c:v>120</c:v>
                </c:pt>
                <c:pt idx="553">
                  <c:v>120</c:v>
                </c:pt>
                <c:pt idx="554">
                  <c:v>120</c:v>
                </c:pt>
                <c:pt idx="555">
                  <c:v>120</c:v>
                </c:pt>
                <c:pt idx="556">
                  <c:v>120</c:v>
                </c:pt>
                <c:pt idx="557">
                  <c:v>120</c:v>
                </c:pt>
                <c:pt idx="558">
                  <c:v>120</c:v>
                </c:pt>
                <c:pt idx="559">
                  <c:v>120</c:v>
                </c:pt>
                <c:pt idx="560">
                  <c:v>120</c:v>
                </c:pt>
                <c:pt idx="561">
                  <c:v>120</c:v>
                </c:pt>
                <c:pt idx="562">
                  <c:v>120</c:v>
                </c:pt>
                <c:pt idx="563">
                  <c:v>120</c:v>
                </c:pt>
                <c:pt idx="564">
                  <c:v>120</c:v>
                </c:pt>
                <c:pt idx="565">
                  <c:v>120</c:v>
                </c:pt>
                <c:pt idx="566">
                  <c:v>120</c:v>
                </c:pt>
                <c:pt idx="567">
                  <c:v>120</c:v>
                </c:pt>
                <c:pt idx="568">
                  <c:v>120</c:v>
                </c:pt>
                <c:pt idx="569">
                  <c:v>120</c:v>
                </c:pt>
                <c:pt idx="570">
                  <c:v>120</c:v>
                </c:pt>
                <c:pt idx="571">
                  <c:v>120</c:v>
                </c:pt>
                <c:pt idx="572">
                  <c:v>120</c:v>
                </c:pt>
                <c:pt idx="573">
                  <c:v>120</c:v>
                </c:pt>
                <c:pt idx="574">
                  <c:v>120</c:v>
                </c:pt>
                <c:pt idx="575">
                  <c:v>120</c:v>
                </c:pt>
                <c:pt idx="576">
                  <c:v>120</c:v>
                </c:pt>
                <c:pt idx="577">
                  <c:v>120</c:v>
                </c:pt>
                <c:pt idx="578">
                  <c:v>120</c:v>
                </c:pt>
                <c:pt idx="579">
                  <c:v>120</c:v>
                </c:pt>
                <c:pt idx="580">
                  <c:v>120</c:v>
                </c:pt>
                <c:pt idx="581">
                  <c:v>120</c:v>
                </c:pt>
                <c:pt idx="582">
                  <c:v>120</c:v>
                </c:pt>
                <c:pt idx="583">
                  <c:v>120</c:v>
                </c:pt>
                <c:pt idx="584">
                  <c:v>120</c:v>
                </c:pt>
                <c:pt idx="585">
                  <c:v>120</c:v>
                </c:pt>
                <c:pt idx="586">
                  <c:v>120</c:v>
                </c:pt>
                <c:pt idx="587">
                  <c:v>120</c:v>
                </c:pt>
                <c:pt idx="588">
                  <c:v>120</c:v>
                </c:pt>
                <c:pt idx="589">
                  <c:v>120</c:v>
                </c:pt>
                <c:pt idx="590">
                  <c:v>120</c:v>
                </c:pt>
                <c:pt idx="591">
                  <c:v>120</c:v>
                </c:pt>
                <c:pt idx="592">
                  <c:v>120</c:v>
                </c:pt>
                <c:pt idx="593">
                  <c:v>120</c:v>
                </c:pt>
                <c:pt idx="594">
                  <c:v>120</c:v>
                </c:pt>
                <c:pt idx="595">
                  <c:v>120</c:v>
                </c:pt>
                <c:pt idx="596">
                  <c:v>120</c:v>
                </c:pt>
                <c:pt idx="597">
                  <c:v>120</c:v>
                </c:pt>
                <c:pt idx="598">
                  <c:v>120</c:v>
                </c:pt>
                <c:pt idx="599">
                  <c:v>120</c:v>
                </c:pt>
                <c:pt idx="600">
                  <c:v>120</c:v>
                </c:pt>
                <c:pt idx="601">
                  <c:v>120</c:v>
                </c:pt>
                <c:pt idx="602">
                  <c:v>120</c:v>
                </c:pt>
                <c:pt idx="603">
                  <c:v>120</c:v>
                </c:pt>
                <c:pt idx="604">
                  <c:v>120</c:v>
                </c:pt>
                <c:pt idx="605">
                  <c:v>120</c:v>
                </c:pt>
                <c:pt idx="606">
                  <c:v>120</c:v>
                </c:pt>
                <c:pt idx="607">
                  <c:v>120</c:v>
                </c:pt>
                <c:pt idx="608">
                  <c:v>120</c:v>
                </c:pt>
                <c:pt idx="609">
                  <c:v>120</c:v>
                </c:pt>
                <c:pt idx="610">
                  <c:v>120</c:v>
                </c:pt>
                <c:pt idx="611">
                  <c:v>120</c:v>
                </c:pt>
                <c:pt idx="612">
                  <c:v>120</c:v>
                </c:pt>
                <c:pt idx="613">
                  <c:v>120</c:v>
                </c:pt>
                <c:pt idx="614">
                  <c:v>120</c:v>
                </c:pt>
                <c:pt idx="615">
                  <c:v>120</c:v>
                </c:pt>
                <c:pt idx="616">
                  <c:v>120</c:v>
                </c:pt>
                <c:pt idx="617">
                  <c:v>120</c:v>
                </c:pt>
                <c:pt idx="618">
                  <c:v>120</c:v>
                </c:pt>
                <c:pt idx="619">
                  <c:v>120</c:v>
                </c:pt>
                <c:pt idx="620">
                  <c:v>120</c:v>
                </c:pt>
                <c:pt idx="621">
                  <c:v>120</c:v>
                </c:pt>
                <c:pt idx="622">
                  <c:v>120</c:v>
                </c:pt>
                <c:pt idx="623">
                  <c:v>120</c:v>
                </c:pt>
                <c:pt idx="624">
                  <c:v>120</c:v>
                </c:pt>
                <c:pt idx="625">
                  <c:v>120</c:v>
                </c:pt>
                <c:pt idx="626">
                  <c:v>120</c:v>
                </c:pt>
                <c:pt idx="627">
                  <c:v>120</c:v>
                </c:pt>
                <c:pt idx="628">
                  <c:v>120</c:v>
                </c:pt>
                <c:pt idx="629">
                  <c:v>120</c:v>
                </c:pt>
                <c:pt idx="630">
                  <c:v>120</c:v>
                </c:pt>
                <c:pt idx="631">
                  <c:v>120</c:v>
                </c:pt>
                <c:pt idx="632">
                  <c:v>120</c:v>
                </c:pt>
                <c:pt idx="633">
                  <c:v>120</c:v>
                </c:pt>
                <c:pt idx="634">
                  <c:v>120</c:v>
                </c:pt>
                <c:pt idx="635">
                  <c:v>120</c:v>
                </c:pt>
                <c:pt idx="636">
                  <c:v>120</c:v>
                </c:pt>
                <c:pt idx="637">
                  <c:v>120</c:v>
                </c:pt>
                <c:pt idx="638">
                  <c:v>120</c:v>
                </c:pt>
                <c:pt idx="639">
                  <c:v>120</c:v>
                </c:pt>
                <c:pt idx="640">
                  <c:v>120</c:v>
                </c:pt>
                <c:pt idx="641">
                  <c:v>120</c:v>
                </c:pt>
                <c:pt idx="642">
                  <c:v>120</c:v>
                </c:pt>
                <c:pt idx="643">
                  <c:v>120</c:v>
                </c:pt>
                <c:pt idx="644">
                  <c:v>120</c:v>
                </c:pt>
                <c:pt idx="645">
                  <c:v>120</c:v>
                </c:pt>
                <c:pt idx="646">
                  <c:v>120</c:v>
                </c:pt>
                <c:pt idx="647">
                  <c:v>120</c:v>
                </c:pt>
                <c:pt idx="648">
                  <c:v>120</c:v>
                </c:pt>
                <c:pt idx="649">
                  <c:v>120</c:v>
                </c:pt>
                <c:pt idx="650">
                  <c:v>120</c:v>
                </c:pt>
                <c:pt idx="651">
                  <c:v>120</c:v>
                </c:pt>
                <c:pt idx="652">
                  <c:v>120</c:v>
                </c:pt>
                <c:pt idx="653">
                  <c:v>120</c:v>
                </c:pt>
                <c:pt idx="654">
                  <c:v>120</c:v>
                </c:pt>
                <c:pt idx="655">
                  <c:v>120</c:v>
                </c:pt>
                <c:pt idx="656">
                  <c:v>120</c:v>
                </c:pt>
                <c:pt idx="657">
                  <c:v>120</c:v>
                </c:pt>
                <c:pt idx="658">
                  <c:v>120</c:v>
                </c:pt>
                <c:pt idx="659">
                  <c:v>120</c:v>
                </c:pt>
                <c:pt idx="660">
                  <c:v>120</c:v>
                </c:pt>
                <c:pt idx="661">
                  <c:v>120</c:v>
                </c:pt>
                <c:pt idx="662">
                  <c:v>120</c:v>
                </c:pt>
                <c:pt idx="663">
                  <c:v>120</c:v>
                </c:pt>
                <c:pt idx="664">
                  <c:v>120</c:v>
                </c:pt>
                <c:pt idx="665">
                  <c:v>120</c:v>
                </c:pt>
                <c:pt idx="666">
                  <c:v>120</c:v>
                </c:pt>
                <c:pt idx="667">
                  <c:v>120</c:v>
                </c:pt>
                <c:pt idx="668">
                  <c:v>120</c:v>
                </c:pt>
                <c:pt idx="669">
                  <c:v>120</c:v>
                </c:pt>
                <c:pt idx="670">
                  <c:v>120</c:v>
                </c:pt>
                <c:pt idx="671">
                  <c:v>120</c:v>
                </c:pt>
                <c:pt idx="672">
                  <c:v>120</c:v>
                </c:pt>
                <c:pt idx="673">
                  <c:v>120</c:v>
                </c:pt>
                <c:pt idx="674">
                  <c:v>120</c:v>
                </c:pt>
                <c:pt idx="675">
                  <c:v>120</c:v>
                </c:pt>
                <c:pt idx="676">
                  <c:v>120</c:v>
                </c:pt>
                <c:pt idx="677">
                  <c:v>120</c:v>
                </c:pt>
                <c:pt idx="678">
                  <c:v>120</c:v>
                </c:pt>
                <c:pt idx="679">
                  <c:v>120</c:v>
                </c:pt>
                <c:pt idx="680">
                  <c:v>120</c:v>
                </c:pt>
                <c:pt idx="681">
                  <c:v>120</c:v>
                </c:pt>
                <c:pt idx="682">
                  <c:v>120</c:v>
                </c:pt>
                <c:pt idx="683">
                  <c:v>120</c:v>
                </c:pt>
                <c:pt idx="684">
                  <c:v>120</c:v>
                </c:pt>
                <c:pt idx="685">
                  <c:v>120</c:v>
                </c:pt>
                <c:pt idx="686">
                  <c:v>120</c:v>
                </c:pt>
                <c:pt idx="687">
                  <c:v>120</c:v>
                </c:pt>
                <c:pt idx="688">
                  <c:v>120</c:v>
                </c:pt>
                <c:pt idx="689">
                  <c:v>120</c:v>
                </c:pt>
                <c:pt idx="690">
                  <c:v>120</c:v>
                </c:pt>
                <c:pt idx="691">
                  <c:v>120</c:v>
                </c:pt>
                <c:pt idx="692">
                  <c:v>120</c:v>
                </c:pt>
                <c:pt idx="693">
                  <c:v>120</c:v>
                </c:pt>
                <c:pt idx="694">
                  <c:v>120</c:v>
                </c:pt>
                <c:pt idx="695">
                  <c:v>120</c:v>
                </c:pt>
                <c:pt idx="696">
                  <c:v>120</c:v>
                </c:pt>
                <c:pt idx="697">
                  <c:v>120</c:v>
                </c:pt>
                <c:pt idx="698">
                  <c:v>120</c:v>
                </c:pt>
                <c:pt idx="699">
                  <c:v>120</c:v>
                </c:pt>
                <c:pt idx="700">
                  <c:v>120</c:v>
                </c:pt>
                <c:pt idx="701">
                  <c:v>120</c:v>
                </c:pt>
                <c:pt idx="702">
                  <c:v>120</c:v>
                </c:pt>
                <c:pt idx="703">
                  <c:v>120</c:v>
                </c:pt>
                <c:pt idx="704">
                  <c:v>120</c:v>
                </c:pt>
                <c:pt idx="705">
                  <c:v>120</c:v>
                </c:pt>
                <c:pt idx="706">
                  <c:v>120</c:v>
                </c:pt>
                <c:pt idx="707">
                  <c:v>120</c:v>
                </c:pt>
                <c:pt idx="708">
                  <c:v>120</c:v>
                </c:pt>
                <c:pt idx="709">
                  <c:v>120</c:v>
                </c:pt>
                <c:pt idx="710">
                  <c:v>120</c:v>
                </c:pt>
                <c:pt idx="711">
                  <c:v>120</c:v>
                </c:pt>
                <c:pt idx="712">
                  <c:v>120</c:v>
                </c:pt>
                <c:pt idx="713">
                  <c:v>120</c:v>
                </c:pt>
                <c:pt idx="714">
                  <c:v>120</c:v>
                </c:pt>
                <c:pt idx="715">
                  <c:v>120</c:v>
                </c:pt>
                <c:pt idx="716">
                  <c:v>120</c:v>
                </c:pt>
                <c:pt idx="717">
                  <c:v>120</c:v>
                </c:pt>
                <c:pt idx="718">
                  <c:v>120</c:v>
                </c:pt>
                <c:pt idx="719">
                  <c:v>120</c:v>
                </c:pt>
                <c:pt idx="720">
                  <c:v>120</c:v>
                </c:pt>
                <c:pt idx="721">
                  <c:v>120</c:v>
                </c:pt>
                <c:pt idx="722">
                  <c:v>120</c:v>
                </c:pt>
                <c:pt idx="723">
                  <c:v>120</c:v>
                </c:pt>
                <c:pt idx="724">
                  <c:v>120</c:v>
                </c:pt>
                <c:pt idx="725">
                  <c:v>120</c:v>
                </c:pt>
                <c:pt idx="726">
                  <c:v>120</c:v>
                </c:pt>
                <c:pt idx="727">
                  <c:v>120</c:v>
                </c:pt>
                <c:pt idx="728">
                  <c:v>120</c:v>
                </c:pt>
                <c:pt idx="729">
                  <c:v>120</c:v>
                </c:pt>
                <c:pt idx="730">
                  <c:v>120</c:v>
                </c:pt>
                <c:pt idx="731">
                  <c:v>120</c:v>
                </c:pt>
                <c:pt idx="732">
                  <c:v>120</c:v>
                </c:pt>
                <c:pt idx="733">
                  <c:v>120</c:v>
                </c:pt>
                <c:pt idx="734">
                  <c:v>120</c:v>
                </c:pt>
                <c:pt idx="735">
                  <c:v>120</c:v>
                </c:pt>
                <c:pt idx="736">
                  <c:v>120</c:v>
                </c:pt>
                <c:pt idx="737">
                  <c:v>120</c:v>
                </c:pt>
                <c:pt idx="738">
                  <c:v>120</c:v>
                </c:pt>
                <c:pt idx="739">
                  <c:v>120</c:v>
                </c:pt>
                <c:pt idx="740">
                  <c:v>120</c:v>
                </c:pt>
                <c:pt idx="741">
                  <c:v>120</c:v>
                </c:pt>
                <c:pt idx="742">
                  <c:v>120</c:v>
                </c:pt>
                <c:pt idx="743">
                  <c:v>120</c:v>
                </c:pt>
                <c:pt idx="744">
                  <c:v>120</c:v>
                </c:pt>
                <c:pt idx="745">
                  <c:v>120</c:v>
                </c:pt>
                <c:pt idx="746">
                  <c:v>120</c:v>
                </c:pt>
                <c:pt idx="747">
                  <c:v>120</c:v>
                </c:pt>
                <c:pt idx="748">
                  <c:v>120</c:v>
                </c:pt>
                <c:pt idx="749">
                  <c:v>120</c:v>
                </c:pt>
                <c:pt idx="750">
                  <c:v>120</c:v>
                </c:pt>
                <c:pt idx="751">
                  <c:v>120</c:v>
                </c:pt>
                <c:pt idx="752">
                  <c:v>120</c:v>
                </c:pt>
                <c:pt idx="753">
                  <c:v>120</c:v>
                </c:pt>
                <c:pt idx="754">
                  <c:v>120</c:v>
                </c:pt>
                <c:pt idx="755">
                  <c:v>120</c:v>
                </c:pt>
                <c:pt idx="756">
                  <c:v>120</c:v>
                </c:pt>
                <c:pt idx="757">
                  <c:v>120</c:v>
                </c:pt>
                <c:pt idx="758">
                  <c:v>120</c:v>
                </c:pt>
                <c:pt idx="759">
                  <c:v>120</c:v>
                </c:pt>
                <c:pt idx="760">
                  <c:v>120</c:v>
                </c:pt>
                <c:pt idx="761">
                  <c:v>120</c:v>
                </c:pt>
                <c:pt idx="762">
                  <c:v>120</c:v>
                </c:pt>
                <c:pt idx="763">
                  <c:v>120</c:v>
                </c:pt>
                <c:pt idx="764">
                  <c:v>120</c:v>
                </c:pt>
                <c:pt idx="765">
                  <c:v>120</c:v>
                </c:pt>
                <c:pt idx="766">
                  <c:v>120</c:v>
                </c:pt>
                <c:pt idx="767">
                  <c:v>120</c:v>
                </c:pt>
                <c:pt idx="768">
                  <c:v>120</c:v>
                </c:pt>
                <c:pt idx="769">
                  <c:v>120</c:v>
                </c:pt>
                <c:pt idx="770">
                  <c:v>120</c:v>
                </c:pt>
                <c:pt idx="771">
                  <c:v>120</c:v>
                </c:pt>
                <c:pt idx="772">
                  <c:v>120</c:v>
                </c:pt>
                <c:pt idx="773">
                  <c:v>120</c:v>
                </c:pt>
                <c:pt idx="774">
                  <c:v>120</c:v>
                </c:pt>
                <c:pt idx="775">
                  <c:v>120</c:v>
                </c:pt>
                <c:pt idx="776">
                  <c:v>120</c:v>
                </c:pt>
                <c:pt idx="777">
                  <c:v>120</c:v>
                </c:pt>
                <c:pt idx="778">
                  <c:v>120</c:v>
                </c:pt>
                <c:pt idx="779">
                  <c:v>120</c:v>
                </c:pt>
                <c:pt idx="780">
                  <c:v>120</c:v>
                </c:pt>
                <c:pt idx="781">
                  <c:v>120</c:v>
                </c:pt>
                <c:pt idx="782">
                  <c:v>120</c:v>
                </c:pt>
                <c:pt idx="783">
                  <c:v>120</c:v>
                </c:pt>
                <c:pt idx="784">
                  <c:v>120</c:v>
                </c:pt>
                <c:pt idx="785">
                  <c:v>120</c:v>
                </c:pt>
                <c:pt idx="786">
                  <c:v>120</c:v>
                </c:pt>
                <c:pt idx="787">
                  <c:v>120</c:v>
                </c:pt>
                <c:pt idx="788">
                  <c:v>120</c:v>
                </c:pt>
                <c:pt idx="789">
                  <c:v>120</c:v>
                </c:pt>
                <c:pt idx="790">
                  <c:v>120</c:v>
                </c:pt>
                <c:pt idx="791">
                  <c:v>120</c:v>
                </c:pt>
                <c:pt idx="792">
                  <c:v>120</c:v>
                </c:pt>
                <c:pt idx="793">
                  <c:v>120</c:v>
                </c:pt>
                <c:pt idx="794">
                  <c:v>120</c:v>
                </c:pt>
                <c:pt idx="795">
                  <c:v>120</c:v>
                </c:pt>
                <c:pt idx="796">
                  <c:v>120</c:v>
                </c:pt>
                <c:pt idx="797">
                  <c:v>120</c:v>
                </c:pt>
                <c:pt idx="798">
                  <c:v>120</c:v>
                </c:pt>
                <c:pt idx="799">
                  <c:v>120</c:v>
                </c:pt>
                <c:pt idx="800">
                  <c:v>120</c:v>
                </c:pt>
                <c:pt idx="801">
                  <c:v>120</c:v>
                </c:pt>
                <c:pt idx="802">
                  <c:v>120</c:v>
                </c:pt>
                <c:pt idx="803">
                  <c:v>120</c:v>
                </c:pt>
                <c:pt idx="804">
                  <c:v>120</c:v>
                </c:pt>
                <c:pt idx="805">
                  <c:v>120</c:v>
                </c:pt>
                <c:pt idx="806">
                  <c:v>120</c:v>
                </c:pt>
                <c:pt idx="807">
                  <c:v>120</c:v>
                </c:pt>
                <c:pt idx="808">
                  <c:v>120</c:v>
                </c:pt>
                <c:pt idx="809">
                  <c:v>120</c:v>
                </c:pt>
                <c:pt idx="810">
                  <c:v>120</c:v>
                </c:pt>
                <c:pt idx="811">
                  <c:v>120</c:v>
                </c:pt>
                <c:pt idx="812">
                  <c:v>120</c:v>
                </c:pt>
                <c:pt idx="813">
                  <c:v>120</c:v>
                </c:pt>
                <c:pt idx="814">
                  <c:v>120</c:v>
                </c:pt>
                <c:pt idx="815">
                  <c:v>120</c:v>
                </c:pt>
                <c:pt idx="816">
                  <c:v>120</c:v>
                </c:pt>
                <c:pt idx="817">
                  <c:v>120</c:v>
                </c:pt>
                <c:pt idx="818">
                  <c:v>120</c:v>
                </c:pt>
                <c:pt idx="819">
                  <c:v>120</c:v>
                </c:pt>
                <c:pt idx="820">
                  <c:v>120</c:v>
                </c:pt>
                <c:pt idx="821">
                  <c:v>120</c:v>
                </c:pt>
                <c:pt idx="822">
                  <c:v>120</c:v>
                </c:pt>
                <c:pt idx="823">
                  <c:v>120</c:v>
                </c:pt>
                <c:pt idx="824">
                  <c:v>120</c:v>
                </c:pt>
                <c:pt idx="825">
                  <c:v>120</c:v>
                </c:pt>
                <c:pt idx="826">
                  <c:v>120</c:v>
                </c:pt>
                <c:pt idx="827">
                  <c:v>120</c:v>
                </c:pt>
                <c:pt idx="828">
                  <c:v>120</c:v>
                </c:pt>
                <c:pt idx="829">
                  <c:v>120</c:v>
                </c:pt>
                <c:pt idx="830">
                  <c:v>120</c:v>
                </c:pt>
                <c:pt idx="831">
                  <c:v>120</c:v>
                </c:pt>
                <c:pt idx="832">
                  <c:v>120</c:v>
                </c:pt>
                <c:pt idx="833">
                  <c:v>120</c:v>
                </c:pt>
                <c:pt idx="834">
                  <c:v>120</c:v>
                </c:pt>
                <c:pt idx="835">
                  <c:v>120</c:v>
                </c:pt>
                <c:pt idx="836">
                  <c:v>120</c:v>
                </c:pt>
                <c:pt idx="837">
                  <c:v>120</c:v>
                </c:pt>
                <c:pt idx="838">
                  <c:v>120</c:v>
                </c:pt>
                <c:pt idx="839">
                  <c:v>120</c:v>
                </c:pt>
                <c:pt idx="840">
                  <c:v>120</c:v>
                </c:pt>
                <c:pt idx="841">
                  <c:v>120</c:v>
                </c:pt>
                <c:pt idx="842">
                  <c:v>120</c:v>
                </c:pt>
                <c:pt idx="843">
                  <c:v>120</c:v>
                </c:pt>
                <c:pt idx="844">
                  <c:v>120</c:v>
                </c:pt>
                <c:pt idx="845">
                  <c:v>120</c:v>
                </c:pt>
                <c:pt idx="846">
                  <c:v>120</c:v>
                </c:pt>
                <c:pt idx="847">
                  <c:v>120</c:v>
                </c:pt>
                <c:pt idx="848">
                  <c:v>120</c:v>
                </c:pt>
                <c:pt idx="849">
                  <c:v>120</c:v>
                </c:pt>
                <c:pt idx="850">
                  <c:v>120</c:v>
                </c:pt>
                <c:pt idx="851">
                  <c:v>120</c:v>
                </c:pt>
                <c:pt idx="852">
                  <c:v>120</c:v>
                </c:pt>
                <c:pt idx="853">
                  <c:v>120</c:v>
                </c:pt>
                <c:pt idx="854">
                  <c:v>120</c:v>
                </c:pt>
                <c:pt idx="855">
                  <c:v>120</c:v>
                </c:pt>
                <c:pt idx="856">
                  <c:v>120</c:v>
                </c:pt>
                <c:pt idx="857">
                  <c:v>120</c:v>
                </c:pt>
                <c:pt idx="858">
                  <c:v>120</c:v>
                </c:pt>
                <c:pt idx="859">
                  <c:v>120</c:v>
                </c:pt>
                <c:pt idx="860">
                  <c:v>120</c:v>
                </c:pt>
                <c:pt idx="861">
                  <c:v>120</c:v>
                </c:pt>
                <c:pt idx="862">
                  <c:v>120</c:v>
                </c:pt>
                <c:pt idx="863">
                  <c:v>120</c:v>
                </c:pt>
                <c:pt idx="864">
                  <c:v>120</c:v>
                </c:pt>
                <c:pt idx="865">
                  <c:v>120</c:v>
                </c:pt>
                <c:pt idx="866">
                  <c:v>120</c:v>
                </c:pt>
                <c:pt idx="867">
                  <c:v>120</c:v>
                </c:pt>
                <c:pt idx="868">
                  <c:v>120</c:v>
                </c:pt>
                <c:pt idx="869">
                  <c:v>120</c:v>
                </c:pt>
                <c:pt idx="870">
                  <c:v>120</c:v>
                </c:pt>
                <c:pt idx="871">
                  <c:v>120</c:v>
                </c:pt>
                <c:pt idx="872">
                  <c:v>120</c:v>
                </c:pt>
                <c:pt idx="873">
                  <c:v>120</c:v>
                </c:pt>
                <c:pt idx="874">
                  <c:v>120</c:v>
                </c:pt>
                <c:pt idx="875">
                  <c:v>120</c:v>
                </c:pt>
                <c:pt idx="876">
                  <c:v>120</c:v>
                </c:pt>
                <c:pt idx="877">
                  <c:v>120</c:v>
                </c:pt>
                <c:pt idx="878">
                  <c:v>120</c:v>
                </c:pt>
                <c:pt idx="879">
                  <c:v>120</c:v>
                </c:pt>
                <c:pt idx="880">
                  <c:v>120</c:v>
                </c:pt>
                <c:pt idx="881">
                  <c:v>120</c:v>
                </c:pt>
                <c:pt idx="882">
                  <c:v>120</c:v>
                </c:pt>
                <c:pt idx="883">
                  <c:v>120</c:v>
                </c:pt>
                <c:pt idx="884">
                  <c:v>120</c:v>
                </c:pt>
                <c:pt idx="885">
                  <c:v>120</c:v>
                </c:pt>
                <c:pt idx="886">
                  <c:v>120</c:v>
                </c:pt>
                <c:pt idx="887">
                  <c:v>120</c:v>
                </c:pt>
                <c:pt idx="888">
                  <c:v>120</c:v>
                </c:pt>
                <c:pt idx="889">
                  <c:v>120</c:v>
                </c:pt>
                <c:pt idx="890">
                  <c:v>120</c:v>
                </c:pt>
                <c:pt idx="891">
                  <c:v>120</c:v>
                </c:pt>
                <c:pt idx="892">
                  <c:v>120</c:v>
                </c:pt>
                <c:pt idx="893">
                  <c:v>120</c:v>
                </c:pt>
                <c:pt idx="894">
                  <c:v>120</c:v>
                </c:pt>
                <c:pt idx="895">
                  <c:v>120</c:v>
                </c:pt>
                <c:pt idx="896">
                  <c:v>120</c:v>
                </c:pt>
                <c:pt idx="897">
                  <c:v>120</c:v>
                </c:pt>
                <c:pt idx="898">
                  <c:v>120</c:v>
                </c:pt>
                <c:pt idx="899">
                  <c:v>120</c:v>
                </c:pt>
                <c:pt idx="900">
                  <c:v>120</c:v>
                </c:pt>
                <c:pt idx="901">
                  <c:v>120</c:v>
                </c:pt>
                <c:pt idx="902">
                  <c:v>120</c:v>
                </c:pt>
                <c:pt idx="903">
                  <c:v>120</c:v>
                </c:pt>
                <c:pt idx="904">
                  <c:v>120</c:v>
                </c:pt>
                <c:pt idx="905">
                  <c:v>120</c:v>
                </c:pt>
                <c:pt idx="906">
                  <c:v>120</c:v>
                </c:pt>
                <c:pt idx="907">
                  <c:v>120</c:v>
                </c:pt>
                <c:pt idx="908">
                  <c:v>120</c:v>
                </c:pt>
                <c:pt idx="909">
                  <c:v>120</c:v>
                </c:pt>
                <c:pt idx="910">
                  <c:v>120</c:v>
                </c:pt>
                <c:pt idx="911">
                  <c:v>120</c:v>
                </c:pt>
                <c:pt idx="912">
                  <c:v>120</c:v>
                </c:pt>
                <c:pt idx="913">
                  <c:v>120</c:v>
                </c:pt>
                <c:pt idx="914">
                  <c:v>120</c:v>
                </c:pt>
                <c:pt idx="915">
                  <c:v>120</c:v>
                </c:pt>
                <c:pt idx="916">
                  <c:v>120</c:v>
                </c:pt>
                <c:pt idx="917">
                  <c:v>120</c:v>
                </c:pt>
                <c:pt idx="918">
                  <c:v>120</c:v>
                </c:pt>
                <c:pt idx="919">
                  <c:v>120</c:v>
                </c:pt>
                <c:pt idx="920">
                  <c:v>120</c:v>
                </c:pt>
                <c:pt idx="921">
                  <c:v>120</c:v>
                </c:pt>
                <c:pt idx="922">
                  <c:v>120</c:v>
                </c:pt>
                <c:pt idx="923">
                  <c:v>120</c:v>
                </c:pt>
                <c:pt idx="924">
                  <c:v>120</c:v>
                </c:pt>
                <c:pt idx="925">
                  <c:v>120</c:v>
                </c:pt>
                <c:pt idx="926">
                  <c:v>120</c:v>
                </c:pt>
                <c:pt idx="927">
                  <c:v>120</c:v>
                </c:pt>
                <c:pt idx="928">
                  <c:v>120</c:v>
                </c:pt>
                <c:pt idx="929">
                  <c:v>120</c:v>
                </c:pt>
                <c:pt idx="930">
                  <c:v>120</c:v>
                </c:pt>
                <c:pt idx="931">
                  <c:v>120</c:v>
                </c:pt>
                <c:pt idx="932">
                  <c:v>120</c:v>
                </c:pt>
                <c:pt idx="933">
                  <c:v>120</c:v>
                </c:pt>
                <c:pt idx="934">
                  <c:v>120</c:v>
                </c:pt>
                <c:pt idx="935">
                  <c:v>120</c:v>
                </c:pt>
                <c:pt idx="936">
                  <c:v>120</c:v>
                </c:pt>
                <c:pt idx="937">
                  <c:v>120</c:v>
                </c:pt>
                <c:pt idx="938">
                  <c:v>120</c:v>
                </c:pt>
                <c:pt idx="939">
                  <c:v>120</c:v>
                </c:pt>
                <c:pt idx="940">
                  <c:v>120</c:v>
                </c:pt>
                <c:pt idx="941">
                  <c:v>120</c:v>
                </c:pt>
                <c:pt idx="942">
                  <c:v>120</c:v>
                </c:pt>
                <c:pt idx="943">
                  <c:v>120</c:v>
                </c:pt>
                <c:pt idx="944">
                  <c:v>120</c:v>
                </c:pt>
                <c:pt idx="945">
                  <c:v>120</c:v>
                </c:pt>
                <c:pt idx="946">
                  <c:v>120</c:v>
                </c:pt>
                <c:pt idx="947">
                  <c:v>120</c:v>
                </c:pt>
                <c:pt idx="948">
                  <c:v>120</c:v>
                </c:pt>
                <c:pt idx="949">
                  <c:v>120</c:v>
                </c:pt>
                <c:pt idx="950">
                  <c:v>120</c:v>
                </c:pt>
                <c:pt idx="951">
                  <c:v>120</c:v>
                </c:pt>
                <c:pt idx="952">
                  <c:v>120</c:v>
                </c:pt>
                <c:pt idx="953">
                  <c:v>120</c:v>
                </c:pt>
                <c:pt idx="954">
                  <c:v>120</c:v>
                </c:pt>
                <c:pt idx="955">
                  <c:v>120</c:v>
                </c:pt>
                <c:pt idx="956">
                  <c:v>120</c:v>
                </c:pt>
                <c:pt idx="957">
                  <c:v>120</c:v>
                </c:pt>
                <c:pt idx="958">
                  <c:v>120</c:v>
                </c:pt>
                <c:pt idx="959">
                  <c:v>120</c:v>
                </c:pt>
                <c:pt idx="960">
                  <c:v>120</c:v>
                </c:pt>
                <c:pt idx="961">
                  <c:v>120</c:v>
                </c:pt>
                <c:pt idx="962">
                  <c:v>120</c:v>
                </c:pt>
                <c:pt idx="963">
                  <c:v>120</c:v>
                </c:pt>
                <c:pt idx="964">
                  <c:v>120</c:v>
                </c:pt>
                <c:pt idx="965">
                  <c:v>120</c:v>
                </c:pt>
                <c:pt idx="966">
                  <c:v>120</c:v>
                </c:pt>
                <c:pt idx="967">
                  <c:v>120</c:v>
                </c:pt>
                <c:pt idx="968">
                  <c:v>120</c:v>
                </c:pt>
                <c:pt idx="969">
                  <c:v>120</c:v>
                </c:pt>
                <c:pt idx="970">
                  <c:v>120</c:v>
                </c:pt>
                <c:pt idx="971">
                  <c:v>120</c:v>
                </c:pt>
                <c:pt idx="972">
                  <c:v>120</c:v>
                </c:pt>
                <c:pt idx="973">
                  <c:v>120</c:v>
                </c:pt>
                <c:pt idx="974">
                  <c:v>120</c:v>
                </c:pt>
                <c:pt idx="975">
                  <c:v>120</c:v>
                </c:pt>
                <c:pt idx="976">
                  <c:v>120</c:v>
                </c:pt>
                <c:pt idx="977">
                  <c:v>120</c:v>
                </c:pt>
                <c:pt idx="978">
                  <c:v>120</c:v>
                </c:pt>
                <c:pt idx="979">
                  <c:v>120</c:v>
                </c:pt>
                <c:pt idx="980">
                  <c:v>120</c:v>
                </c:pt>
                <c:pt idx="981">
                  <c:v>120</c:v>
                </c:pt>
                <c:pt idx="982">
                  <c:v>120</c:v>
                </c:pt>
                <c:pt idx="983">
                  <c:v>120</c:v>
                </c:pt>
                <c:pt idx="984">
                  <c:v>120</c:v>
                </c:pt>
                <c:pt idx="985">
                  <c:v>120</c:v>
                </c:pt>
                <c:pt idx="986">
                  <c:v>120</c:v>
                </c:pt>
                <c:pt idx="987">
                  <c:v>120</c:v>
                </c:pt>
                <c:pt idx="988">
                  <c:v>120</c:v>
                </c:pt>
                <c:pt idx="989">
                  <c:v>120</c:v>
                </c:pt>
                <c:pt idx="990">
                  <c:v>120</c:v>
                </c:pt>
                <c:pt idx="991">
                  <c:v>120</c:v>
                </c:pt>
                <c:pt idx="992">
                  <c:v>120</c:v>
                </c:pt>
                <c:pt idx="993">
                  <c:v>120</c:v>
                </c:pt>
                <c:pt idx="994">
                  <c:v>120</c:v>
                </c:pt>
                <c:pt idx="995">
                  <c:v>120</c:v>
                </c:pt>
                <c:pt idx="996">
                  <c:v>120</c:v>
                </c:pt>
                <c:pt idx="997">
                  <c:v>120</c:v>
                </c:pt>
                <c:pt idx="998">
                  <c:v>120</c:v>
                </c:pt>
                <c:pt idx="999">
                  <c:v>120</c:v>
                </c:pt>
                <c:pt idx="1000">
                  <c:v>120</c:v>
                </c:pt>
                <c:pt idx="1001">
                  <c:v>120</c:v>
                </c:pt>
                <c:pt idx="1002">
                  <c:v>120</c:v>
                </c:pt>
                <c:pt idx="1003">
                  <c:v>120</c:v>
                </c:pt>
                <c:pt idx="1004">
                  <c:v>120</c:v>
                </c:pt>
                <c:pt idx="1005">
                  <c:v>120</c:v>
                </c:pt>
                <c:pt idx="1006">
                  <c:v>120</c:v>
                </c:pt>
                <c:pt idx="1007">
                  <c:v>120</c:v>
                </c:pt>
                <c:pt idx="1008">
                  <c:v>120</c:v>
                </c:pt>
                <c:pt idx="1009">
                  <c:v>120</c:v>
                </c:pt>
                <c:pt idx="1010">
                  <c:v>120</c:v>
                </c:pt>
                <c:pt idx="1011">
                  <c:v>120</c:v>
                </c:pt>
                <c:pt idx="1012">
                  <c:v>120</c:v>
                </c:pt>
                <c:pt idx="1013">
                  <c:v>120</c:v>
                </c:pt>
                <c:pt idx="1014">
                  <c:v>120</c:v>
                </c:pt>
                <c:pt idx="1015">
                  <c:v>120</c:v>
                </c:pt>
                <c:pt idx="1016">
                  <c:v>120</c:v>
                </c:pt>
                <c:pt idx="1017">
                  <c:v>120</c:v>
                </c:pt>
                <c:pt idx="1018">
                  <c:v>120</c:v>
                </c:pt>
                <c:pt idx="1019">
                  <c:v>120</c:v>
                </c:pt>
                <c:pt idx="1020">
                  <c:v>120</c:v>
                </c:pt>
                <c:pt idx="1021">
                  <c:v>120</c:v>
                </c:pt>
                <c:pt idx="1022">
                  <c:v>120</c:v>
                </c:pt>
                <c:pt idx="1023">
                  <c:v>120</c:v>
                </c:pt>
                <c:pt idx="1024">
                  <c:v>120</c:v>
                </c:pt>
                <c:pt idx="1025">
                  <c:v>120</c:v>
                </c:pt>
                <c:pt idx="1026">
                  <c:v>120</c:v>
                </c:pt>
                <c:pt idx="1027">
                  <c:v>120</c:v>
                </c:pt>
                <c:pt idx="1028">
                  <c:v>120</c:v>
                </c:pt>
                <c:pt idx="1029">
                  <c:v>120</c:v>
                </c:pt>
                <c:pt idx="1030">
                  <c:v>120</c:v>
                </c:pt>
                <c:pt idx="1031">
                  <c:v>120</c:v>
                </c:pt>
                <c:pt idx="1032">
                  <c:v>120</c:v>
                </c:pt>
                <c:pt idx="1033">
                  <c:v>120</c:v>
                </c:pt>
                <c:pt idx="1034">
                  <c:v>120</c:v>
                </c:pt>
                <c:pt idx="1035">
                  <c:v>120</c:v>
                </c:pt>
                <c:pt idx="1036">
                  <c:v>120</c:v>
                </c:pt>
                <c:pt idx="1037">
                  <c:v>120</c:v>
                </c:pt>
                <c:pt idx="1038">
                  <c:v>120</c:v>
                </c:pt>
                <c:pt idx="1039">
                  <c:v>120</c:v>
                </c:pt>
                <c:pt idx="1040">
                  <c:v>120</c:v>
                </c:pt>
                <c:pt idx="1041">
                  <c:v>120</c:v>
                </c:pt>
                <c:pt idx="1042">
                  <c:v>120</c:v>
                </c:pt>
                <c:pt idx="1043">
                  <c:v>120</c:v>
                </c:pt>
                <c:pt idx="1044">
                  <c:v>120</c:v>
                </c:pt>
                <c:pt idx="1045">
                  <c:v>120</c:v>
                </c:pt>
                <c:pt idx="1046">
                  <c:v>120</c:v>
                </c:pt>
                <c:pt idx="1047">
                  <c:v>120</c:v>
                </c:pt>
                <c:pt idx="1048">
                  <c:v>120</c:v>
                </c:pt>
                <c:pt idx="1049">
                  <c:v>120</c:v>
                </c:pt>
                <c:pt idx="1050">
                  <c:v>120</c:v>
                </c:pt>
                <c:pt idx="1051">
                  <c:v>120</c:v>
                </c:pt>
                <c:pt idx="1052">
                  <c:v>120</c:v>
                </c:pt>
                <c:pt idx="1053">
                  <c:v>120</c:v>
                </c:pt>
                <c:pt idx="1054">
                  <c:v>120</c:v>
                </c:pt>
                <c:pt idx="1055">
                  <c:v>120</c:v>
                </c:pt>
                <c:pt idx="1056">
                  <c:v>120</c:v>
                </c:pt>
                <c:pt idx="1057">
                  <c:v>120</c:v>
                </c:pt>
                <c:pt idx="1058">
                  <c:v>120</c:v>
                </c:pt>
                <c:pt idx="1059">
                  <c:v>120</c:v>
                </c:pt>
                <c:pt idx="1060">
                  <c:v>120</c:v>
                </c:pt>
                <c:pt idx="1061">
                  <c:v>120</c:v>
                </c:pt>
                <c:pt idx="1062">
                  <c:v>120</c:v>
                </c:pt>
                <c:pt idx="1063">
                  <c:v>120</c:v>
                </c:pt>
                <c:pt idx="1064">
                  <c:v>120</c:v>
                </c:pt>
                <c:pt idx="1065">
                  <c:v>120</c:v>
                </c:pt>
                <c:pt idx="1066">
                  <c:v>120</c:v>
                </c:pt>
                <c:pt idx="1067">
                  <c:v>120</c:v>
                </c:pt>
                <c:pt idx="1068">
                  <c:v>120</c:v>
                </c:pt>
                <c:pt idx="1069">
                  <c:v>120</c:v>
                </c:pt>
                <c:pt idx="1070">
                  <c:v>120</c:v>
                </c:pt>
                <c:pt idx="1071">
                  <c:v>120</c:v>
                </c:pt>
                <c:pt idx="1072">
                  <c:v>120</c:v>
                </c:pt>
                <c:pt idx="1073">
                  <c:v>120</c:v>
                </c:pt>
                <c:pt idx="1074">
                  <c:v>120</c:v>
                </c:pt>
                <c:pt idx="1075">
                  <c:v>120</c:v>
                </c:pt>
                <c:pt idx="1076">
                  <c:v>120</c:v>
                </c:pt>
                <c:pt idx="1077">
                  <c:v>120</c:v>
                </c:pt>
                <c:pt idx="1078">
                  <c:v>120</c:v>
                </c:pt>
                <c:pt idx="1079">
                  <c:v>120</c:v>
                </c:pt>
                <c:pt idx="1080">
                  <c:v>120</c:v>
                </c:pt>
                <c:pt idx="1081">
                  <c:v>120</c:v>
                </c:pt>
                <c:pt idx="1082">
                  <c:v>120</c:v>
                </c:pt>
                <c:pt idx="1083">
                  <c:v>120</c:v>
                </c:pt>
                <c:pt idx="1084">
                  <c:v>120</c:v>
                </c:pt>
                <c:pt idx="1085">
                  <c:v>120</c:v>
                </c:pt>
                <c:pt idx="1086">
                  <c:v>120</c:v>
                </c:pt>
                <c:pt idx="1087">
                  <c:v>120</c:v>
                </c:pt>
                <c:pt idx="1088">
                  <c:v>120</c:v>
                </c:pt>
                <c:pt idx="1089">
                  <c:v>120</c:v>
                </c:pt>
                <c:pt idx="1090">
                  <c:v>120</c:v>
                </c:pt>
                <c:pt idx="1091">
                  <c:v>120</c:v>
                </c:pt>
                <c:pt idx="1092">
                  <c:v>120</c:v>
                </c:pt>
                <c:pt idx="1093">
                  <c:v>120</c:v>
                </c:pt>
                <c:pt idx="1094">
                  <c:v>120</c:v>
                </c:pt>
                <c:pt idx="1095">
                  <c:v>120</c:v>
                </c:pt>
                <c:pt idx="1096">
                  <c:v>120</c:v>
                </c:pt>
                <c:pt idx="1097">
                  <c:v>120</c:v>
                </c:pt>
                <c:pt idx="1098">
                  <c:v>120</c:v>
                </c:pt>
                <c:pt idx="1099">
                  <c:v>120</c:v>
                </c:pt>
                <c:pt idx="1100">
                  <c:v>120</c:v>
                </c:pt>
                <c:pt idx="1101">
                  <c:v>120</c:v>
                </c:pt>
                <c:pt idx="1102">
                  <c:v>120</c:v>
                </c:pt>
                <c:pt idx="1103">
                  <c:v>120</c:v>
                </c:pt>
                <c:pt idx="1104">
                  <c:v>120</c:v>
                </c:pt>
                <c:pt idx="1105">
                  <c:v>120</c:v>
                </c:pt>
                <c:pt idx="1106">
                  <c:v>120</c:v>
                </c:pt>
                <c:pt idx="1107">
                  <c:v>120</c:v>
                </c:pt>
                <c:pt idx="1108">
                  <c:v>120</c:v>
                </c:pt>
                <c:pt idx="1109">
                  <c:v>120</c:v>
                </c:pt>
                <c:pt idx="1110">
                  <c:v>120</c:v>
                </c:pt>
                <c:pt idx="1111">
                  <c:v>120</c:v>
                </c:pt>
                <c:pt idx="1112">
                  <c:v>120</c:v>
                </c:pt>
                <c:pt idx="1113">
                  <c:v>120</c:v>
                </c:pt>
                <c:pt idx="1114">
                  <c:v>120</c:v>
                </c:pt>
                <c:pt idx="1115">
                  <c:v>120</c:v>
                </c:pt>
                <c:pt idx="1116">
                  <c:v>120</c:v>
                </c:pt>
                <c:pt idx="1117">
                  <c:v>120</c:v>
                </c:pt>
                <c:pt idx="1118">
                  <c:v>120</c:v>
                </c:pt>
                <c:pt idx="1119">
                  <c:v>120</c:v>
                </c:pt>
                <c:pt idx="1120">
                  <c:v>120</c:v>
                </c:pt>
                <c:pt idx="1121">
                  <c:v>120</c:v>
                </c:pt>
                <c:pt idx="1122">
                  <c:v>120</c:v>
                </c:pt>
                <c:pt idx="1123">
                  <c:v>120</c:v>
                </c:pt>
                <c:pt idx="1124">
                  <c:v>120</c:v>
                </c:pt>
                <c:pt idx="1125">
                  <c:v>120</c:v>
                </c:pt>
                <c:pt idx="1126">
                  <c:v>120</c:v>
                </c:pt>
                <c:pt idx="1127">
                  <c:v>120</c:v>
                </c:pt>
                <c:pt idx="1128">
                  <c:v>120</c:v>
                </c:pt>
                <c:pt idx="1129">
                  <c:v>120</c:v>
                </c:pt>
                <c:pt idx="1130">
                  <c:v>120</c:v>
                </c:pt>
                <c:pt idx="1131">
                  <c:v>120</c:v>
                </c:pt>
                <c:pt idx="1132">
                  <c:v>120</c:v>
                </c:pt>
                <c:pt idx="1133">
                  <c:v>120</c:v>
                </c:pt>
                <c:pt idx="1134">
                  <c:v>120</c:v>
                </c:pt>
                <c:pt idx="1135">
                  <c:v>120</c:v>
                </c:pt>
                <c:pt idx="1136">
                  <c:v>120</c:v>
                </c:pt>
                <c:pt idx="1137">
                  <c:v>120</c:v>
                </c:pt>
                <c:pt idx="1138">
                  <c:v>120</c:v>
                </c:pt>
                <c:pt idx="1139">
                  <c:v>120</c:v>
                </c:pt>
                <c:pt idx="1140">
                  <c:v>120</c:v>
                </c:pt>
                <c:pt idx="1141">
                  <c:v>120</c:v>
                </c:pt>
                <c:pt idx="1142">
                  <c:v>120</c:v>
                </c:pt>
                <c:pt idx="1143">
                  <c:v>120</c:v>
                </c:pt>
                <c:pt idx="1144">
                  <c:v>120</c:v>
                </c:pt>
                <c:pt idx="1145">
                  <c:v>121</c:v>
                </c:pt>
                <c:pt idx="1146">
                  <c:v>121</c:v>
                </c:pt>
                <c:pt idx="1147">
                  <c:v>121</c:v>
                </c:pt>
                <c:pt idx="1148">
                  <c:v>122</c:v>
                </c:pt>
                <c:pt idx="1149">
                  <c:v>122</c:v>
                </c:pt>
                <c:pt idx="1150">
                  <c:v>122</c:v>
                </c:pt>
                <c:pt idx="1151">
                  <c:v>123</c:v>
                </c:pt>
                <c:pt idx="1152">
                  <c:v>123</c:v>
                </c:pt>
                <c:pt idx="1153">
                  <c:v>123</c:v>
                </c:pt>
                <c:pt idx="1154">
                  <c:v>124</c:v>
                </c:pt>
                <c:pt idx="1155">
                  <c:v>124</c:v>
                </c:pt>
                <c:pt idx="1156">
                  <c:v>124</c:v>
                </c:pt>
                <c:pt idx="1157">
                  <c:v>125</c:v>
                </c:pt>
                <c:pt idx="1158">
                  <c:v>125</c:v>
                </c:pt>
                <c:pt idx="1159">
                  <c:v>125</c:v>
                </c:pt>
                <c:pt idx="1160">
                  <c:v>126</c:v>
                </c:pt>
                <c:pt idx="1161">
                  <c:v>126</c:v>
                </c:pt>
                <c:pt idx="1162">
                  <c:v>126</c:v>
                </c:pt>
                <c:pt idx="1163">
                  <c:v>127</c:v>
                </c:pt>
                <c:pt idx="1164">
                  <c:v>127</c:v>
                </c:pt>
                <c:pt idx="1165">
                  <c:v>127</c:v>
                </c:pt>
                <c:pt idx="1166">
                  <c:v>128</c:v>
                </c:pt>
                <c:pt idx="1167">
                  <c:v>128</c:v>
                </c:pt>
                <c:pt idx="1168">
                  <c:v>128</c:v>
                </c:pt>
                <c:pt idx="1169">
                  <c:v>129</c:v>
                </c:pt>
                <c:pt idx="1170">
                  <c:v>129</c:v>
                </c:pt>
                <c:pt idx="1171">
                  <c:v>129</c:v>
                </c:pt>
                <c:pt idx="1172">
                  <c:v>130</c:v>
                </c:pt>
                <c:pt idx="1173">
                  <c:v>130</c:v>
                </c:pt>
                <c:pt idx="1174">
                  <c:v>130</c:v>
                </c:pt>
                <c:pt idx="1175">
                  <c:v>131</c:v>
                </c:pt>
                <c:pt idx="1176">
                  <c:v>131</c:v>
                </c:pt>
                <c:pt idx="1177">
                  <c:v>131</c:v>
                </c:pt>
                <c:pt idx="1178">
                  <c:v>132</c:v>
                </c:pt>
                <c:pt idx="1179">
                  <c:v>132</c:v>
                </c:pt>
                <c:pt idx="1180">
                  <c:v>132</c:v>
                </c:pt>
                <c:pt idx="1181">
                  <c:v>133</c:v>
                </c:pt>
                <c:pt idx="1182">
                  <c:v>133</c:v>
                </c:pt>
                <c:pt idx="1183">
                  <c:v>133</c:v>
                </c:pt>
                <c:pt idx="1184">
                  <c:v>134</c:v>
                </c:pt>
                <c:pt idx="1185">
                  <c:v>134</c:v>
                </c:pt>
                <c:pt idx="1186">
                  <c:v>134</c:v>
                </c:pt>
                <c:pt idx="1187">
                  <c:v>135</c:v>
                </c:pt>
                <c:pt idx="1188">
                  <c:v>135</c:v>
                </c:pt>
                <c:pt idx="1189">
                  <c:v>135</c:v>
                </c:pt>
                <c:pt idx="1190">
                  <c:v>136</c:v>
                </c:pt>
                <c:pt idx="1191">
                  <c:v>136</c:v>
                </c:pt>
                <c:pt idx="1192">
                  <c:v>136</c:v>
                </c:pt>
                <c:pt idx="1193">
                  <c:v>137</c:v>
                </c:pt>
                <c:pt idx="1194">
                  <c:v>137</c:v>
                </c:pt>
                <c:pt idx="1195">
                  <c:v>137</c:v>
                </c:pt>
                <c:pt idx="1196">
                  <c:v>138</c:v>
                </c:pt>
                <c:pt idx="1197">
                  <c:v>138</c:v>
                </c:pt>
                <c:pt idx="1198">
                  <c:v>138</c:v>
                </c:pt>
                <c:pt idx="1199">
                  <c:v>139</c:v>
                </c:pt>
                <c:pt idx="1200">
                  <c:v>139</c:v>
                </c:pt>
                <c:pt idx="1201">
                  <c:v>139</c:v>
                </c:pt>
                <c:pt idx="1202">
                  <c:v>140</c:v>
                </c:pt>
                <c:pt idx="1203">
                  <c:v>140</c:v>
                </c:pt>
                <c:pt idx="1204">
                  <c:v>140</c:v>
                </c:pt>
                <c:pt idx="1205">
                  <c:v>141</c:v>
                </c:pt>
                <c:pt idx="1206">
                  <c:v>141</c:v>
                </c:pt>
                <c:pt idx="1207">
                  <c:v>141</c:v>
                </c:pt>
                <c:pt idx="1208">
                  <c:v>142</c:v>
                </c:pt>
                <c:pt idx="1209">
                  <c:v>142</c:v>
                </c:pt>
                <c:pt idx="1210">
                  <c:v>142</c:v>
                </c:pt>
                <c:pt idx="1211">
                  <c:v>143</c:v>
                </c:pt>
                <c:pt idx="1212">
                  <c:v>143</c:v>
                </c:pt>
                <c:pt idx="1213">
                  <c:v>143</c:v>
                </c:pt>
                <c:pt idx="1214">
                  <c:v>144</c:v>
                </c:pt>
                <c:pt idx="1215">
                  <c:v>144</c:v>
                </c:pt>
                <c:pt idx="1216">
                  <c:v>144</c:v>
                </c:pt>
                <c:pt idx="1217">
                  <c:v>145</c:v>
                </c:pt>
                <c:pt idx="1218">
                  <c:v>145</c:v>
                </c:pt>
                <c:pt idx="1219">
                  <c:v>145</c:v>
                </c:pt>
                <c:pt idx="1220">
                  <c:v>146</c:v>
                </c:pt>
                <c:pt idx="1221">
                  <c:v>146</c:v>
                </c:pt>
                <c:pt idx="1222">
                  <c:v>146</c:v>
                </c:pt>
                <c:pt idx="1223">
                  <c:v>147</c:v>
                </c:pt>
                <c:pt idx="1224">
                  <c:v>147</c:v>
                </c:pt>
                <c:pt idx="1225">
                  <c:v>147</c:v>
                </c:pt>
                <c:pt idx="1226">
                  <c:v>148</c:v>
                </c:pt>
                <c:pt idx="1227">
                  <c:v>148</c:v>
                </c:pt>
                <c:pt idx="1228">
                  <c:v>148</c:v>
                </c:pt>
                <c:pt idx="1229">
                  <c:v>149</c:v>
                </c:pt>
                <c:pt idx="1230">
                  <c:v>149</c:v>
                </c:pt>
                <c:pt idx="1231">
                  <c:v>149</c:v>
                </c:pt>
                <c:pt idx="1232">
                  <c:v>150</c:v>
                </c:pt>
                <c:pt idx="1233">
                  <c:v>150</c:v>
                </c:pt>
                <c:pt idx="1234">
                  <c:v>150</c:v>
                </c:pt>
                <c:pt idx="1235">
                  <c:v>151</c:v>
                </c:pt>
                <c:pt idx="1236">
                  <c:v>151</c:v>
                </c:pt>
                <c:pt idx="1237">
                  <c:v>151</c:v>
                </c:pt>
                <c:pt idx="1238">
                  <c:v>152</c:v>
                </c:pt>
                <c:pt idx="1239">
                  <c:v>152</c:v>
                </c:pt>
                <c:pt idx="1240">
                  <c:v>152</c:v>
                </c:pt>
                <c:pt idx="1241">
                  <c:v>153</c:v>
                </c:pt>
                <c:pt idx="1242">
                  <c:v>153</c:v>
                </c:pt>
                <c:pt idx="1243">
                  <c:v>153</c:v>
                </c:pt>
                <c:pt idx="1244">
                  <c:v>154</c:v>
                </c:pt>
                <c:pt idx="1245">
                  <c:v>154</c:v>
                </c:pt>
                <c:pt idx="1246">
                  <c:v>154</c:v>
                </c:pt>
                <c:pt idx="1247">
                  <c:v>155</c:v>
                </c:pt>
                <c:pt idx="1248">
                  <c:v>155</c:v>
                </c:pt>
                <c:pt idx="1249">
                  <c:v>155</c:v>
                </c:pt>
                <c:pt idx="1250">
                  <c:v>156</c:v>
                </c:pt>
                <c:pt idx="1251">
                  <c:v>156</c:v>
                </c:pt>
                <c:pt idx="1252">
                  <c:v>156</c:v>
                </c:pt>
                <c:pt idx="1253">
                  <c:v>157</c:v>
                </c:pt>
                <c:pt idx="1254">
                  <c:v>157</c:v>
                </c:pt>
                <c:pt idx="1255">
                  <c:v>157</c:v>
                </c:pt>
                <c:pt idx="1256">
                  <c:v>158</c:v>
                </c:pt>
                <c:pt idx="1257">
                  <c:v>158</c:v>
                </c:pt>
                <c:pt idx="1258">
                  <c:v>158</c:v>
                </c:pt>
                <c:pt idx="1259">
                  <c:v>159</c:v>
                </c:pt>
                <c:pt idx="1260">
                  <c:v>159</c:v>
                </c:pt>
                <c:pt idx="1261">
                  <c:v>159</c:v>
                </c:pt>
                <c:pt idx="1262">
                  <c:v>160</c:v>
                </c:pt>
                <c:pt idx="1263">
                  <c:v>160</c:v>
                </c:pt>
                <c:pt idx="1264">
                  <c:v>160</c:v>
                </c:pt>
                <c:pt idx="1265">
                  <c:v>161</c:v>
                </c:pt>
                <c:pt idx="1266">
                  <c:v>161</c:v>
                </c:pt>
                <c:pt idx="1267">
                  <c:v>161</c:v>
                </c:pt>
                <c:pt idx="1268">
                  <c:v>162</c:v>
                </c:pt>
                <c:pt idx="1269">
                  <c:v>162</c:v>
                </c:pt>
                <c:pt idx="1270">
                  <c:v>162</c:v>
                </c:pt>
                <c:pt idx="1271">
                  <c:v>163</c:v>
                </c:pt>
                <c:pt idx="1272">
                  <c:v>163</c:v>
                </c:pt>
                <c:pt idx="1273">
                  <c:v>163</c:v>
                </c:pt>
                <c:pt idx="1274">
                  <c:v>164</c:v>
                </c:pt>
                <c:pt idx="1275">
                  <c:v>164</c:v>
                </c:pt>
                <c:pt idx="1276">
                  <c:v>164</c:v>
                </c:pt>
                <c:pt idx="1277">
                  <c:v>165</c:v>
                </c:pt>
                <c:pt idx="1278">
                  <c:v>165</c:v>
                </c:pt>
                <c:pt idx="1279">
                  <c:v>165</c:v>
                </c:pt>
                <c:pt idx="1280">
                  <c:v>166</c:v>
                </c:pt>
                <c:pt idx="1281">
                  <c:v>166</c:v>
                </c:pt>
                <c:pt idx="1282">
                  <c:v>166</c:v>
                </c:pt>
                <c:pt idx="1283">
                  <c:v>167</c:v>
                </c:pt>
                <c:pt idx="1284">
                  <c:v>167</c:v>
                </c:pt>
                <c:pt idx="1285">
                  <c:v>167</c:v>
                </c:pt>
                <c:pt idx="1286">
                  <c:v>168</c:v>
                </c:pt>
                <c:pt idx="1287">
                  <c:v>168</c:v>
                </c:pt>
                <c:pt idx="1288">
                  <c:v>168</c:v>
                </c:pt>
                <c:pt idx="1289">
                  <c:v>169</c:v>
                </c:pt>
                <c:pt idx="1290">
                  <c:v>169</c:v>
                </c:pt>
                <c:pt idx="1291">
                  <c:v>169</c:v>
                </c:pt>
                <c:pt idx="1292">
                  <c:v>170</c:v>
                </c:pt>
                <c:pt idx="1293">
                  <c:v>170</c:v>
                </c:pt>
                <c:pt idx="1294">
                  <c:v>170</c:v>
                </c:pt>
                <c:pt idx="1295">
                  <c:v>171</c:v>
                </c:pt>
                <c:pt idx="1296">
                  <c:v>171</c:v>
                </c:pt>
                <c:pt idx="1297">
                  <c:v>171</c:v>
                </c:pt>
                <c:pt idx="1298">
                  <c:v>172</c:v>
                </c:pt>
                <c:pt idx="1299">
                  <c:v>172</c:v>
                </c:pt>
                <c:pt idx="1300">
                  <c:v>172</c:v>
                </c:pt>
                <c:pt idx="1301">
                  <c:v>173</c:v>
                </c:pt>
                <c:pt idx="1302">
                  <c:v>173</c:v>
                </c:pt>
                <c:pt idx="1303">
                  <c:v>173</c:v>
                </c:pt>
                <c:pt idx="1304">
                  <c:v>174</c:v>
                </c:pt>
                <c:pt idx="1305">
                  <c:v>174</c:v>
                </c:pt>
                <c:pt idx="1306">
                  <c:v>174</c:v>
                </c:pt>
                <c:pt idx="1307">
                  <c:v>175</c:v>
                </c:pt>
                <c:pt idx="1308">
                  <c:v>175</c:v>
                </c:pt>
                <c:pt idx="1309">
                  <c:v>175</c:v>
                </c:pt>
                <c:pt idx="1310">
                  <c:v>176</c:v>
                </c:pt>
                <c:pt idx="1311">
                  <c:v>176</c:v>
                </c:pt>
                <c:pt idx="1312">
                  <c:v>176</c:v>
                </c:pt>
                <c:pt idx="1313">
                  <c:v>177</c:v>
                </c:pt>
                <c:pt idx="1314">
                  <c:v>177</c:v>
                </c:pt>
                <c:pt idx="1315">
                  <c:v>177</c:v>
                </c:pt>
                <c:pt idx="1316">
                  <c:v>178</c:v>
                </c:pt>
                <c:pt idx="1317">
                  <c:v>178</c:v>
                </c:pt>
                <c:pt idx="1318">
                  <c:v>178</c:v>
                </c:pt>
                <c:pt idx="1319">
                  <c:v>179</c:v>
                </c:pt>
                <c:pt idx="1320">
                  <c:v>179</c:v>
                </c:pt>
                <c:pt idx="1321">
                  <c:v>179</c:v>
                </c:pt>
                <c:pt idx="1322">
                  <c:v>180</c:v>
                </c:pt>
                <c:pt idx="1323">
                  <c:v>180</c:v>
                </c:pt>
                <c:pt idx="1324">
                  <c:v>180</c:v>
                </c:pt>
                <c:pt idx="1325">
                  <c:v>181</c:v>
                </c:pt>
                <c:pt idx="1326">
                  <c:v>181</c:v>
                </c:pt>
                <c:pt idx="1327">
                  <c:v>181</c:v>
                </c:pt>
                <c:pt idx="1328">
                  <c:v>182</c:v>
                </c:pt>
                <c:pt idx="1329">
                  <c:v>182</c:v>
                </c:pt>
                <c:pt idx="1330">
                  <c:v>182</c:v>
                </c:pt>
                <c:pt idx="1331">
                  <c:v>183</c:v>
                </c:pt>
                <c:pt idx="1332">
                  <c:v>183</c:v>
                </c:pt>
                <c:pt idx="1333">
                  <c:v>183</c:v>
                </c:pt>
                <c:pt idx="1334">
                  <c:v>184</c:v>
                </c:pt>
                <c:pt idx="1335">
                  <c:v>184</c:v>
                </c:pt>
                <c:pt idx="1336">
                  <c:v>184</c:v>
                </c:pt>
                <c:pt idx="1337">
                  <c:v>185</c:v>
                </c:pt>
                <c:pt idx="1338">
                  <c:v>185</c:v>
                </c:pt>
                <c:pt idx="1339">
                  <c:v>185</c:v>
                </c:pt>
                <c:pt idx="1340">
                  <c:v>186</c:v>
                </c:pt>
                <c:pt idx="1341">
                  <c:v>186</c:v>
                </c:pt>
                <c:pt idx="1342">
                  <c:v>186</c:v>
                </c:pt>
                <c:pt idx="1343">
                  <c:v>187</c:v>
                </c:pt>
                <c:pt idx="1344">
                  <c:v>187</c:v>
                </c:pt>
                <c:pt idx="1345">
                  <c:v>187</c:v>
                </c:pt>
                <c:pt idx="1346">
                  <c:v>188</c:v>
                </c:pt>
                <c:pt idx="1347">
                  <c:v>188</c:v>
                </c:pt>
                <c:pt idx="1348">
                  <c:v>188</c:v>
                </c:pt>
                <c:pt idx="1349">
                  <c:v>189</c:v>
                </c:pt>
                <c:pt idx="1350">
                  <c:v>189</c:v>
                </c:pt>
                <c:pt idx="1351">
                  <c:v>189</c:v>
                </c:pt>
                <c:pt idx="1352">
                  <c:v>190</c:v>
                </c:pt>
                <c:pt idx="1353">
                  <c:v>190</c:v>
                </c:pt>
                <c:pt idx="1354">
                  <c:v>190</c:v>
                </c:pt>
                <c:pt idx="1355">
                  <c:v>191</c:v>
                </c:pt>
                <c:pt idx="1356">
                  <c:v>191</c:v>
                </c:pt>
                <c:pt idx="1357">
                  <c:v>191</c:v>
                </c:pt>
                <c:pt idx="1358">
                  <c:v>192</c:v>
                </c:pt>
                <c:pt idx="1359">
                  <c:v>192</c:v>
                </c:pt>
                <c:pt idx="1360">
                  <c:v>192</c:v>
                </c:pt>
                <c:pt idx="1361">
                  <c:v>193</c:v>
                </c:pt>
                <c:pt idx="1362">
                  <c:v>193</c:v>
                </c:pt>
                <c:pt idx="1363">
                  <c:v>193</c:v>
                </c:pt>
                <c:pt idx="1364">
                  <c:v>194</c:v>
                </c:pt>
                <c:pt idx="1365">
                  <c:v>194</c:v>
                </c:pt>
                <c:pt idx="1366">
                  <c:v>194</c:v>
                </c:pt>
                <c:pt idx="1367">
                  <c:v>195</c:v>
                </c:pt>
                <c:pt idx="1368">
                  <c:v>195</c:v>
                </c:pt>
                <c:pt idx="1369">
                  <c:v>195</c:v>
                </c:pt>
                <c:pt idx="1370">
                  <c:v>196</c:v>
                </c:pt>
                <c:pt idx="1371">
                  <c:v>196</c:v>
                </c:pt>
                <c:pt idx="1372">
                  <c:v>196</c:v>
                </c:pt>
                <c:pt idx="1373">
                  <c:v>197</c:v>
                </c:pt>
                <c:pt idx="1374">
                  <c:v>197</c:v>
                </c:pt>
                <c:pt idx="1375">
                  <c:v>197</c:v>
                </c:pt>
                <c:pt idx="1376">
                  <c:v>198</c:v>
                </c:pt>
                <c:pt idx="1377">
                  <c:v>198</c:v>
                </c:pt>
                <c:pt idx="1378">
                  <c:v>198</c:v>
                </c:pt>
                <c:pt idx="1379">
                  <c:v>199</c:v>
                </c:pt>
                <c:pt idx="1380">
                  <c:v>199</c:v>
                </c:pt>
                <c:pt idx="1381">
                  <c:v>199</c:v>
                </c:pt>
                <c:pt idx="1382">
                  <c:v>200</c:v>
                </c:pt>
                <c:pt idx="1383">
                  <c:v>200</c:v>
                </c:pt>
                <c:pt idx="1384">
                  <c:v>200</c:v>
                </c:pt>
                <c:pt idx="1385">
                  <c:v>201</c:v>
                </c:pt>
                <c:pt idx="1386">
                  <c:v>201</c:v>
                </c:pt>
                <c:pt idx="1387">
                  <c:v>201</c:v>
                </c:pt>
                <c:pt idx="1388">
                  <c:v>202</c:v>
                </c:pt>
                <c:pt idx="1389">
                  <c:v>202</c:v>
                </c:pt>
                <c:pt idx="1390">
                  <c:v>202</c:v>
                </c:pt>
                <c:pt idx="1391">
                  <c:v>203</c:v>
                </c:pt>
                <c:pt idx="1392">
                  <c:v>203</c:v>
                </c:pt>
                <c:pt idx="1393">
                  <c:v>203</c:v>
                </c:pt>
                <c:pt idx="1394">
                  <c:v>204</c:v>
                </c:pt>
                <c:pt idx="1395">
                  <c:v>204</c:v>
                </c:pt>
                <c:pt idx="1396">
                  <c:v>204</c:v>
                </c:pt>
                <c:pt idx="1397">
                  <c:v>205</c:v>
                </c:pt>
                <c:pt idx="1398">
                  <c:v>205</c:v>
                </c:pt>
                <c:pt idx="1399">
                  <c:v>205</c:v>
                </c:pt>
                <c:pt idx="1400">
                  <c:v>206</c:v>
                </c:pt>
                <c:pt idx="1401">
                  <c:v>206</c:v>
                </c:pt>
                <c:pt idx="1402">
                  <c:v>206</c:v>
                </c:pt>
                <c:pt idx="1403">
                  <c:v>207</c:v>
                </c:pt>
                <c:pt idx="1404">
                  <c:v>207</c:v>
                </c:pt>
                <c:pt idx="1405">
                  <c:v>207</c:v>
                </c:pt>
                <c:pt idx="1406">
                  <c:v>208</c:v>
                </c:pt>
                <c:pt idx="1407">
                  <c:v>208</c:v>
                </c:pt>
                <c:pt idx="1408">
                  <c:v>208</c:v>
                </c:pt>
                <c:pt idx="1409">
                  <c:v>209</c:v>
                </c:pt>
                <c:pt idx="1410">
                  <c:v>209</c:v>
                </c:pt>
                <c:pt idx="1411">
                  <c:v>209</c:v>
                </c:pt>
                <c:pt idx="1412">
                  <c:v>210</c:v>
                </c:pt>
                <c:pt idx="1413">
                  <c:v>210</c:v>
                </c:pt>
                <c:pt idx="1414">
                  <c:v>210</c:v>
                </c:pt>
                <c:pt idx="1415">
                  <c:v>211</c:v>
                </c:pt>
                <c:pt idx="1416">
                  <c:v>211</c:v>
                </c:pt>
                <c:pt idx="1417">
                  <c:v>211</c:v>
                </c:pt>
                <c:pt idx="1418">
                  <c:v>212</c:v>
                </c:pt>
                <c:pt idx="1419">
                  <c:v>212</c:v>
                </c:pt>
                <c:pt idx="1420">
                  <c:v>212</c:v>
                </c:pt>
                <c:pt idx="1421">
                  <c:v>213</c:v>
                </c:pt>
                <c:pt idx="1422">
                  <c:v>213</c:v>
                </c:pt>
                <c:pt idx="1423">
                  <c:v>213</c:v>
                </c:pt>
                <c:pt idx="1424">
                  <c:v>214</c:v>
                </c:pt>
                <c:pt idx="1425">
                  <c:v>214</c:v>
                </c:pt>
                <c:pt idx="1426">
                  <c:v>214</c:v>
                </c:pt>
                <c:pt idx="1427">
                  <c:v>215</c:v>
                </c:pt>
                <c:pt idx="1428">
                  <c:v>215</c:v>
                </c:pt>
                <c:pt idx="1429">
                  <c:v>215</c:v>
                </c:pt>
                <c:pt idx="1430">
                  <c:v>216</c:v>
                </c:pt>
                <c:pt idx="1431">
                  <c:v>216</c:v>
                </c:pt>
                <c:pt idx="1432">
                  <c:v>216</c:v>
                </c:pt>
                <c:pt idx="1433">
                  <c:v>217</c:v>
                </c:pt>
                <c:pt idx="1434">
                  <c:v>217</c:v>
                </c:pt>
                <c:pt idx="1435">
                  <c:v>217</c:v>
                </c:pt>
                <c:pt idx="1436">
                  <c:v>218</c:v>
                </c:pt>
                <c:pt idx="1437">
                  <c:v>218</c:v>
                </c:pt>
                <c:pt idx="1438">
                  <c:v>218</c:v>
                </c:pt>
                <c:pt idx="1439">
                  <c:v>219</c:v>
                </c:pt>
                <c:pt idx="1440">
                  <c:v>219</c:v>
                </c:pt>
                <c:pt idx="1441">
                  <c:v>219</c:v>
                </c:pt>
                <c:pt idx="1442">
                  <c:v>220</c:v>
                </c:pt>
                <c:pt idx="1443">
                  <c:v>220</c:v>
                </c:pt>
                <c:pt idx="1444">
                  <c:v>220</c:v>
                </c:pt>
                <c:pt idx="1445">
                  <c:v>221</c:v>
                </c:pt>
                <c:pt idx="1446">
                  <c:v>221</c:v>
                </c:pt>
                <c:pt idx="1447">
                  <c:v>221</c:v>
                </c:pt>
                <c:pt idx="1448">
                  <c:v>222</c:v>
                </c:pt>
                <c:pt idx="1449">
                  <c:v>222</c:v>
                </c:pt>
                <c:pt idx="1450">
                  <c:v>222</c:v>
                </c:pt>
                <c:pt idx="1451">
                  <c:v>223</c:v>
                </c:pt>
                <c:pt idx="1452">
                  <c:v>223</c:v>
                </c:pt>
                <c:pt idx="1453">
                  <c:v>223</c:v>
                </c:pt>
                <c:pt idx="1454">
                  <c:v>224</c:v>
                </c:pt>
                <c:pt idx="1455">
                  <c:v>224</c:v>
                </c:pt>
                <c:pt idx="1456">
                  <c:v>224</c:v>
                </c:pt>
                <c:pt idx="1457">
                  <c:v>225</c:v>
                </c:pt>
                <c:pt idx="1458">
                  <c:v>225</c:v>
                </c:pt>
                <c:pt idx="1459">
                  <c:v>225</c:v>
                </c:pt>
                <c:pt idx="1460">
                  <c:v>226</c:v>
                </c:pt>
                <c:pt idx="1461">
                  <c:v>226</c:v>
                </c:pt>
                <c:pt idx="1462">
                  <c:v>226</c:v>
                </c:pt>
                <c:pt idx="1463">
                  <c:v>227</c:v>
                </c:pt>
                <c:pt idx="1464">
                  <c:v>227</c:v>
                </c:pt>
                <c:pt idx="1465">
                  <c:v>227</c:v>
                </c:pt>
                <c:pt idx="1466">
                  <c:v>228</c:v>
                </c:pt>
                <c:pt idx="1467">
                  <c:v>228</c:v>
                </c:pt>
                <c:pt idx="1468">
                  <c:v>228</c:v>
                </c:pt>
                <c:pt idx="1469">
                  <c:v>229</c:v>
                </c:pt>
                <c:pt idx="1470">
                  <c:v>229</c:v>
                </c:pt>
                <c:pt idx="1471">
                  <c:v>229</c:v>
                </c:pt>
                <c:pt idx="1472">
                  <c:v>230</c:v>
                </c:pt>
                <c:pt idx="1473">
                  <c:v>230</c:v>
                </c:pt>
                <c:pt idx="1474">
                  <c:v>230</c:v>
                </c:pt>
                <c:pt idx="1475">
                  <c:v>231</c:v>
                </c:pt>
                <c:pt idx="1476">
                  <c:v>231</c:v>
                </c:pt>
                <c:pt idx="1477">
                  <c:v>231</c:v>
                </c:pt>
                <c:pt idx="1478">
                  <c:v>232</c:v>
                </c:pt>
                <c:pt idx="1479">
                  <c:v>232</c:v>
                </c:pt>
                <c:pt idx="1480">
                  <c:v>232</c:v>
                </c:pt>
                <c:pt idx="1481">
                  <c:v>233</c:v>
                </c:pt>
                <c:pt idx="1482">
                  <c:v>233</c:v>
                </c:pt>
                <c:pt idx="1483">
                  <c:v>233</c:v>
                </c:pt>
                <c:pt idx="1484">
                  <c:v>234</c:v>
                </c:pt>
                <c:pt idx="1485">
                  <c:v>234</c:v>
                </c:pt>
                <c:pt idx="1486">
                  <c:v>234</c:v>
                </c:pt>
                <c:pt idx="1487">
                  <c:v>235</c:v>
                </c:pt>
                <c:pt idx="1488">
                  <c:v>235</c:v>
                </c:pt>
                <c:pt idx="1489">
                  <c:v>235</c:v>
                </c:pt>
                <c:pt idx="1490">
                  <c:v>236</c:v>
                </c:pt>
                <c:pt idx="1491">
                  <c:v>236</c:v>
                </c:pt>
                <c:pt idx="1492">
                  <c:v>236</c:v>
                </c:pt>
                <c:pt idx="1493">
                  <c:v>237</c:v>
                </c:pt>
                <c:pt idx="1494">
                  <c:v>237</c:v>
                </c:pt>
                <c:pt idx="1495">
                  <c:v>237</c:v>
                </c:pt>
                <c:pt idx="1496">
                  <c:v>238</c:v>
                </c:pt>
                <c:pt idx="1497">
                  <c:v>238</c:v>
                </c:pt>
                <c:pt idx="1498">
                  <c:v>238</c:v>
                </c:pt>
                <c:pt idx="1499">
                  <c:v>239</c:v>
                </c:pt>
                <c:pt idx="1500">
                  <c:v>239</c:v>
                </c:pt>
                <c:pt idx="1501">
                  <c:v>239</c:v>
                </c:pt>
                <c:pt idx="1502">
                  <c:v>240</c:v>
                </c:pt>
                <c:pt idx="1503">
                  <c:v>240</c:v>
                </c:pt>
                <c:pt idx="1504">
                  <c:v>240</c:v>
                </c:pt>
                <c:pt idx="1505">
                  <c:v>241</c:v>
                </c:pt>
                <c:pt idx="1506">
                  <c:v>241</c:v>
                </c:pt>
                <c:pt idx="1507">
                  <c:v>241</c:v>
                </c:pt>
                <c:pt idx="1508">
                  <c:v>242</c:v>
                </c:pt>
                <c:pt idx="1509">
                  <c:v>242</c:v>
                </c:pt>
                <c:pt idx="1510">
                  <c:v>242</c:v>
                </c:pt>
                <c:pt idx="1511">
                  <c:v>243</c:v>
                </c:pt>
                <c:pt idx="1512">
                  <c:v>243</c:v>
                </c:pt>
                <c:pt idx="1513">
                  <c:v>243</c:v>
                </c:pt>
                <c:pt idx="1514">
                  <c:v>244</c:v>
                </c:pt>
                <c:pt idx="1515">
                  <c:v>244</c:v>
                </c:pt>
                <c:pt idx="1516">
                  <c:v>244</c:v>
                </c:pt>
                <c:pt idx="1517">
                  <c:v>245</c:v>
                </c:pt>
                <c:pt idx="1518">
                  <c:v>245</c:v>
                </c:pt>
                <c:pt idx="1519">
                  <c:v>245</c:v>
                </c:pt>
                <c:pt idx="1520">
                  <c:v>246</c:v>
                </c:pt>
                <c:pt idx="1521">
                  <c:v>246</c:v>
                </c:pt>
                <c:pt idx="1522">
                  <c:v>246</c:v>
                </c:pt>
                <c:pt idx="1523">
                  <c:v>247</c:v>
                </c:pt>
                <c:pt idx="1524">
                  <c:v>247</c:v>
                </c:pt>
                <c:pt idx="1525">
                  <c:v>247</c:v>
                </c:pt>
                <c:pt idx="1526">
                  <c:v>248</c:v>
                </c:pt>
                <c:pt idx="1527">
                  <c:v>248</c:v>
                </c:pt>
                <c:pt idx="1528">
                  <c:v>248</c:v>
                </c:pt>
                <c:pt idx="1529">
                  <c:v>249</c:v>
                </c:pt>
                <c:pt idx="1530">
                  <c:v>249</c:v>
                </c:pt>
                <c:pt idx="1531">
                  <c:v>249</c:v>
                </c:pt>
                <c:pt idx="1532">
                  <c:v>250</c:v>
                </c:pt>
                <c:pt idx="1533">
                  <c:v>250</c:v>
                </c:pt>
                <c:pt idx="1534">
                  <c:v>250</c:v>
                </c:pt>
                <c:pt idx="1535">
                  <c:v>251</c:v>
                </c:pt>
                <c:pt idx="1536">
                  <c:v>251</c:v>
                </c:pt>
                <c:pt idx="1537">
                  <c:v>251</c:v>
                </c:pt>
                <c:pt idx="1538">
                  <c:v>252</c:v>
                </c:pt>
                <c:pt idx="1539">
                  <c:v>252</c:v>
                </c:pt>
                <c:pt idx="1540">
                  <c:v>252</c:v>
                </c:pt>
                <c:pt idx="1541">
                  <c:v>253</c:v>
                </c:pt>
                <c:pt idx="1542">
                  <c:v>253</c:v>
                </c:pt>
                <c:pt idx="1543">
                  <c:v>253</c:v>
                </c:pt>
                <c:pt idx="1544">
                  <c:v>254</c:v>
                </c:pt>
                <c:pt idx="1545">
                  <c:v>254</c:v>
                </c:pt>
                <c:pt idx="1546">
                  <c:v>254</c:v>
                </c:pt>
                <c:pt idx="1547">
                  <c:v>255</c:v>
                </c:pt>
                <c:pt idx="1548">
                  <c:v>255</c:v>
                </c:pt>
                <c:pt idx="1549">
                  <c:v>255</c:v>
                </c:pt>
                <c:pt idx="1550">
                  <c:v>256</c:v>
                </c:pt>
                <c:pt idx="1551">
                  <c:v>256</c:v>
                </c:pt>
                <c:pt idx="1552">
                  <c:v>256</c:v>
                </c:pt>
                <c:pt idx="1553">
                  <c:v>257</c:v>
                </c:pt>
                <c:pt idx="1554">
                  <c:v>257</c:v>
                </c:pt>
                <c:pt idx="1555">
                  <c:v>257</c:v>
                </c:pt>
                <c:pt idx="1556">
                  <c:v>258</c:v>
                </c:pt>
                <c:pt idx="1557">
                  <c:v>258</c:v>
                </c:pt>
                <c:pt idx="1558">
                  <c:v>258</c:v>
                </c:pt>
                <c:pt idx="1559">
                  <c:v>259</c:v>
                </c:pt>
                <c:pt idx="1560">
                  <c:v>259</c:v>
                </c:pt>
                <c:pt idx="1561">
                  <c:v>259</c:v>
                </c:pt>
                <c:pt idx="1562">
                  <c:v>260</c:v>
                </c:pt>
                <c:pt idx="1563">
                  <c:v>260</c:v>
                </c:pt>
                <c:pt idx="1564">
                  <c:v>260</c:v>
                </c:pt>
                <c:pt idx="1565">
                  <c:v>261</c:v>
                </c:pt>
                <c:pt idx="1566">
                  <c:v>261</c:v>
                </c:pt>
                <c:pt idx="1567">
                  <c:v>261</c:v>
                </c:pt>
                <c:pt idx="1568">
                  <c:v>262</c:v>
                </c:pt>
                <c:pt idx="1569">
                  <c:v>262</c:v>
                </c:pt>
                <c:pt idx="1570">
                  <c:v>262</c:v>
                </c:pt>
                <c:pt idx="1571">
                  <c:v>263</c:v>
                </c:pt>
                <c:pt idx="1572">
                  <c:v>263</c:v>
                </c:pt>
                <c:pt idx="1573">
                  <c:v>263</c:v>
                </c:pt>
                <c:pt idx="1574">
                  <c:v>264</c:v>
                </c:pt>
                <c:pt idx="1575">
                  <c:v>264</c:v>
                </c:pt>
                <c:pt idx="1576">
                  <c:v>264</c:v>
                </c:pt>
                <c:pt idx="1577">
                  <c:v>265</c:v>
                </c:pt>
                <c:pt idx="1578">
                  <c:v>265</c:v>
                </c:pt>
                <c:pt idx="1579">
                  <c:v>265</c:v>
                </c:pt>
                <c:pt idx="1580">
                  <c:v>266</c:v>
                </c:pt>
                <c:pt idx="1581">
                  <c:v>266</c:v>
                </c:pt>
                <c:pt idx="1582">
                  <c:v>266</c:v>
                </c:pt>
                <c:pt idx="1583">
                  <c:v>267</c:v>
                </c:pt>
                <c:pt idx="1584">
                  <c:v>267</c:v>
                </c:pt>
                <c:pt idx="1585">
                  <c:v>267</c:v>
                </c:pt>
                <c:pt idx="1586">
                  <c:v>268</c:v>
                </c:pt>
                <c:pt idx="1587">
                  <c:v>268</c:v>
                </c:pt>
                <c:pt idx="1588">
                  <c:v>268</c:v>
                </c:pt>
                <c:pt idx="1589">
                  <c:v>269</c:v>
                </c:pt>
                <c:pt idx="1590">
                  <c:v>269</c:v>
                </c:pt>
                <c:pt idx="1591">
                  <c:v>269</c:v>
                </c:pt>
                <c:pt idx="1592">
                  <c:v>270</c:v>
                </c:pt>
                <c:pt idx="1593">
                  <c:v>270</c:v>
                </c:pt>
                <c:pt idx="1594">
                  <c:v>270</c:v>
                </c:pt>
                <c:pt idx="1595">
                  <c:v>271</c:v>
                </c:pt>
                <c:pt idx="1596">
                  <c:v>271</c:v>
                </c:pt>
                <c:pt idx="1597">
                  <c:v>271</c:v>
                </c:pt>
                <c:pt idx="1598">
                  <c:v>272</c:v>
                </c:pt>
                <c:pt idx="1599">
                  <c:v>272</c:v>
                </c:pt>
                <c:pt idx="1600">
                  <c:v>272</c:v>
                </c:pt>
                <c:pt idx="1601">
                  <c:v>273</c:v>
                </c:pt>
                <c:pt idx="1602">
                  <c:v>273</c:v>
                </c:pt>
                <c:pt idx="1603">
                  <c:v>273</c:v>
                </c:pt>
                <c:pt idx="1604">
                  <c:v>274</c:v>
                </c:pt>
                <c:pt idx="1605">
                  <c:v>274</c:v>
                </c:pt>
                <c:pt idx="1606">
                  <c:v>274</c:v>
                </c:pt>
                <c:pt idx="1607">
                  <c:v>275</c:v>
                </c:pt>
                <c:pt idx="1608">
                  <c:v>275</c:v>
                </c:pt>
                <c:pt idx="1609">
                  <c:v>275</c:v>
                </c:pt>
                <c:pt idx="1610">
                  <c:v>276</c:v>
                </c:pt>
                <c:pt idx="1611">
                  <c:v>276</c:v>
                </c:pt>
                <c:pt idx="1612">
                  <c:v>276</c:v>
                </c:pt>
                <c:pt idx="1613">
                  <c:v>277</c:v>
                </c:pt>
                <c:pt idx="1614">
                  <c:v>277</c:v>
                </c:pt>
                <c:pt idx="1615">
                  <c:v>277</c:v>
                </c:pt>
                <c:pt idx="1616">
                  <c:v>278</c:v>
                </c:pt>
                <c:pt idx="1617">
                  <c:v>278</c:v>
                </c:pt>
                <c:pt idx="1618">
                  <c:v>278</c:v>
                </c:pt>
                <c:pt idx="1619">
                  <c:v>279</c:v>
                </c:pt>
                <c:pt idx="1620">
                  <c:v>279</c:v>
                </c:pt>
                <c:pt idx="1621">
                  <c:v>279</c:v>
                </c:pt>
                <c:pt idx="1622">
                  <c:v>280</c:v>
                </c:pt>
                <c:pt idx="1623">
                  <c:v>280</c:v>
                </c:pt>
                <c:pt idx="1624">
                  <c:v>280</c:v>
                </c:pt>
                <c:pt idx="1625">
                  <c:v>281</c:v>
                </c:pt>
                <c:pt idx="1626">
                  <c:v>281</c:v>
                </c:pt>
                <c:pt idx="1627">
                  <c:v>281</c:v>
                </c:pt>
                <c:pt idx="1628">
                  <c:v>282</c:v>
                </c:pt>
                <c:pt idx="1629">
                  <c:v>282</c:v>
                </c:pt>
                <c:pt idx="1630">
                  <c:v>282</c:v>
                </c:pt>
                <c:pt idx="1631">
                  <c:v>283</c:v>
                </c:pt>
                <c:pt idx="1632">
                  <c:v>283</c:v>
                </c:pt>
                <c:pt idx="1633">
                  <c:v>283</c:v>
                </c:pt>
                <c:pt idx="1634">
                  <c:v>284</c:v>
                </c:pt>
                <c:pt idx="1635">
                  <c:v>284</c:v>
                </c:pt>
                <c:pt idx="1636">
                  <c:v>284</c:v>
                </c:pt>
                <c:pt idx="1637">
                  <c:v>285</c:v>
                </c:pt>
                <c:pt idx="1638">
                  <c:v>285</c:v>
                </c:pt>
                <c:pt idx="1639">
                  <c:v>285</c:v>
                </c:pt>
                <c:pt idx="1640">
                  <c:v>286</c:v>
                </c:pt>
                <c:pt idx="1641">
                  <c:v>286</c:v>
                </c:pt>
                <c:pt idx="1642">
                  <c:v>286</c:v>
                </c:pt>
                <c:pt idx="1643">
                  <c:v>287</c:v>
                </c:pt>
                <c:pt idx="1644">
                  <c:v>287</c:v>
                </c:pt>
                <c:pt idx="1645">
                  <c:v>287</c:v>
                </c:pt>
                <c:pt idx="1646">
                  <c:v>288</c:v>
                </c:pt>
                <c:pt idx="1647">
                  <c:v>288</c:v>
                </c:pt>
                <c:pt idx="1648">
                  <c:v>288</c:v>
                </c:pt>
                <c:pt idx="1649">
                  <c:v>289</c:v>
                </c:pt>
                <c:pt idx="1650">
                  <c:v>289</c:v>
                </c:pt>
                <c:pt idx="1651">
                  <c:v>289</c:v>
                </c:pt>
                <c:pt idx="1652">
                  <c:v>290</c:v>
                </c:pt>
                <c:pt idx="1653">
                  <c:v>290</c:v>
                </c:pt>
                <c:pt idx="1654">
                  <c:v>290</c:v>
                </c:pt>
                <c:pt idx="1655">
                  <c:v>291</c:v>
                </c:pt>
                <c:pt idx="1656">
                  <c:v>291</c:v>
                </c:pt>
                <c:pt idx="1657">
                  <c:v>291</c:v>
                </c:pt>
                <c:pt idx="1658">
                  <c:v>292</c:v>
                </c:pt>
                <c:pt idx="1659">
                  <c:v>292</c:v>
                </c:pt>
                <c:pt idx="1660">
                  <c:v>292</c:v>
                </c:pt>
                <c:pt idx="1661">
                  <c:v>293</c:v>
                </c:pt>
                <c:pt idx="1662">
                  <c:v>293</c:v>
                </c:pt>
                <c:pt idx="1663">
                  <c:v>293</c:v>
                </c:pt>
                <c:pt idx="1664">
                  <c:v>294</c:v>
                </c:pt>
                <c:pt idx="1665">
                  <c:v>294</c:v>
                </c:pt>
                <c:pt idx="1666">
                  <c:v>294</c:v>
                </c:pt>
                <c:pt idx="1667">
                  <c:v>295</c:v>
                </c:pt>
                <c:pt idx="1668">
                  <c:v>295</c:v>
                </c:pt>
                <c:pt idx="1669">
                  <c:v>295</c:v>
                </c:pt>
                <c:pt idx="1670">
                  <c:v>296</c:v>
                </c:pt>
                <c:pt idx="1671">
                  <c:v>296</c:v>
                </c:pt>
                <c:pt idx="1672">
                  <c:v>296</c:v>
                </c:pt>
                <c:pt idx="1673">
                  <c:v>297</c:v>
                </c:pt>
                <c:pt idx="1674">
                  <c:v>297</c:v>
                </c:pt>
                <c:pt idx="1675">
                  <c:v>297</c:v>
                </c:pt>
                <c:pt idx="1676">
                  <c:v>298</c:v>
                </c:pt>
                <c:pt idx="1677">
                  <c:v>298</c:v>
                </c:pt>
                <c:pt idx="1678">
                  <c:v>298</c:v>
                </c:pt>
                <c:pt idx="1679">
                  <c:v>299</c:v>
                </c:pt>
                <c:pt idx="1680">
                  <c:v>299</c:v>
                </c:pt>
                <c:pt idx="1681">
                  <c:v>299</c:v>
                </c:pt>
                <c:pt idx="1682">
                  <c:v>300</c:v>
                </c:pt>
                <c:pt idx="1683">
                  <c:v>300</c:v>
                </c:pt>
                <c:pt idx="1684">
                  <c:v>300</c:v>
                </c:pt>
                <c:pt idx="1685">
                  <c:v>301</c:v>
                </c:pt>
                <c:pt idx="1686">
                  <c:v>301</c:v>
                </c:pt>
                <c:pt idx="1687">
                  <c:v>301</c:v>
                </c:pt>
                <c:pt idx="1688">
                  <c:v>302</c:v>
                </c:pt>
                <c:pt idx="1689">
                  <c:v>302</c:v>
                </c:pt>
                <c:pt idx="1690">
                  <c:v>302</c:v>
                </c:pt>
                <c:pt idx="1691">
                  <c:v>303</c:v>
                </c:pt>
                <c:pt idx="1692">
                  <c:v>303</c:v>
                </c:pt>
                <c:pt idx="1693">
                  <c:v>303</c:v>
                </c:pt>
                <c:pt idx="1694">
                  <c:v>304</c:v>
                </c:pt>
                <c:pt idx="1695">
                  <c:v>304</c:v>
                </c:pt>
                <c:pt idx="1696">
                  <c:v>304</c:v>
                </c:pt>
                <c:pt idx="1697">
                  <c:v>305</c:v>
                </c:pt>
                <c:pt idx="1698">
                  <c:v>305</c:v>
                </c:pt>
                <c:pt idx="1699">
                  <c:v>305</c:v>
                </c:pt>
                <c:pt idx="1700">
                  <c:v>306</c:v>
                </c:pt>
                <c:pt idx="1701">
                  <c:v>306</c:v>
                </c:pt>
                <c:pt idx="1702">
                  <c:v>306</c:v>
                </c:pt>
                <c:pt idx="1703">
                  <c:v>307</c:v>
                </c:pt>
                <c:pt idx="1704">
                  <c:v>307</c:v>
                </c:pt>
                <c:pt idx="1705">
                  <c:v>307</c:v>
                </c:pt>
                <c:pt idx="1706">
                  <c:v>308</c:v>
                </c:pt>
                <c:pt idx="1707">
                  <c:v>308</c:v>
                </c:pt>
                <c:pt idx="1708">
                  <c:v>308</c:v>
                </c:pt>
                <c:pt idx="1709">
                  <c:v>309</c:v>
                </c:pt>
                <c:pt idx="1710">
                  <c:v>309</c:v>
                </c:pt>
                <c:pt idx="1711">
                  <c:v>309</c:v>
                </c:pt>
                <c:pt idx="1712">
                  <c:v>310</c:v>
                </c:pt>
                <c:pt idx="1713">
                  <c:v>310</c:v>
                </c:pt>
                <c:pt idx="1714">
                  <c:v>310</c:v>
                </c:pt>
                <c:pt idx="1715">
                  <c:v>311</c:v>
                </c:pt>
                <c:pt idx="1716">
                  <c:v>311</c:v>
                </c:pt>
                <c:pt idx="1717">
                  <c:v>311</c:v>
                </c:pt>
                <c:pt idx="1718">
                  <c:v>312</c:v>
                </c:pt>
                <c:pt idx="1719">
                  <c:v>312</c:v>
                </c:pt>
                <c:pt idx="1720">
                  <c:v>312</c:v>
                </c:pt>
                <c:pt idx="1721">
                  <c:v>313</c:v>
                </c:pt>
                <c:pt idx="1722">
                  <c:v>313</c:v>
                </c:pt>
                <c:pt idx="1723">
                  <c:v>313</c:v>
                </c:pt>
                <c:pt idx="1724">
                  <c:v>314</c:v>
                </c:pt>
                <c:pt idx="1725">
                  <c:v>314</c:v>
                </c:pt>
                <c:pt idx="1726">
                  <c:v>314</c:v>
                </c:pt>
                <c:pt idx="1727">
                  <c:v>315</c:v>
                </c:pt>
                <c:pt idx="1728">
                  <c:v>315</c:v>
                </c:pt>
                <c:pt idx="1729">
                  <c:v>315</c:v>
                </c:pt>
                <c:pt idx="1730">
                  <c:v>316</c:v>
                </c:pt>
                <c:pt idx="1731">
                  <c:v>316</c:v>
                </c:pt>
                <c:pt idx="1732">
                  <c:v>316</c:v>
                </c:pt>
                <c:pt idx="1733">
                  <c:v>317</c:v>
                </c:pt>
                <c:pt idx="1734">
                  <c:v>317</c:v>
                </c:pt>
                <c:pt idx="1735">
                  <c:v>317</c:v>
                </c:pt>
                <c:pt idx="1736">
                  <c:v>318</c:v>
                </c:pt>
                <c:pt idx="1737">
                  <c:v>318</c:v>
                </c:pt>
                <c:pt idx="1738">
                  <c:v>318</c:v>
                </c:pt>
                <c:pt idx="1739">
                  <c:v>319</c:v>
                </c:pt>
                <c:pt idx="1740">
                  <c:v>319</c:v>
                </c:pt>
                <c:pt idx="1741">
                  <c:v>319</c:v>
                </c:pt>
                <c:pt idx="1742">
                  <c:v>320</c:v>
                </c:pt>
                <c:pt idx="1743">
                  <c:v>320</c:v>
                </c:pt>
                <c:pt idx="1744">
                  <c:v>320</c:v>
                </c:pt>
                <c:pt idx="1745">
                  <c:v>321</c:v>
                </c:pt>
                <c:pt idx="1746">
                  <c:v>321</c:v>
                </c:pt>
                <c:pt idx="1747">
                  <c:v>321</c:v>
                </c:pt>
                <c:pt idx="1748">
                  <c:v>322</c:v>
                </c:pt>
                <c:pt idx="1749">
                  <c:v>322</c:v>
                </c:pt>
                <c:pt idx="1750">
                  <c:v>322</c:v>
                </c:pt>
                <c:pt idx="1751">
                  <c:v>323</c:v>
                </c:pt>
                <c:pt idx="1752">
                  <c:v>323</c:v>
                </c:pt>
                <c:pt idx="1753">
                  <c:v>323</c:v>
                </c:pt>
                <c:pt idx="1754">
                  <c:v>324</c:v>
                </c:pt>
                <c:pt idx="1755">
                  <c:v>324</c:v>
                </c:pt>
                <c:pt idx="1756">
                  <c:v>324</c:v>
                </c:pt>
                <c:pt idx="1757">
                  <c:v>325</c:v>
                </c:pt>
                <c:pt idx="1758">
                  <c:v>325</c:v>
                </c:pt>
                <c:pt idx="1759">
                  <c:v>325</c:v>
                </c:pt>
                <c:pt idx="1760">
                  <c:v>326</c:v>
                </c:pt>
                <c:pt idx="1761">
                  <c:v>326</c:v>
                </c:pt>
                <c:pt idx="1762">
                  <c:v>326</c:v>
                </c:pt>
                <c:pt idx="1763">
                  <c:v>327</c:v>
                </c:pt>
                <c:pt idx="1764">
                  <c:v>327</c:v>
                </c:pt>
                <c:pt idx="1765">
                  <c:v>327</c:v>
                </c:pt>
                <c:pt idx="1766">
                  <c:v>328</c:v>
                </c:pt>
                <c:pt idx="1767">
                  <c:v>328</c:v>
                </c:pt>
                <c:pt idx="1768">
                  <c:v>328</c:v>
                </c:pt>
                <c:pt idx="1769">
                  <c:v>329</c:v>
                </c:pt>
                <c:pt idx="1770">
                  <c:v>329</c:v>
                </c:pt>
                <c:pt idx="1771">
                  <c:v>329</c:v>
                </c:pt>
                <c:pt idx="1772">
                  <c:v>330</c:v>
                </c:pt>
                <c:pt idx="1773">
                  <c:v>330</c:v>
                </c:pt>
                <c:pt idx="1774">
                  <c:v>330</c:v>
                </c:pt>
                <c:pt idx="1775">
                  <c:v>331</c:v>
                </c:pt>
                <c:pt idx="1776">
                  <c:v>331</c:v>
                </c:pt>
                <c:pt idx="1777">
                  <c:v>331</c:v>
                </c:pt>
                <c:pt idx="1778">
                  <c:v>332</c:v>
                </c:pt>
                <c:pt idx="1779">
                  <c:v>332</c:v>
                </c:pt>
                <c:pt idx="1780">
                  <c:v>332</c:v>
                </c:pt>
                <c:pt idx="1781">
                  <c:v>333</c:v>
                </c:pt>
                <c:pt idx="1782">
                  <c:v>333</c:v>
                </c:pt>
                <c:pt idx="1783">
                  <c:v>333</c:v>
                </c:pt>
                <c:pt idx="1784">
                  <c:v>334</c:v>
                </c:pt>
                <c:pt idx="1785">
                  <c:v>334</c:v>
                </c:pt>
                <c:pt idx="1786">
                  <c:v>334</c:v>
                </c:pt>
                <c:pt idx="1787">
                  <c:v>335</c:v>
                </c:pt>
                <c:pt idx="1788">
                  <c:v>335</c:v>
                </c:pt>
                <c:pt idx="1789">
                  <c:v>335</c:v>
                </c:pt>
                <c:pt idx="1790">
                  <c:v>336</c:v>
                </c:pt>
                <c:pt idx="1791">
                  <c:v>336</c:v>
                </c:pt>
                <c:pt idx="1792">
                  <c:v>336</c:v>
                </c:pt>
                <c:pt idx="1793">
                  <c:v>337</c:v>
                </c:pt>
                <c:pt idx="1794">
                  <c:v>337</c:v>
                </c:pt>
                <c:pt idx="1795">
                  <c:v>337</c:v>
                </c:pt>
                <c:pt idx="1796">
                  <c:v>338</c:v>
                </c:pt>
                <c:pt idx="1797">
                  <c:v>338</c:v>
                </c:pt>
                <c:pt idx="1798">
                  <c:v>338</c:v>
                </c:pt>
                <c:pt idx="1799">
                  <c:v>339</c:v>
                </c:pt>
                <c:pt idx="1800">
                  <c:v>339</c:v>
                </c:pt>
                <c:pt idx="1801">
                  <c:v>339</c:v>
                </c:pt>
                <c:pt idx="1802">
                  <c:v>340</c:v>
                </c:pt>
                <c:pt idx="1803">
                  <c:v>340</c:v>
                </c:pt>
                <c:pt idx="1804">
                  <c:v>340</c:v>
                </c:pt>
                <c:pt idx="1805">
                  <c:v>341</c:v>
                </c:pt>
                <c:pt idx="1806">
                  <c:v>341</c:v>
                </c:pt>
                <c:pt idx="1807">
                  <c:v>341</c:v>
                </c:pt>
                <c:pt idx="1808">
                  <c:v>342</c:v>
                </c:pt>
                <c:pt idx="1809">
                  <c:v>342</c:v>
                </c:pt>
                <c:pt idx="1810">
                  <c:v>342</c:v>
                </c:pt>
                <c:pt idx="1811">
                  <c:v>343</c:v>
                </c:pt>
                <c:pt idx="1812">
                  <c:v>343</c:v>
                </c:pt>
                <c:pt idx="1813">
                  <c:v>343</c:v>
                </c:pt>
                <c:pt idx="1814">
                  <c:v>344</c:v>
                </c:pt>
                <c:pt idx="1815">
                  <c:v>344</c:v>
                </c:pt>
                <c:pt idx="1816">
                  <c:v>344</c:v>
                </c:pt>
                <c:pt idx="1817">
                  <c:v>345</c:v>
                </c:pt>
                <c:pt idx="1818">
                  <c:v>345</c:v>
                </c:pt>
                <c:pt idx="1819">
                  <c:v>345</c:v>
                </c:pt>
                <c:pt idx="1820">
                  <c:v>346</c:v>
                </c:pt>
                <c:pt idx="1821">
                  <c:v>346</c:v>
                </c:pt>
                <c:pt idx="1822">
                  <c:v>346</c:v>
                </c:pt>
                <c:pt idx="1823">
                  <c:v>347</c:v>
                </c:pt>
                <c:pt idx="1824">
                  <c:v>347</c:v>
                </c:pt>
                <c:pt idx="1825">
                  <c:v>347</c:v>
                </c:pt>
                <c:pt idx="1826">
                  <c:v>348</c:v>
                </c:pt>
                <c:pt idx="1827">
                  <c:v>348</c:v>
                </c:pt>
                <c:pt idx="1828">
                  <c:v>348</c:v>
                </c:pt>
                <c:pt idx="1829">
                  <c:v>349</c:v>
                </c:pt>
                <c:pt idx="1830">
                  <c:v>349</c:v>
                </c:pt>
                <c:pt idx="1831">
                  <c:v>349</c:v>
                </c:pt>
                <c:pt idx="1832">
                  <c:v>350</c:v>
                </c:pt>
                <c:pt idx="1833">
                  <c:v>350</c:v>
                </c:pt>
                <c:pt idx="1834">
                  <c:v>350</c:v>
                </c:pt>
                <c:pt idx="1835">
                  <c:v>351</c:v>
                </c:pt>
                <c:pt idx="1836">
                  <c:v>351</c:v>
                </c:pt>
                <c:pt idx="1837">
                  <c:v>351</c:v>
                </c:pt>
                <c:pt idx="1838">
                  <c:v>352</c:v>
                </c:pt>
                <c:pt idx="1839">
                  <c:v>352</c:v>
                </c:pt>
                <c:pt idx="1840">
                  <c:v>352</c:v>
                </c:pt>
                <c:pt idx="1841">
                  <c:v>353</c:v>
                </c:pt>
                <c:pt idx="1842">
                  <c:v>353</c:v>
                </c:pt>
                <c:pt idx="1843">
                  <c:v>353</c:v>
                </c:pt>
                <c:pt idx="1844">
                  <c:v>354</c:v>
                </c:pt>
                <c:pt idx="1845">
                  <c:v>354</c:v>
                </c:pt>
                <c:pt idx="1846">
                  <c:v>354</c:v>
                </c:pt>
                <c:pt idx="1847">
                  <c:v>355</c:v>
                </c:pt>
                <c:pt idx="1848">
                  <c:v>355</c:v>
                </c:pt>
                <c:pt idx="1849">
                  <c:v>355</c:v>
                </c:pt>
                <c:pt idx="1850">
                  <c:v>356</c:v>
                </c:pt>
                <c:pt idx="1851">
                  <c:v>356</c:v>
                </c:pt>
                <c:pt idx="1852">
                  <c:v>356</c:v>
                </c:pt>
                <c:pt idx="1853">
                  <c:v>357</c:v>
                </c:pt>
                <c:pt idx="1854">
                  <c:v>357</c:v>
                </c:pt>
                <c:pt idx="1855">
                  <c:v>357</c:v>
                </c:pt>
                <c:pt idx="1856">
                  <c:v>358</c:v>
                </c:pt>
                <c:pt idx="1857">
                  <c:v>358</c:v>
                </c:pt>
                <c:pt idx="1858">
                  <c:v>358</c:v>
                </c:pt>
                <c:pt idx="1859">
                  <c:v>359</c:v>
                </c:pt>
                <c:pt idx="1860">
                  <c:v>359</c:v>
                </c:pt>
                <c:pt idx="1861">
                  <c:v>359</c:v>
                </c:pt>
                <c:pt idx="1862">
                  <c:v>360</c:v>
                </c:pt>
                <c:pt idx="1863">
                  <c:v>360</c:v>
                </c:pt>
                <c:pt idx="1864">
                  <c:v>360</c:v>
                </c:pt>
                <c:pt idx="1865">
                  <c:v>361</c:v>
                </c:pt>
                <c:pt idx="1866">
                  <c:v>361</c:v>
                </c:pt>
                <c:pt idx="1867">
                  <c:v>361</c:v>
                </c:pt>
                <c:pt idx="1868">
                  <c:v>362</c:v>
                </c:pt>
                <c:pt idx="1869">
                  <c:v>362</c:v>
                </c:pt>
                <c:pt idx="1870">
                  <c:v>362</c:v>
                </c:pt>
                <c:pt idx="1871">
                  <c:v>363</c:v>
                </c:pt>
                <c:pt idx="1872">
                  <c:v>363</c:v>
                </c:pt>
                <c:pt idx="1873">
                  <c:v>363</c:v>
                </c:pt>
                <c:pt idx="1874">
                  <c:v>364</c:v>
                </c:pt>
                <c:pt idx="1875">
                  <c:v>364</c:v>
                </c:pt>
                <c:pt idx="1876">
                  <c:v>364</c:v>
                </c:pt>
                <c:pt idx="1877">
                  <c:v>365</c:v>
                </c:pt>
                <c:pt idx="1878">
                  <c:v>365</c:v>
                </c:pt>
                <c:pt idx="1879">
                  <c:v>365</c:v>
                </c:pt>
                <c:pt idx="1880">
                  <c:v>366</c:v>
                </c:pt>
                <c:pt idx="1881">
                  <c:v>366</c:v>
                </c:pt>
                <c:pt idx="1882">
                  <c:v>366</c:v>
                </c:pt>
                <c:pt idx="1883">
                  <c:v>367</c:v>
                </c:pt>
                <c:pt idx="1884">
                  <c:v>367</c:v>
                </c:pt>
                <c:pt idx="1885">
                  <c:v>367</c:v>
                </c:pt>
                <c:pt idx="1886">
                  <c:v>368</c:v>
                </c:pt>
                <c:pt idx="1887">
                  <c:v>368</c:v>
                </c:pt>
                <c:pt idx="1888">
                  <c:v>368</c:v>
                </c:pt>
                <c:pt idx="1889">
                  <c:v>369</c:v>
                </c:pt>
                <c:pt idx="1890">
                  <c:v>369</c:v>
                </c:pt>
                <c:pt idx="1891">
                  <c:v>369</c:v>
                </c:pt>
                <c:pt idx="1892">
                  <c:v>370</c:v>
                </c:pt>
                <c:pt idx="1893">
                  <c:v>370</c:v>
                </c:pt>
                <c:pt idx="1894">
                  <c:v>370</c:v>
                </c:pt>
                <c:pt idx="1895">
                  <c:v>371</c:v>
                </c:pt>
                <c:pt idx="1896">
                  <c:v>371</c:v>
                </c:pt>
                <c:pt idx="1897">
                  <c:v>371</c:v>
                </c:pt>
                <c:pt idx="1898">
                  <c:v>372</c:v>
                </c:pt>
                <c:pt idx="1899">
                  <c:v>372</c:v>
                </c:pt>
                <c:pt idx="1900">
                  <c:v>372</c:v>
                </c:pt>
                <c:pt idx="1901">
                  <c:v>373</c:v>
                </c:pt>
                <c:pt idx="1902">
                  <c:v>373</c:v>
                </c:pt>
                <c:pt idx="1903">
                  <c:v>373</c:v>
                </c:pt>
                <c:pt idx="1904">
                  <c:v>374</c:v>
                </c:pt>
                <c:pt idx="1905">
                  <c:v>374</c:v>
                </c:pt>
                <c:pt idx="1906">
                  <c:v>374</c:v>
                </c:pt>
                <c:pt idx="1907">
                  <c:v>375</c:v>
                </c:pt>
                <c:pt idx="1908">
                  <c:v>375</c:v>
                </c:pt>
                <c:pt idx="1909">
                  <c:v>375</c:v>
                </c:pt>
                <c:pt idx="1910">
                  <c:v>376</c:v>
                </c:pt>
                <c:pt idx="1911">
                  <c:v>376</c:v>
                </c:pt>
                <c:pt idx="1912">
                  <c:v>376</c:v>
                </c:pt>
                <c:pt idx="1913">
                  <c:v>377</c:v>
                </c:pt>
                <c:pt idx="1914">
                  <c:v>377</c:v>
                </c:pt>
                <c:pt idx="1915">
                  <c:v>377</c:v>
                </c:pt>
                <c:pt idx="1916">
                  <c:v>378</c:v>
                </c:pt>
                <c:pt idx="1917">
                  <c:v>378</c:v>
                </c:pt>
                <c:pt idx="1918">
                  <c:v>378</c:v>
                </c:pt>
                <c:pt idx="1919">
                  <c:v>379</c:v>
                </c:pt>
                <c:pt idx="1920">
                  <c:v>379</c:v>
                </c:pt>
                <c:pt idx="1921">
                  <c:v>379</c:v>
                </c:pt>
                <c:pt idx="1922">
                  <c:v>380</c:v>
                </c:pt>
                <c:pt idx="1923">
                  <c:v>380</c:v>
                </c:pt>
                <c:pt idx="1924">
                  <c:v>380</c:v>
                </c:pt>
                <c:pt idx="1925">
                  <c:v>381</c:v>
                </c:pt>
                <c:pt idx="1926">
                  <c:v>381</c:v>
                </c:pt>
                <c:pt idx="1927">
                  <c:v>381</c:v>
                </c:pt>
                <c:pt idx="1928">
                  <c:v>382</c:v>
                </c:pt>
                <c:pt idx="1929">
                  <c:v>382</c:v>
                </c:pt>
                <c:pt idx="1930">
                  <c:v>382</c:v>
                </c:pt>
                <c:pt idx="1931">
                  <c:v>383</c:v>
                </c:pt>
                <c:pt idx="1932">
                  <c:v>383</c:v>
                </c:pt>
                <c:pt idx="1933">
                  <c:v>383</c:v>
                </c:pt>
                <c:pt idx="1934">
                  <c:v>384</c:v>
                </c:pt>
                <c:pt idx="1935">
                  <c:v>384</c:v>
                </c:pt>
                <c:pt idx="1936">
                  <c:v>384</c:v>
                </c:pt>
                <c:pt idx="1937">
                  <c:v>385</c:v>
                </c:pt>
                <c:pt idx="1938">
                  <c:v>385</c:v>
                </c:pt>
                <c:pt idx="1939">
                  <c:v>385</c:v>
                </c:pt>
                <c:pt idx="1940">
                  <c:v>386</c:v>
                </c:pt>
                <c:pt idx="1941">
                  <c:v>386</c:v>
                </c:pt>
                <c:pt idx="1942">
                  <c:v>386</c:v>
                </c:pt>
                <c:pt idx="1943">
                  <c:v>387</c:v>
                </c:pt>
                <c:pt idx="1944">
                  <c:v>387</c:v>
                </c:pt>
                <c:pt idx="1945">
                  <c:v>387</c:v>
                </c:pt>
                <c:pt idx="1946">
                  <c:v>388</c:v>
                </c:pt>
                <c:pt idx="1947">
                  <c:v>388</c:v>
                </c:pt>
                <c:pt idx="1948">
                  <c:v>388</c:v>
                </c:pt>
                <c:pt idx="1949">
                  <c:v>389</c:v>
                </c:pt>
                <c:pt idx="1950">
                  <c:v>389</c:v>
                </c:pt>
                <c:pt idx="1951">
                  <c:v>389</c:v>
                </c:pt>
                <c:pt idx="1952">
                  <c:v>390</c:v>
                </c:pt>
                <c:pt idx="1953">
                  <c:v>390</c:v>
                </c:pt>
                <c:pt idx="1954">
                  <c:v>390</c:v>
                </c:pt>
                <c:pt idx="1955">
                  <c:v>391</c:v>
                </c:pt>
                <c:pt idx="1956">
                  <c:v>391</c:v>
                </c:pt>
                <c:pt idx="1957">
                  <c:v>391</c:v>
                </c:pt>
                <c:pt idx="1958">
                  <c:v>392</c:v>
                </c:pt>
                <c:pt idx="1959">
                  <c:v>392</c:v>
                </c:pt>
                <c:pt idx="1960">
                  <c:v>392</c:v>
                </c:pt>
                <c:pt idx="1961">
                  <c:v>393</c:v>
                </c:pt>
                <c:pt idx="1962">
                  <c:v>393</c:v>
                </c:pt>
                <c:pt idx="1963">
                  <c:v>393</c:v>
                </c:pt>
                <c:pt idx="1964">
                  <c:v>394</c:v>
                </c:pt>
                <c:pt idx="1965">
                  <c:v>394</c:v>
                </c:pt>
                <c:pt idx="1966">
                  <c:v>394</c:v>
                </c:pt>
                <c:pt idx="1967">
                  <c:v>395</c:v>
                </c:pt>
                <c:pt idx="1968">
                  <c:v>395</c:v>
                </c:pt>
                <c:pt idx="1969">
                  <c:v>395</c:v>
                </c:pt>
                <c:pt idx="1970">
                  <c:v>396</c:v>
                </c:pt>
                <c:pt idx="1971">
                  <c:v>396</c:v>
                </c:pt>
                <c:pt idx="1972">
                  <c:v>396</c:v>
                </c:pt>
                <c:pt idx="1973">
                  <c:v>397</c:v>
                </c:pt>
                <c:pt idx="1974">
                  <c:v>397</c:v>
                </c:pt>
                <c:pt idx="1975">
                  <c:v>397</c:v>
                </c:pt>
                <c:pt idx="1976">
                  <c:v>398</c:v>
                </c:pt>
                <c:pt idx="1977">
                  <c:v>398</c:v>
                </c:pt>
                <c:pt idx="1978">
                  <c:v>398</c:v>
                </c:pt>
                <c:pt idx="1979">
                  <c:v>399</c:v>
                </c:pt>
                <c:pt idx="1980">
                  <c:v>399</c:v>
                </c:pt>
                <c:pt idx="1981">
                  <c:v>399</c:v>
                </c:pt>
                <c:pt idx="1982">
                  <c:v>400</c:v>
                </c:pt>
                <c:pt idx="1983">
                  <c:v>400</c:v>
                </c:pt>
                <c:pt idx="1984">
                  <c:v>400</c:v>
                </c:pt>
                <c:pt idx="1985">
                  <c:v>401</c:v>
                </c:pt>
                <c:pt idx="1986">
                  <c:v>401</c:v>
                </c:pt>
                <c:pt idx="1987">
                  <c:v>401</c:v>
                </c:pt>
                <c:pt idx="1988">
                  <c:v>402</c:v>
                </c:pt>
                <c:pt idx="1989">
                  <c:v>402</c:v>
                </c:pt>
                <c:pt idx="1990">
                  <c:v>402</c:v>
                </c:pt>
                <c:pt idx="1991">
                  <c:v>403</c:v>
                </c:pt>
                <c:pt idx="1992">
                  <c:v>403</c:v>
                </c:pt>
                <c:pt idx="1993">
                  <c:v>403</c:v>
                </c:pt>
                <c:pt idx="1994">
                  <c:v>404</c:v>
                </c:pt>
                <c:pt idx="1995">
                  <c:v>404</c:v>
                </c:pt>
                <c:pt idx="1996">
                  <c:v>404</c:v>
                </c:pt>
                <c:pt idx="1997">
                  <c:v>405</c:v>
                </c:pt>
                <c:pt idx="1998">
                  <c:v>405</c:v>
                </c:pt>
                <c:pt idx="1999">
                  <c:v>405</c:v>
                </c:pt>
                <c:pt idx="2000">
                  <c:v>406</c:v>
                </c:pt>
                <c:pt idx="2001">
                  <c:v>406</c:v>
                </c:pt>
                <c:pt idx="2002">
                  <c:v>406</c:v>
                </c:pt>
                <c:pt idx="2003">
                  <c:v>407</c:v>
                </c:pt>
                <c:pt idx="2004">
                  <c:v>407</c:v>
                </c:pt>
                <c:pt idx="2005">
                  <c:v>407</c:v>
                </c:pt>
                <c:pt idx="2006">
                  <c:v>408</c:v>
                </c:pt>
                <c:pt idx="2007">
                  <c:v>408</c:v>
                </c:pt>
                <c:pt idx="2008">
                  <c:v>408</c:v>
                </c:pt>
                <c:pt idx="2009">
                  <c:v>409</c:v>
                </c:pt>
                <c:pt idx="2010">
                  <c:v>409</c:v>
                </c:pt>
                <c:pt idx="2011">
                  <c:v>409</c:v>
                </c:pt>
                <c:pt idx="2012">
                  <c:v>410</c:v>
                </c:pt>
                <c:pt idx="2013">
                  <c:v>410</c:v>
                </c:pt>
                <c:pt idx="2014">
                  <c:v>410</c:v>
                </c:pt>
                <c:pt idx="2015">
                  <c:v>411</c:v>
                </c:pt>
                <c:pt idx="2016">
                  <c:v>411</c:v>
                </c:pt>
                <c:pt idx="2017">
                  <c:v>411</c:v>
                </c:pt>
                <c:pt idx="2018">
                  <c:v>412</c:v>
                </c:pt>
                <c:pt idx="2019">
                  <c:v>412</c:v>
                </c:pt>
                <c:pt idx="2020">
                  <c:v>412</c:v>
                </c:pt>
                <c:pt idx="2021">
                  <c:v>413</c:v>
                </c:pt>
                <c:pt idx="2022">
                  <c:v>413</c:v>
                </c:pt>
                <c:pt idx="2023">
                  <c:v>413</c:v>
                </c:pt>
                <c:pt idx="2024">
                  <c:v>414</c:v>
                </c:pt>
                <c:pt idx="2025">
                  <c:v>414</c:v>
                </c:pt>
                <c:pt idx="2026">
                  <c:v>414</c:v>
                </c:pt>
                <c:pt idx="2027">
                  <c:v>415</c:v>
                </c:pt>
                <c:pt idx="2028">
                  <c:v>415</c:v>
                </c:pt>
                <c:pt idx="2029">
                  <c:v>415</c:v>
                </c:pt>
                <c:pt idx="2030">
                  <c:v>416</c:v>
                </c:pt>
                <c:pt idx="2031">
                  <c:v>416</c:v>
                </c:pt>
                <c:pt idx="2032">
                  <c:v>416</c:v>
                </c:pt>
                <c:pt idx="2033">
                  <c:v>417</c:v>
                </c:pt>
                <c:pt idx="2034">
                  <c:v>417</c:v>
                </c:pt>
                <c:pt idx="2035">
                  <c:v>417</c:v>
                </c:pt>
                <c:pt idx="2036">
                  <c:v>418</c:v>
                </c:pt>
                <c:pt idx="2037">
                  <c:v>418</c:v>
                </c:pt>
                <c:pt idx="2038">
                  <c:v>418</c:v>
                </c:pt>
                <c:pt idx="2039">
                  <c:v>419</c:v>
                </c:pt>
                <c:pt idx="2040">
                  <c:v>419</c:v>
                </c:pt>
                <c:pt idx="2041">
                  <c:v>419</c:v>
                </c:pt>
                <c:pt idx="2042">
                  <c:v>420</c:v>
                </c:pt>
                <c:pt idx="2043">
                  <c:v>420</c:v>
                </c:pt>
                <c:pt idx="2044">
                  <c:v>420</c:v>
                </c:pt>
                <c:pt idx="2045">
                  <c:v>421</c:v>
                </c:pt>
                <c:pt idx="2046">
                  <c:v>421</c:v>
                </c:pt>
                <c:pt idx="2047">
                  <c:v>421</c:v>
                </c:pt>
                <c:pt idx="2048">
                  <c:v>422</c:v>
                </c:pt>
                <c:pt idx="2049">
                  <c:v>422</c:v>
                </c:pt>
                <c:pt idx="2050">
                  <c:v>422</c:v>
                </c:pt>
                <c:pt idx="2051">
                  <c:v>423</c:v>
                </c:pt>
                <c:pt idx="2052">
                  <c:v>423</c:v>
                </c:pt>
                <c:pt idx="2053">
                  <c:v>423</c:v>
                </c:pt>
                <c:pt idx="2054">
                  <c:v>424</c:v>
                </c:pt>
                <c:pt idx="2055">
                  <c:v>424</c:v>
                </c:pt>
                <c:pt idx="2056">
                  <c:v>424</c:v>
                </c:pt>
                <c:pt idx="2057">
                  <c:v>425</c:v>
                </c:pt>
                <c:pt idx="2058">
                  <c:v>425</c:v>
                </c:pt>
                <c:pt idx="2059">
                  <c:v>425</c:v>
                </c:pt>
                <c:pt idx="2060">
                  <c:v>426</c:v>
                </c:pt>
                <c:pt idx="2061">
                  <c:v>426</c:v>
                </c:pt>
                <c:pt idx="2062">
                  <c:v>426</c:v>
                </c:pt>
                <c:pt idx="2063">
                  <c:v>427</c:v>
                </c:pt>
                <c:pt idx="2064">
                  <c:v>427</c:v>
                </c:pt>
                <c:pt idx="2065">
                  <c:v>427</c:v>
                </c:pt>
                <c:pt idx="2066">
                  <c:v>428</c:v>
                </c:pt>
                <c:pt idx="2067">
                  <c:v>428</c:v>
                </c:pt>
                <c:pt idx="2068">
                  <c:v>428</c:v>
                </c:pt>
                <c:pt idx="2069">
                  <c:v>429</c:v>
                </c:pt>
                <c:pt idx="2070">
                  <c:v>429</c:v>
                </c:pt>
                <c:pt idx="2071">
                  <c:v>429</c:v>
                </c:pt>
                <c:pt idx="2072">
                  <c:v>430</c:v>
                </c:pt>
                <c:pt idx="2073">
                  <c:v>430</c:v>
                </c:pt>
                <c:pt idx="2074">
                  <c:v>430</c:v>
                </c:pt>
                <c:pt idx="2075">
                  <c:v>431</c:v>
                </c:pt>
                <c:pt idx="2076">
                  <c:v>431</c:v>
                </c:pt>
                <c:pt idx="2077">
                  <c:v>431</c:v>
                </c:pt>
                <c:pt idx="2078">
                  <c:v>432</c:v>
                </c:pt>
                <c:pt idx="2079">
                  <c:v>432</c:v>
                </c:pt>
                <c:pt idx="2080">
                  <c:v>432</c:v>
                </c:pt>
                <c:pt idx="2081">
                  <c:v>433</c:v>
                </c:pt>
                <c:pt idx="2082">
                  <c:v>433</c:v>
                </c:pt>
                <c:pt idx="2083">
                  <c:v>433</c:v>
                </c:pt>
                <c:pt idx="2084">
                  <c:v>434</c:v>
                </c:pt>
                <c:pt idx="2085">
                  <c:v>434</c:v>
                </c:pt>
                <c:pt idx="2086">
                  <c:v>434</c:v>
                </c:pt>
                <c:pt idx="2087">
                  <c:v>435</c:v>
                </c:pt>
                <c:pt idx="2088">
                  <c:v>435</c:v>
                </c:pt>
                <c:pt idx="2089">
                  <c:v>435</c:v>
                </c:pt>
                <c:pt idx="2090">
                  <c:v>436</c:v>
                </c:pt>
                <c:pt idx="2091">
                  <c:v>436</c:v>
                </c:pt>
                <c:pt idx="2092">
                  <c:v>436</c:v>
                </c:pt>
                <c:pt idx="2093">
                  <c:v>437</c:v>
                </c:pt>
                <c:pt idx="2094">
                  <c:v>437</c:v>
                </c:pt>
                <c:pt idx="2095">
                  <c:v>437</c:v>
                </c:pt>
                <c:pt idx="2096">
                  <c:v>438</c:v>
                </c:pt>
                <c:pt idx="2097">
                  <c:v>438</c:v>
                </c:pt>
                <c:pt idx="2098">
                  <c:v>438</c:v>
                </c:pt>
                <c:pt idx="2099">
                  <c:v>439</c:v>
                </c:pt>
                <c:pt idx="2100">
                  <c:v>439</c:v>
                </c:pt>
                <c:pt idx="2101">
                  <c:v>439</c:v>
                </c:pt>
                <c:pt idx="2102">
                  <c:v>440</c:v>
                </c:pt>
                <c:pt idx="2103">
                  <c:v>440</c:v>
                </c:pt>
                <c:pt idx="2104">
                  <c:v>440</c:v>
                </c:pt>
                <c:pt idx="2105">
                  <c:v>441</c:v>
                </c:pt>
                <c:pt idx="2106">
                  <c:v>441</c:v>
                </c:pt>
                <c:pt idx="2107">
                  <c:v>441</c:v>
                </c:pt>
                <c:pt idx="2108">
                  <c:v>442</c:v>
                </c:pt>
                <c:pt idx="2109">
                  <c:v>442</c:v>
                </c:pt>
                <c:pt idx="2110">
                  <c:v>442</c:v>
                </c:pt>
                <c:pt idx="2111">
                  <c:v>443</c:v>
                </c:pt>
                <c:pt idx="2112">
                  <c:v>443</c:v>
                </c:pt>
                <c:pt idx="2113">
                  <c:v>443</c:v>
                </c:pt>
                <c:pt idx="2114">
                  <c:v>444</c:v>
                </c:pt>
                <c:pt idx="2115">
                  <c:v>444</c:v>
                </c:pt>
                <c:pt idx="2116">
                  <c:v>444</c:v>
                </c:pt>
                <c:pt idx="2117">
                  <c:v>445</c:v>
                </c:pt>
                <c:pt idx="2118">
                  <c:v>445</c:v>
                </c:pt>
                <c:pt idx="2119">
                  <c:v>445</c:v>
                </c:pt>
                <c:pt idx="2120">
                  <c:v>446</c:v>
                </c:pt>
                <c:pt idx="2121">
                  <c:v>446</c:v>
                </c:pt>
                <c:pt idx="2122">
                  <c:v>446</c:v>
                </c:pt>
                <c:pt idx="2123">
                  <c:v>447</c:v>
                </c:pt>
                <c:pt idx="2124">
                  <c:v>447</c:v>
                </c:pt>
                <c:pt idx="2125">
                  <c:v>447</c:v>
                </c:pt>
                <c:pt idx="2126">
                  <c:v>448</c:v>
                </c:pt>
                <c:pt idx="2127">
                  <c:v>448</c:v>
                </c:pt>
                <c:pt idx="2128">
                  <c:v>448</c:v>
                </c:pt>
                <c:pt idx="2129">
                  <c:v>449</c:v>
                </c:pt>
                <c:pt idx="2130">
                  <c:v>449</c:v>
                </c:pt>
                <c:pt idx="2131">
                  <c:v>449</c:v>
                </c:pt>
                <c:pt idx="2132">
                  <c:v>450</c:v>
                </c:pt>
                <c:pt idx="2133">
                  <c:v>450</c:v>
                </c:pt>
                <c:pt idx="2134">
                  <c:v>450</c:v>
                </c:pt>
                <c:pt idx="2135">
                  <c:v>451</c:v>
                </c:pt>
                <c:pt idx="2136">
                  <c:v>451</c:v>
                </c:pt>
                <c:pt idx="2137">
                  <c:v>451</c:v>
                </c:pt>
                <c:pt idx="2138">
                  <c:v>452</c:v>
                </c:pt>
                <c:pt idx="2139">
                  <c:v>452</c:v>
                </c:pt>
                <c:pt idx="2140">
                  <c:v>452</c:v>
                </c:pt>
                <c:pt idx="2141">
                  <c:v>453</c:v>
                </c:pt>
                <c:pt idx="2142">
                  <c:v>453</c:v>
                </c:pt>
                <c:pt idx="2143">
                  <c:v>453</c:v>
                </c:pt>
                <c:pt idx="2144">
                  <c:v>454</c:v>
                </c:pt>
                <c:pt idx="2145">
                  <c:v>454</c:v>
                </c:pt>
                <c:pt idx="2146">
                  <c:v>454</c:v>
                </c:pt>
                <c:pt idx="2147">
                  <c:v>455</c:v>
                </c:pt>
                <c:pt idx="2148">
                  <c:v>455</c:v>
                </c:pt>
                <c:pt idx="2149">
                  <c:v>455</c:v>
                </c:pt>
                <c:pt idx="2150">
                  <c:v>456</c:v>
                </c:pt>
                <c:pt idx="2151">
                  <c:v>456</c:v>
                </c:pt>
                <c:pt idx="2152">
                  <c:v>456</c:v>
                </c:pt>
                <c:pt idx="2153">
                  <c:v>457</c:v>
                </c:pt>
                <c:pt idx="2154">
                  <c:v>457</c:v>
                </c:pt>
                <c:pt idx="2155">
                  <c:v>457</c:v>
                </c:pt>
                <c:pt idx="2156">
                  <c:v>458</c:v>
                </c:pt>
                <c:pt idx="2157">
                  <c:v>458</c:v>
                </c:pt>
                <c:pt idx="2158">
                  <c:v>458</c:v>
                </c:pt>
                <c:pt idx="2159">
                  <c:v>459</c:v>
                </c:pt>
                <c:pt idx="2160">
                  <c:v>459</c:v>
                </c:pt>
                <c:pt idx="2161">
                  <c:v>459</c:v>
                </c:pt>
                <c:pt idx="2162">
                  <c:v>460</c:v>
                </c:pt>
                <c:pt idx="2163">
                  <c:v>460</c:v>
                </c:pt>
                <c:pt idx="2164">
                  <c:v>460</c:v>
                </c:pt>
                <c:pt idx="2165">
                  <c:v>461</c:v>
                </c:pt>
                <c:pt idx="2166">
                  <c:v>461</c:v>
                </c:pt>
                <c:pt idx="2167">
                  <c:v>461</c:v>
                </c:pt>
                <c:pt idx="2168">
                  <c:v>462</c:v>
                </c:pt>
                <c:pt idx="2169">
                  <c:v>462</c:v>
                </c:pt>
                <c:pt idx="2170">
                  <c:v>462</c:v>
                </c:pt>
                <c:pt idx="2171">
                  <c:v>463</c:v>
                </c:pt>
                <c:pt idx="2172">
                  <c:v>463</c:v>
                </c:pt>
                <c:pt idx="2173">
                  <c:v>463</c:v>
                </c:pt>
                <c:pt idx="2174">
                  <c:v>464</c:v>
                </c:pt>
                <c:pt idx="2175">
                  <c:v>464</c:v>
                </c:pt>
                <c:pt idx="2176">
                  <c:v>464</c:v>
                </c:pt>
                <c:pt idx="2177">
                  <c:v>465</c:v>
                </c:pt>
                <c:pt idx="2178">
                  <c:v>465</c:v>
                </c:pt>
                <c:pt idx="2179">
                  <c:v>465</c:v>
                </c:pt>
                <c:pt idx="2180">
                  <c:v>466</c:v>
                </c:pt>
                <c:pt idx="2181">
                  <c:v>466</c:v>
                </c:pt>
                <c:pt idx="2182">
                  <c:v>466</c:v>
                </c:pt>
                <c:pt idx="2183">
                  <c:v>467</c:v>
                </c:pt>
                <c:pt idx="2184">
                  <c:v>467</c:v>
                </c:pt>
                <c:pt idx="2185">
                  <c:v>467</c:v>
                </c:pt>
                <c:pt idx="2186">
                  <c:v>468</c:v>
                </c:pt>
                <c:pt idx="2187">
                  <c:v>468</c:v>
                </c:pt>
                <c:pt idx="2188">
                  <c:v>468</c:v>
                </c:pt>
                <c:pt idx="2189">
                  <c:v>469</c:v>
                </c:pt>
                <c:pt idx="2190">
                  <c:v>469</c:v>
                </c:pt>
                <c:pt idx="2191">
                  <c:v>469</c:v>
                </c:pt>
                <c:pt idx="2192">
                  <c:v>470</c:v>
                </c:pt>
                <c:pt idx="2193">
                  <c:v>470</c:v>
                </c:pt>
                <c:pt idx="2194">
                  <c:v>470</c:v>
                </c:pt>
                <c:pt idx="2195">
                  <c:v>471</c:v>
                </c:pt>
                <c:pt idx="2196">
                  <c:v>471</c:v>
                </c:pt>
                <c:pt idx="2197">
                  <c:v>471</c:v>
                </c:pt>
                <c:pt idx="2198">
                  <c:v>472</c:v>
                </c:pt>
                <c:pt idx="2199">
                  <c:v>472</c:v>
                </c:pt>
                <c:pt idx="2200">
                  <c:v>472</c:v>
                </c:pt>
                <c:pt idx="2201">
                  <c:v>473</c:v>
                </c:pt>
                <c:pt idx="2202">
                  <c:v>473</c:v>
                </c:pt>
                <c:pt idx="2203">
                  <c:v>473</c:v>
                </c:pt>
                <c:pt idx="2204">
                  <c:v>474</c:v>
                </c:pt>
                <c:pt idx="2205">
                  <c:v>474</c:v>
                </c:pt>
                <c:pt idx="2206">
                  <c:v>474</c:v>
                </c:pt>
                <c:pt idx="2207">
                  <c:v>475</c:v>
                </c:pt>
                <c:pt idx="2208">
                  <c:v>475</c:v>
                </c:pt>
                <c:pt idx="2209">
                  <c:v>475</c:v>
                </c:pt>
                <c:pt idx="2210">
                  <c:v>476</c:v>
                </c:pt>
                <c:pt idx="2211">
                  <c:v>476</c:v>
                </c:pt>
                <c:pt idx="2212">
                  <c:v>476</c:v>
                </c:pt>
                <c:pt idx="2213">
                  <c:v>477</c:v>
                </c:pt>
                <c:pt idx="2214">
                  <c:v>477</c:v>
                </c:pt>
                <c:pt idx="2215">
                  <c:v>477</c:v>
                </c:pt>
                <c:pt idx="2216">
                  <c:v>478</c:v>
                </c:pt>
                <c:pt idx="2217">
                  <c:v>478</c:v>
                </c:pt>
                <c:pt idx="2218">
                  <c:v>478</c:v>
                </c:pt>
                <c:pt idx="2219">
                  <c:v>479</c:v>
                </c:pt>
                <c:pt idx="2220">
                  <c:v>479</c:v>
                </c:pt>
                <c:pt idx="2221">
                  <c:v>479</c:v>
                </c:pt>
                <c:pt idx="2222">
                  <c:v>480</c:v>
                </c:pt>
                <c:pt idx="2223">
                  <c:v>480</c:v>
                </c:pt>
                <c:pt idx="2224">
                  <c:v>480</c:v>
                </c:pt>
                <c:pt idx="2225">
                  <c:v>481</c:v>
                </c:pt>
                <c:pt idx="2226">
                  <c:v>481</c:v>
                </c:pt>
                <c:pt idx="2227">
                  <c:v>481</c:v>
                </c:pt>
                <c:pt idx="2228">
                  <c:v>482</c:v>
                </c:pt>
                <c:pt idx="2229">
                  <c:v>482</c:v>
                </c:pt>
                <c:pt idx="2230">
                  <c:v>482</c:v>
                </c:pt>
                <c:pt idx="2231">
                  <c:v>483</c:v>
                </c:pt>
                <c:pt idx="2232">
                  <c:v>483</c:v>
                </c:pt>
                <c:pt idx="2233">
                  <c:v>483</c:v>
                </c:pt>
                <c:pt idx="2234">
                  <c:v>484</c:v>
                </c:pt>
                <c:pt idx="2235">
                  <c:v>484</c:v>
                </c:pt>
                <c:pt idx="2236">
                  <c:v>484</c:v>
                </c:pt>
                <c:pt idx="2237">
                  <c:v>485</c:v>
                </c:pt>
                <c:pt idx="2238">
                  <c:v>485</c:v>
                </c:pt>
                <c:pt idx="2239">
                  <c:v>485</c:v>
                </c:pt>
                <c:pt idx="2240">
                  <c:v>486</c:v>
                </c:pt>
                <c:pt idx="2241">
                  <c:v>486</c:v>
                </c:pt>
                <c:pt idx="2242">
                  <c:v>486</c:v>
                </c:pt>
                <c:pt idx="2243">
                  <c:v>487</c:v>
                </c:pt>
                <c:pt idx="2244">
                  <c:v>487</c:v>
                </c:pt>
                <c:pt idx="2245">
                  <c:v>487</c:v>
                </c:pt>
                <c:pt idx="2246">
                  <c:v>488</c:v>
                </c:pt>
                <c:pt idx="2247">
                  <c:v>488</c:v>
                </c:pt>
                <c:pt idx="2248">
                  <c:v>488</c:v>
                </c:pt>
                <c:pt idx="2249">
                  <c:v>489</c:v>
                </c:pt>
                <c:pt idx="2250">
                  <c:v>489</c:v>
                </c:pt>
                <c:pt idx="2251">
                  <c:v>489</c:v>
                </c:pt>
                <c:pt idx="2252">
                  <c:v>490</c:v>
                </c:pt>
                <c:pt idx="2253">
                  <c:v>490</c:v>
                </c:pt>
                <c:pt idx="2254">
                  <c:v>490</c:v>
                </c:pt>
                <c:pt idx="2255">
                  <c:v>491</c:v>
                </c:pt>
                <c:pt idx="2256">
                  <c:v>491</c:v>
                </c:pt>
                <c:pt idx="2257">
                  <c:v>491</c:v>
                </c:pt>
                <c:pt idx="2258">
                  <c:v>492</c:v>
                </c:pt>
                <c:pt idx="2259">
                  <c:v>492</c:v>
                </c:pt>
                <c:pt idx="2260">
                  <c:v>492</c:v>
                </c:pt>
                <c:pt idx="2261">
                  <c:v>493</c:v>
                </c:pt>
                <c:pt idx="2262">
                  <c:v>493</c:v>
                </c:pt>
                <c:pt idx="2263">
                  <c:v>493</c:v>
                </c:pt>
                <c:pt idx="2264">
                  <c:v>494</c:v>
                </c:pt>
                <c:pt idx="2265">
                  <c:v>494</c:v>
                </c:pt>
                <c:pt idx="2266">
                  <c:v>494</c:v>
                </c:pt>
                <c:pt idx="2267">
                  <c:v>495</c:v>
                </c:pt>
                <c:pt idx="2268">
                  <c:v>495</c:v>
                </c:pt>
                <c:pt idx="2269">
                  <c:v>495</c:v>
                </c:pt>
                <c:pt idx="2270">
                  <c:v>496</c:v>
                </c:pt>
                <c:pt idx="2271">
                  <c:v>496</c:v>
                </c:pt>
                <c:pt idx="2272">
                  <c:v>496</c:v>
                </c:pt>
                <c:pt idx="2273">
                  <c:v>497</c:v>
                </c:pt>
                <c:pt idx="2274">
                  <c:v>497</c:v>
                </c:pt>
                <c:pt idx="2275">
                  <c:v>497</c:v>
                </c:pt>
                <c:pt idx="2276">
                  <c:v>498</c:v>
                </c:pt>
                <c:pt idx="2277">
                  <c:v>498</c:v>
                </c:pt>
                <c:pt idx="2278">
                  <c:v>498</c:v>
                </c:pt>
                <c:pt idx="2279">
                  <c:v>499</c:v>
                </c:pt>
                <c:pt idx="2280">
                  <c:v>499</c:v>
                </c:pt>
                <c:pt idx="2281">
                  <c:v>499</c:v>
                </c:pt>
                <c:pt idx="2282">
                  <c:v>500</c:v>
                </c:pt>
                <c:pt idx="2283">
                  <c:v>500</c:v>
                </c:pt>
                <c:pt idx="2284">
                  <c:v>500</c:v>
                </c:pt>
                <c:pt idx="2285">
                  <c:v>501</c:v>
                </c:pt>
                <c:pt idx="2286">
                  <c:v>501</c:v>
                </c:pt>
                <c:pt idx="2287">
                  <c:v>501</c:v>
                </c:pt>
                <c:pt idx="2288">
                  <c:v>502</c:v>
                </c:pt>
                <c:pt idx="2289">
                  <c:v>502</c:v>
                </c:pt>
                <c:pt idx="2290">
                  <c:v>502</c:v>
                </c:pt>
                <c:pt idx="2291">
                  <c:v>503</c:v>
                </c:pt>
                <c:pt idx="2292">
                  <c:v>503</c:v>
                </c:pt>
                <c:pt idx="2293">
                  <c:v>503</c:v>
                </c:pt>
                <c:pt idx="2294">
                  <c:v>504</c:v>
                </c:pt>
                <c:pt idx="2295">
                  <c:v>504</c:v>
                </c:pt>
                <c:pt idx="2296">
                  <c:v>504</c:v>
                </c:pt>
                <c:pt idx="2297">
                  <c:v>505</c:v>
                </c:pt>
                <c:pt idx="2298">
                  <c:v>505</c:v>
                </c:pt>
                <c:pt idx="2299">
                  <c:v>505</c:v>
                </c:pt>
                <c:pt idx="2300">
                  <c:v>506</c:v>
                </c:pt>
                <c:pt idx="2301">
                  <c:v>506</c:v>
                </c:pt>
                <c:pt idx="2302">
                  <c:v>506</c:v>
                </c:pt>
                <c:pt idx="2303">
                  <c:v>507</c:v>
                </c:pt>
                <c:pt idx="2304">
                  <c:v>507</c:v>
                </c:pt>
                <c:pt idx="2305">
                  <c:v>507</c:v>
                </c:pt>
                <c:pt idx="2306">
                  <c:v>508</c:v>
                </c:pt>
                <c:pt idx="2307">
                  <c:v>508</c:v>
                </c:pt>
                <c:pt idx="2308">
                  <c:v>508</c:v>
                </c:pt>
                <c:pt idx="2309">
                  <c:v>509</c:v>
                </c:pt>
                <c:pt idx="2310">
                  <c:v>509</c:v>
                </c:pt>
                <c:pt idx="2311">
                  <c:v>509</c:v>
                </c:pt>
                <c:pt idx="2312">
                  <c:v>510</c:v>
                </c:pt>
                <c:pt idx="2313">
                  <c:v>510</c:v>
                </c:pt>
                <c:pt idx="2314">
                  <c:v>510</c:v>
                </c:pt>
                <c:pt idx="2315">
                  <c:v>511</c:v>
                </c:pt>
                <c:pt idx="2316">
                  <c:v>511</c:v>
                </c:pt>
                <c:pt idx="2317">
                  <c:v>511</c:v>
                </c:pt>
                <c:pt idx="2318">
                  <c:v>512</c:v>
                </c:pt>
                <c:pt idx="2319">
                  <c:v>512</c:v>
                </c:pt>
                <c:pt idx="2320">
                  <c:v>512</c:v>
                </c:pt>
                <c:pt idx="2321">
                  <c:v>513</c:v>
                </c:pt>
                <c:pt idx="2322">
                  <c:v>513</c:v>
                </c:pt>
                <c:pt idx="2323">
                  <c:v>513</c:v>
                </c:pt>
                <c:pt idx="2324">
                  <c:v>514</c:v>
                </c:pt>
                <c:pt idx="2325">
                  <c:v>514</c:v>
                </c:pt>
                <c:pt idx="2326">
                  <c:v>514</c:v>
                </c:pt>
                <c:pt idx="2327">
                  <c:v>515</c:v>
                </c:pt>
                <c:pt idx="2328">
                  <c:v>515</c:v>
                </c:pt>
                <c:pt idx="2329">
                  <c:v>515</c:v>
                </c:pt>
                <c:pt idx="2330">
                  <c:v>516</c:v>
                </c:pt>
                <c:pt idx="2331">
                  <c:v>516</c:v>
                </c:pt>
                <c:pt idx="2332">
                  <c:v>516</c:v>
                </c:pt>
                <c:pt idx="2333">
                  <c:v>517</c:v>
                </c:pt>
                <c:pt idx="2334">
                  <c:v>517</c:v>
                </c:pt>
                <c:pt idx="2335">
                  <c:v>517</c:v>
                </c:pt>
                <c:pt idx="2336">
                  <c:v>518</c:v>
                </c:pt>
                <c:pt idx="2337">
                  <c:v>518</c:v>
                </c:pt>
                <c:pt idx="2338">
                  <c:v>518</c:v>
                </c:pt>
                <c:pt idx="2339">
                  <c:v>519</c:v>
                </c:pt>
                <c:pt idx="2340">
                  <c:v>519</c:v>
                </c:pt>
                <c:pt idx="2341">
                  <c:v>519</c:v>
                </c:pt>
                <c:pt idx="2342">
                  <c:v>520</c:v>
                </c:pt>
                <c:pt idx="2343">
                  <c:v>520</c:v>
                </c:pt>
                <c:pt idx="2344">
                  <c:v>520</c:v>
                </c:pt>
                <c:pt idx="2345">
                  <c:v>521</c:v>
                </c:pt>
                <c:pt idx="2346">
                  <c:v>521</c:v>
                </c:pt>
                <c:pt idx="2347">
                  <c:v>521</c:v>
                </c:pt>
                <c:pt idx="2348">
                  <c:v>522</c:v>
                </c:pt>
                <c:pt idx="2349">
                  <c:v>522</c:v>
                </c:pt>
                <c:pt idx="2350">
                  <c:v>522</c:v>
                </c:pt>
                <c:pt idx="2351">
                  <c:v>523</c:v>
                </c:pt>
                <c:pt idx="2352">
                  <c:v>523</c:v>
                </c:pt>
                <c:pt idx="2353">
                  <c:v>523</c:v>
                </c:pt>
                <c:pt idx="2354">
                  <c:v>524</c:v>
                </c:pt>
                <c:pt idx="2355">
                  <c:v>524</c:v>
                </c:pt>
                <c:pt idx="2356">
                  <c:v>524</c:v>
                </c:pt>
                <c:pt idx="2357">
                  <c:v>525</c:v>
                </c:pt>
                <c:pt idx="2358">
                  <c:v>525</c:v>
                </c:pt>
                <c:pt idx="2359">
                  <c:v>525</c:v>
                </c:pt>
                <c:pt idx="2360">
                  <c:v>526</c:v>
                </c:pt>
                <c:pt idx="2361">
                  <c:v>526</c:v>
                </c:pt>
                <c:pt idx="2362">
                  <c:v>526</c:v>
                </c:pt>
                <c:pt idx="2363">
                  <c:v>527</c:v>
                </c:pt>
                <c:pt idx="2364">
                  <c:v>527</c:v>
                </c:pt>
                <c:pt idx="2365">
                  <c:v>527</c:v>
                </c:pt>
                <c:pt idx="2366">
                  <c:v>528</c:v>
                </c:pt>
                <c:pt idx="2367">
                  <c:v>528</c:v>
                </c:pt>
                <c:pt idx="2368">
                  <c:v>528</c:v>
                </c:pt>
                <c:pt idx="2369">
                  <c:v>529</c:v>
                </c:pt>
                <c:pt idx="2370">
                  <c:v>529</c:v>
                </c:pt>
                <c:pt idx="2371">
                  <c:v>529</c:v>
                </c:pt>
                <c:pt idx="2372">
                  <c:v>530</c:v>
                </c:pt>
                <c:pt idx="2373">
                  <c:v>530</c:v>
                </c:pt>
                <c:pt idx="2374">
                  <c:v>530</c:v>
                </c:pt>
                <c:pt idx="2375">
                  <c:v>531</c:v>
                </c:pt>
                <c:pt idx="2376">
                  <c:v>531</c:v>
                </c:pt>
                <c:pt idx="2377">
                  <c:v>531</c:v>
                </c:pt>
                <c:pt idx="2378">
                  <c:v>532</c:v>
                </c:pt>
                <c:pt idx="2379">
                  <c:v>532</c:v>
                </c:pt>
                <c:pt idx="2380">
                  <c:v>532</c:v>
                </c:pt>
                <c:pt idx="2381">
                  <c:v>533</c:v>
                </c:pt>
                <c:pt idx="2382">
                  <c:v>533</c:v>
                </c:pt>
                <c:pt idx="2383">
                  <c:v>533</c:v>
                </c:pt>
                <c:pt idx="2384">
                  <c:v>534</c:v>
                </c:pt>
                <c:pt idx="2385">
                  <c:v>534</c:v>
                </c:pt>
                <c:pt idx="2386">
                  <c:v>534</c:v>
                </c:pt>
                <c:pt idx="2387">
                  <c:v>535</c:v>
                </c:pt>
                <c:pt idx="2388">
                  <c:v>535</c:v>
                </c:pt>
                <c:pt idx="2389">
                  <c:v>535</c:v>
                </c:pt>
                <c:pt idx="2390">
                  <c:v>536</c:v>
                </c:pt>
                <c:pt idx="2391">
                  <c:v>536</c:v>
                </c:pt>
                <c:pt idx="2392">
                  <c:v>536</c:v>
                </c:pt>
                <c:pt idx="2393">
                  <c:v>537</c:v>
                </c:pt>
                <c:pt idx="2394">
                  <c:v>537</c:v>
                </c:pt>
                <c:pt idx="2395">
                  <c:v>537</c:v>
                </c:pt>
                <c:pt idx="2396">
                  <c:v>538</c:v>
                </c:pt>
                <c:pt idx="2397">
                  <c:v>538</c:v>
                </c:pt>
                <c:pt idx="2398">
                  <c:v>538</c:v>
                </c:pt>
                <c:pt idx="2399">
                  <c:v>539</c:v>
                </c:pt>
                <c:pt idx="2400">
                  <c:v>539</c:v>
                </c:pt>
                <c:pt idx="2401">
                  <c:v>539</c:v>
                </c:pt>
                <c:pt idx="2402">
                  <c:v>540</c:v>
                </c:pt>
                <c:pt idx="2403">
                  <c:v>540</c:v>
                </c:pt>
                <c:pt idx="2404">
                  <c:v>540</c:v>
                </c:pt>
                <c:pt idx="2405">
                  <c:v>541</c:v>
                </c:pt>
                <c:pt idx="2406">
                  <c:v>541</c:v>
                </c:pt>
                <c:pt idx="2407">
                  <c:v>541</c:v>
                </c:pt>
                <c:pt idx="2408">
                  <c:v>542</c:v>
                </c:pt>
                <c:pt idx="2409">
                  <c:v>542</c:v>
                </c:pt>
                <c:pt idx="2410">
                  <c:v>542</c:v>
                </c:pt>
                <c:pt idx="2411">
                  <c:v>543</c:v>
                </c:pt>
                <c:pt idx="2412">
                  <c:v>543</c:v>
                </c:pt>
                <c:pt idx="2413">
                  <c:v>543</c:v>
                </c:pt>
                <c:pt idx="2414">
                  <c:v>544</c:v>
                </c:pt>
                <c:pt idx="2415">
                  <c:v>544</c:v>
                </c:pt>
                <c:pt idx="2416">
                  <c:v>544</c:v>
                </c:pt>
                <c:pt idx="2417">
                  <c:v>545</c:v>
                </c:pt>
                <c:pt idx="2418">
                  <c:v>545</c:v>
                </c:pt>
                <c:pt idx="2419">
                  <c:v>545</c:v>
                </c:pt>
                <c:pt idx="2420">
                  <c:v>546</c:v>
                </c:pt>
                <c:pt idx="2421">
                  <c:v>546</c:v>
                </c:pt>
                <c:pt idx="2422">
                  <c:v>546</c:v>
                </c:pt>
                <c:pt idx="2423">
                  <c:v>547</c:v>
                </c:pt>
                <c:pt idx="2424">
                  <c:v>547</c:v>
                </c:pt>
                <c:pt idx="2425">
                  <c:v>547</c:v>
                </c:pt>
                <c:pt idx="2426">
                  <c:v>548</c:v>
                </c:pt>
                <c:pt idx="2427">
                  <c:v>548</c:v>
                </c:pt>
                <c:pt idx="2428">
                  <c:v>548</c:v>
                </c:pt>
                <c:pt idx="2429">
                  <c:v>549</c:v>
                </c:pt>
                <c:pt idx="2430">
                  <c:v>549</c:v>
                </c:pt>
                <c:pt idx="2431">
                  <c:v>549</c:v>
                </c:pt>
                <c:pt idx="2432">
                  <c:v>550</c:v>
                </c:pt>
                <c:pt idx="2433">
                  <c:v>550</c:v>
                </c:pt>
                <c:pt idx="2434">
                  <c:v>550</c:v>
                </c:pt>
                <c:pt idx="2435">
                  <c:v>551</c:v>
                </c:pt>
                <c:pt idx="2436">
                  <c:v>551</c:v>
                </c:pt>
                <c:pt idx="2437">
                  <c:v>551</c:v>
                </c:pt>
                <c:pt idx="2438">
                  <c:v>552</c:v>
                </c:pt>
                <c:pt idx="2439">
                  <c:v>552</c:v>
                </c:pt>
                <c:pt idx="2440">
                  <c:v>552</c:v>
                </c:pt>
                <c:pt idx="2441">
                  <c:v>553</c:v>
                </c:pt>
                <c:pt idx="2442">
                  <c:v>553</c:v>
                </c:pt>
                <c:pt idx="2443">
                  <c:v>553</c:v>
                </c:pt>
                <c:pt idx="2444">
                  <c:v>554</c:v>
                </c:pt>
                <c:pt idx="2445">
                  <c:v>554</c:v>
                </c:pt>
                <c:pt idx="2446">
                  <c:v>554</c:v>
                </c:pt>
                <c:pt idx="2447">
                  <c:v>555</c:v>
                </c:pt>
                <c:pt idx="2448">
                  <c:v>555</c:v>
                </c:pt>
                <c:pt idx="2449">
                  <c:v>555</c:v>
                </c:pt>
                <c:pt idx="2450">
                  <c:v>556</c:v>
                </c:pt>
                <c:pt idx="2451">
                  <c:v>556</c:v>
                </c:pt>
                <c:pt idx="2452">
                  <c:v>556</c:v>
                </c:pt>
                <c:pt idx="2453">
                  <c:v>557</c:v>
                </c:pt>
                <c:pt idx="2454">
                  <c:v>557</c:v>
                </c:pt>
                <c:pt idx="2455">
                  <c:v>557</c:v>
                </c:pt>
                <c:pt idx="2456">
                  <c:v>558</c:v>
                </c:pt>
                <c:pt idx="2457">
                  <c:v>558</c:v>
                </c:pt>
                <c:pt idx="2458">
                  <c:v>558</c:v>
                </c:pt>
                <c:pt idx="2459">
                  <c:v>559</c:v>
                </c:pt>
                <c:pt idx="2460">
                  <c:v>559</c:v>
                </c:pt>
                <c:pt idx="2461">
                  <c:v>559</c:v>
                </c:pt>
                <c:pt idx="2462">
                  <c:v>560</c:v>
                </c:pt>
                <c:pt idx="2463">
                  <c:v>560</c:v>
                </c:pt>
                <c:pt idx="2464">
                  <c:v>560</c:v>
                </c:pt>
                <c:pt idx="2465">
                  <c:v>561</c:v>
                </c:pt>
                <c:pt idx="2466">
                  <c:v>561</c:v>
                </c:pt>
                <c:pt idx="2467">
                  <c:v>561</c:v>
                </c:pt>
                <c:pt idx="2468">
                  <c:v>562</c:v>
                </c:pt>
                <c:pt idx="2469">
                  <c:v>562</c:v>
                </c:pt>
                <c:pt idx="2470">
                  <c:v>562</c:v>
                </c:pt>
                <c:pt idx="2471">
                  <c:v>563</c:v>
                </c:pt>
                <c:pt idx="2472">
                  <c:v>563</c:v>
                </c:pt>
                <c:pt idx="2473">
                  <c:v>563</c:v>
                </c:pt>
                <c:pt idx="2474">
                  <c:v>564</c:v>
                </c:pt>
                <c:pt idx="2475">
                  <c:v>564</c:v>
                </c:pt>
                <c:pt idx="2476">
                  <c:v>564</c:v>
                </c:pt>
                <c:pt idx="2477">
                  <c:v>565</c:v>
                </c:pt>
                <c:pt idx="2478">
                  <c:v>565</c:v>
                </c:pt>
                <c:pt idx="2479">
                  <c:v>565</c:v>
                </c:pt>
                <c:pt idx="2480">
                  <c:v>566</c:v>
                </c:pt>
                <c:pt idx="2481">
                  <c:v>566</c:v>
                </c:pt>
                <c:pt idx="2482">
                  <c:v>566</c:v>
                </c:pt>
                <c:pt idx="2483">
                  <c:v>567</c:v>
                </c:pt>
                <c:pt idx="2484">
                  <c:v>567</c:v>
                </c:pt>
                <c:pt idx="2485">
                  <c:v>567</c:v>
                </c:pt>
                <c:pt idx="2486">
                  <c:v>568</c:v>
                </c:pt>
                <c:pt idx="2487">
                  <c:v>568</c:v>
                </c:pt>
                <c:pt idx="2488">
                  <c:v>568</c:v>
                </c:pt>
                <c:pt idx="2489">
                  <c:v>569</c:v>
                </c:pt>
                <c:pt idx="2490">
                  <c:v>569</c:v>
                </c:pt>
                <c:pt idx="2491">
                  <c:v>569</c:v>
                </c:pt>
                <c:pt idx="2492">
                  <c:v>570</c:v>
                </c:pt>
                <c:pt idx="2493">
                  <c:v>570</c:v>
                </c:pt>
                <c:pt idx="2494">
                  <c:v>570</c:v>
                </c:pt>
                <c:pt idx="2495">
                  <c:v>571</c:v>
                </c:pt>
                <c:pt idx="2496">
                  <c:v>571</c:v>
                </c:pt>
                <c:pt idx="2497">
                  <c:v>571</c:v>
                </c:pt>
                <c:pt idx="2498">
                  <c:v>572</c:v>
                </c:pt>
                <c:pt idx="2499">
                  <c:v>572</c:v>
                </c:pt>
                <c:pt idx="2500">
                  <c:v>572</c:v>
                </c:pt>
                <c:pt idx="2501">
                  <c:v>573</c:v>
                </c:pt>
                <c:pt idx="2502">
                  <c:v>573</c:v>
                </c:pt>
                <c:pt idx="2503">
                  <c:v>573</c:v>
                </c:pt>
                <c:pt idx="2504">
                  <c:v>574</c:v>
                </c:pt>
                <c:pt idx="2505">
                  <c:v>574</c:v>
                </c:pt>
                <c:pt idx="2506">
                  <c:v>574</c:v>
                </c:pt>
                <c:pt idx="2507">
                  <c:v>575</c:v>
                </c:pt>
                <c:pt idx="2508">
                  <c:v>575</c:v>
                </c:pt>
                <c:pt idx="2509">
                  <c:v>575</c:v>
                </c:pt>
                <c:pt idx="2510">
                  <c:v>576</c:v>
                </c:pt>
                <c:pt idx="2511">
                  <c:v>576</c:v>
                </c:pt>
                <c:pt idx="2512">
                  <c:v>576</c:v>
                </c:pt>
                <c:pt idx="2513">
                  <c:v>577</c:v>
                </c:pt>
                <c:pt idx="2514">
                  <c:v>577</c:v>
                </c:pt>
                <c:pt idx="2515">
                  <c:v>577</c:v>
                </c:pt>
                <c:pt idx="2516">
                  <c:v>578</c:v>
                </c:pt>
                <c:pt idx="2517">
                  <c:v>578</c:v>
                </c:pt>
                <c:pt idx="2518">
                  <c:v>578</c:v>
                </c:pt>
                <c:pt idx="2519">
                  <c:v>579</c:v>
                </c:pt>
                <c:pt idx="2520">
                  <c:v>579</c:v>
                </c:pt>
                <c:pt idx="2521">
                  <c:v>579</c:v>
                </c:pt>
                <c:pt idx="2522">
                  <c:v>580</c:v>
                </c:pt>
                <c:pt idx="2523">
                  <c:v>580</c:v>
                </c:pt>
                <c:pt idx="2524">
                  <c:v>580</c:v>
                </c:pt>
                <c:pt idx="2525">
                  <c:v>581</c:v>
                </c:pt>
                <c:pt idx="2526">
                  <c:v>581</c:v>
                </c:pt>
                <c:pt idx="2527">
                  <c:v>581</c:v>
                </c:pt>
                <c:pt idx="2528">
                  <c:v>582</c:v>
                </c:pt>
                <c:pt idx="2529">
                  <c:v>582</c:v>
                </c:pt>
                <c:pt idx="2530">
                  <c:v>582</c:v>
                </c:pt>
                <c:pt idx="2531">
                  <c:v>583</c:v>
                </c:pt>
                <c:pt idx="2532">
                  <c:v>583</c:v>
                </c:pt>
                <c:pt idx="2533">
                  <c:v>583</c:v>
                </c:pt>
                <c:pt idx="2534">
                  <c:v>584</c:v>
                </c:pt>
                <c:pt idx="2535">
                  <c:v>584</c:v>
                </c:pt>
                <c:pt idx="2536">
                  <c:v>584</c:v>
                </c:pt>
                <c:pt idx="2537">
                  <c:v>585</c:v>
                </c:pt>
                <c:pt idx="2538">
                  <c:v>585</c:v>
                </c:pt>
                <c:pt idx="2539">
                  <c:v>585</c:v>
                </c:pt>
                <c:pt idx="2540">
                  <c:v>586</c:v>
                </c:pt>
                <c:pt idx="2541">
                  <c:v>586</c:v>
                </c:pt>
                <c:pt idx="2542">
                  <c:v>586</c:v>
                </c:pt>
                <c:pt idx="2543">
                  <c:v>587</c:v>
                </c:pt>
                <c:pt idx="2544">
                  <c:v>587</c:v>
                </c:pt>
                <c:pt idx="2545">
                  <c:v>587</c:v>
                </c:pt>
                <c:pt idx="2546">
                  <c:v>588</c:v>
                </c:pt>
                <c:pt idx="2547">
                  <c:v>588</c:v>
                </c:pt>
                <c:pt idx="2548">
                  <c:v>588</c:v>
                </c:pt>
                <c:pt idx="2549">
                  <c:v>589</c:v>
                </c:pt>
                <c:pt idx="2550">
                  <c:v>589</c:v>
                </c:pt>
                <c:pt idx="2551">
                  <c:v>589</c:v>
                </c:pt>
                <c:pt idx="2552">
                  <c:v>590</c:v>
                </c:pt>
                <c:pt idx="2553">
                  <c:v>590</c:v>
                </c:pt>
                <c:pt idx="2554">
                  <c:v>590</c:v>
                </c:pt>
                <c:pt idx="2555">
                  <c:v>591</c:v>
                </c:pt>
                <c:pt idx="2556">
                  <c:v>591</c:v>
                </c:pt>
                <c:pt idx="2557">
                  <c:v>591</c:v>
                </c:pt>
                <c:pt idx="2558">
                  <c:v>592</c:v>
                </c:pt>
                <c:pt idx="2559">
                  <c:v>592</c:v>
                </c:pt>
                <c:pt idx="2560">
                  <c:v>592</c:v>
                </c:pt>
                <c:pt idx="2561">
                  <c:v>593</c:v>
                </c:pt>
                <c:pt idx="2562">
                  <c:v>593</c:v>
                </c:pt>
                <c:pt idx="2563">
                  <c:v>593</c:v>
                </c:pt>
                <c:pt idx="2564">
                  <c:v>594</c:v>
                </c:pt>
                <c:pt idx="2565">
                  <c:v>594</c:v>
                </c:pt>
                <c:pt idx="2566">
                  <c:v>594</c:v>
                </c:pt>
                <c:pt idx="2567">
                  <c:v>595</c:v>
                </c:pt>
                <c:pt idx="2568">
                  <c:v>595</c:v>
                </c:pt>
                <c:pt idx="2569">
                  <c:v>595</c:v>
                </c:pt>
                <c:pt idx="2570">
                  <c:v>596</c:v>
                </c:pt>
                <c:pt idx="2571">
                  <c:v>596</c:v>
                </c:pt>
                <c:pt idx="2572">
                  <c:v>596</c:v>
                </c:pt>
                <c:pt idx="2573">
                  <c:v>597</c:v>
                </c:pt>
                <c:pt idx="2574">
                  <c:v>597</c:v>
                </c:pt>
                <c:pt idx="2575">
                  <c:v>597</c:v>
                </c:pt>
                <c:pt idx="2576">
                  <c:v>598</c:v>
                </c:pt>
                <c:pt idx="2577">
                  <c:v>598</c:v>
                </c:pt>
                <c:pt idx="2578">
                  <c:v>598</c:v>
                </c:pt>
                <c:pt idx="2579">
                  <c:v>599</c:v>
                </c:pt>
                <c:pt idx="2580">
                  <c:v>599</c:v>
                </c:pt>
                <c:pt idx="2581">
                  <c:v>599</c:v>
                </c:pt>
                <c:pt idx="2582">
                  <c:v>600</c:v>
                </c:pt>
                <c:pt idx="2583">
                  <c:v>600</c:v>
                </c:pt>
                <c:pt idx="2584">
                  <c:v>600</c:v>
                </c:pt>
                <c:pt idx="2585">
                  <c:v>601</c:v>
                </c:pt>
                <c:pt idx="2586">
                  <c:v>601</c:v>
                </c:pt>
                <c:pt idx="2587">
                  <c:v>601</c:v>
                </c:pt>
                <c:pt idx="2588">
                  <c:v>602</c:v>
                </c:pt>
                <c:pt idx="2589">
                  <c:v>602</c:v>
                </c:pt>
                <c:pt idx="2590">
                  <c:v>602</c:v>
                </c:pt>
                <c:pt idx="2591">
                  <c:v>603</c:v>
                </c:pt>
                <c:pt idx="2592">
                  <c:v>603</c:v>
                </c:pt>
                <c:pt idx="2593">
                  <c:v>603</c:v>
                </c:pt>
                <c:pt idx="2594">
                  <c:v>604</c:v>
                </c:pt>
                <c:pt idx="2595">
                  <c:v>604</c:v>
                </c:pt>
                <c:pt idx="2596">
                  <c:v>604</c:v>
                </c:pt>
                <c:pt idx="2597">
                  <c:v>605</c:v>
                </c:pt>
                <c:pt idx="2598">
                  <c:v>605</c:v>
                </c:pt>
                <c:pt idx="2599">
                  <c:v>605</c:v>
                </c:pt>
                <c:pt idx="2600">
                  <c:v>606</c:v>
                </c:pt>
                <c:pt idx="2601">
                  <c:v>606</c:v>
                </c:pt>
                <c:pt idx="2602">
                  <c:v>606</c:v>
                </c:pt>
                <c:pt idx="2603">
                  <c:v>607</c:v>
                </c:pt>
                <c:pt idx="2604">
                  <c:v>607</c:v>
                </c:pt>
                <c:pt idx="2605">
                  <c:v>607</c:v>
                </c:pt>
                <c:pt idx="2606">
                  <c:v>608</c:v>
                </c:pt>
                <c:pt idx="2607">
                  <c:v>608</c:v>
                </c:pt>
                <c:pt idx="2608">
                  <c:v>608</c:v>
                </c:pt>
                <c:pt idx="2609">
                  <c:v>609</c:v>
                </c:pt>
                <c:pt idx="2610">
                  <c:v>609</c:v>
                </c:pt>
                <c:pt idx="2611">
                  <c:v>609</c:v>
                </c:pt>
                <c:pt idx="2612">
                  <c:v>610</c:v>
                </c:pt>
                <c:pt idx="2613">
                  <c:v>610</c:v>
                </c:pt>
                <c:pt idx="2614">
                  <c:v>610</c:v>
                </c:pt>
                <c:pt idx="2615">
                  <c:v>611</c:v>
                </c:pt>
                <c:pt idx="2616">
                  <c:v>611</c:v>
                </c:pt>
                <c:pt idx="2617">
                  <c:v>611</c:v>
                </c:pt>
                <c:pt idx="2618">
                  <c:v>612</c:v>
                </c:pt>
                <c:pt idx="2619">
                  <c:v>612</c:v>
                </c:pt>
                <c:pt idx="2620">
                  <c:v>612</c:v>
                </c:pt>
                <c:pt idx="2621">
                  <c:v>613</c:v>
                </c:pt>
                <c:pt idx="2622">
                  <c:v>613</c:v>
                </c:pt>
                <c:pt idx="2623">
                  <c:v>613</c:v>
                </c:pt>
                <c:pt idx="2624">
                  <c:v>614</c:v>
                </c:pt>
                <c:pt idx="2625">
                  <c:v>614</c:v>
                </c:pt>
                <c:pt idx="2626">
                  <c:v>614</c:v>
                </c:pt>
                <c:pt idx="2627">
                  <c:v>615</c:v>
                </c:pt>
                <c:pt idx="2628">
                  <c:v>615</c:v>
                </c:pt>
                <c:pt idx="2629">
                  <c:v>615</c:v>
                </c:pt>
                <c:pt idx="2630">
                  <c:v>616</c:v>
                </c:pt>
                <c:pt idx="2631">
                  <c:v>616</c:v>
                </c:pt>
                <c:pt idx="2632">
                  <c:v>616</c:v>
                </c:pt>
                <c:pt idx="2633">
                  <c:v>617</c:v>
                </c:pt>
                <c:pt idx="2634">
                  <c:v>617</c:v>
                </c:pt>
                <c:pt idx="2635">
                  <c:v>617</c:v>
                </c:pt>
                <c:pt idx="2636">
                  <c:v>618</c:v>
                </c:pt>
                <c:pt idx="2637">
                  <c:v>618</c:v>
                </c:pt>
                <c:pt idx="2638">
                  <c:v>618</c:v>
                </c:pt>
                <c:pt idx="2639">
                  <c:v>619</c:v>
                </c:pt>
                <c:pt idx="2640">
                  <c:v>619</c:v>
                </c:pt>
                <c:pt idx="2641">
                  <c:v>619</c:v>
                </c:pt>
                <c:pt idx="2642">
                  <c:v>620</c:v>
                </c:pt>
                <c:pt idx="2643">
                  <c:v>620</c:v>
                </c:pt>
                <c:pt idx="2644">
                  <c:v>620</c:v>
                </c:pt>
                <c:pt idx="2645">
                  <c:v>621</c:v>
                </c:pt>
                <c:pt idx="2646">
                  <c:v>621</c:v>
                </c:pt>
                <c:pt idx="2647">
                  <c:v>621</c:v>
                </c:pt>
                <c:pt idx="2648">
                  <c:v>622</c:v>
                </c:pt>
                <c:pt idx="2649">
                  <c:v>622</c:v>
                </c:pt>
                <c:pt idx="2650">
                  <c:v>622</c:v>
                </c:pt>
                <c:pt idx="2651">
                  <c:v>623</c:v>
                </c:pt>
                <c:pt idx="2652">
                  <c:v>623</c:v>
                </c:pt>
                <c:pt idx="2653">
                  <c:v>623</c:v>
                </c:pt>
                <c:pt idx="2654">
                  <c:v>624</c:v>
                </c:pt>
                <c:pt idx="2655">
                  <c:v>624</c:v>
                </c:pt>
                <c:pt idx="2656">
                  <c:v>624</c:v>
                </c:pt>
                <c:pt idx="2657">
                  <c:v>625</c:v>
                </c:pt>
                <c:pt idx="2658">
                  <c:v>625</c:v>
                </c:pt>
                <c:pt idx="2659">
                  <c:v>625</c:v>
                </c:pt>
                <c:pt idx="2660">
                  <c:v>626</c:v>
                </c:pt>
                <c:pt idx="2661">
                  <c:v>626</c:v>
                </c:pt>
                <c:pt idx="2662">
                  <c:v>626</c:v>
                </c:pt>
                <c:pt idx="2663">
                  <c:v>627</c:v>
                </c:pt>
                <c:pt idx="2664">
                  <c:v>627</c:v>
                </c:pt>
                <c:pt idx="2665">
                  <c:v>627</c:v>
                </c:pt>
                <c:pt idx="2666">
                  <c:v>628</c:v>
                </c:pt>
                <c:pt idx="2667">
                  <c:v>628</c:v>
                </c:pt>
                <c:pt idx="2668">
                  <c:v>628</c:v>
                </c:pt>
                <c:pt idx="2669">
                  <c:v>629</c:v>
                </c:pt>
                <c:pt idx="2670">
                  <c:v>629</c:v>
                </c:pt>
                <c:pt idx="2671">
                  <c:v>629</c:v>
                </c:pt>
                <c:pt idx="2672">
                  <c:v>630</c:v>
                </c:pt>
                <c:pt idx="2673">
                  <c:v>630</c:v>
                </c:pt>
                <c:pt idx="2674">
                  <c:v>630</c:v>
                </c:pt>
                <c:pt idx="2675">
                  <c:v>631</c:v>
                </c:pt>
                <c:pt idx="2676">
                  <c:v>631</c:v>
                </c:pt>
                <c:pt idx="2677">
                  <c:v>631</c:v>
                </c:pt>
                <c:pt idx="2678">
                  <c:v>632</c:v>
                </c:pt>
                <c:pt idx="2679">
                  <c:v>632</c:v>
                </c:pt>
                <c:pt idx="2680">
                  <c:v>632</c:v>
                </c:pt>
                <c:pt idx="2681">
                  <c:v>633</c:v>
                </c:pt>
                <c:pt idx="2682">
                  <c:v>633</c:v>
                </c:pt>
                <c:pt idx="2683">
                  <c:v>633</c:v>
                </c:pt>
                <c:pt idx="2684">
                  <c:v>634</c:v>
                </c:pt>
                <c:pt idx="2685">
                  <c:v>634</c:v>
                </c:pt>
                <c:pt idx="2686">
                  <c:v>634</c:v>
                </c:pt>
                <c:pt idx="2687">
                  <c:v>635</c:v>
                </c:pt>
                <c:pt idx="2688">
                  <c:v>635</c:v>
                </c:pt>
                <c:pt idx="2689">
                  <c:v>635</c:v>
                </c:pt>
                <c:pt idx="2690">
                  <c:v>636</c:v>
                </c:pt>
                <c:pt idx="2691">
                  <c:v>636</c:v>
                </c:pt>
                <c:pt idx="2692">
                  <c:v>636</c:v>
                </c:pt>
                <c:pt idx="2693">
                  <c:v>637</c:v>
                </c:pt>
                <c:pt idx="2694">
                  <c:v>637</c:v>
                </c:pt>
                <c:pt idx="2695">
                  <c:v>637</c:v>
                </c:pt>
                <c:pt idx="2696">
                  <c:v>638</c:v>
                </c:pt>
                <c:pt idx="2697">
                  <c:v>638</c:v>
                </c:pt>
                <c:pt idx="2698">
                  <c:v>638</c:v>
                </c:pt>
                <c:pt idx="2699">
                  <c:v>639</c:v>
                </c:pt>
                <c:pt idx="2700">
                  <c:v>639</c:v>
                </c:pt>
                <c:pt idx="2701">
                  <c:v>639</c:v>
                </c:pt>
                <c:pt idx="2702">
                  <c:v>640</c:v>
                </c:pt>
                <c:pt idx="2703">
                  <c:v>640</c:v>
                </c:pt>
                <c:pt idx="2704">
                  <c:v>640</c:v>
                </c:pt>
                <c:pt idx="2705">
                  <c:v>641</c:v>
                </c:pt>
                <c:pt idx="2706">
                  <c:v>641</c:v>
                </c:pt>
                <c:pt idx="2707">
                  <c:v>641</c:v>
                </c:pt>
                <c:pt idx="2708">
                  <c:v>642</c:v>
                </c:pt>
                <c:pt idx="2709">
                  <c:v>642</c:v>
                </c:pt>
                <c:pt idx="2710">
                  <c:v>642</c:v>
                </c:pt>
                <c:pt idx="2711">
                  <c:v>643</c:v>
                </c:pt>
                <c:pt idx="2712">
                  <c:v>643</c:v>
                </c:pt>
                <c:pt idx="2713">
                  <c:v>643</c:v>
                </c:pt>
                <c:pt idx="2714">
                  <c:v>644</c:v>
                </c:pt>
                <c:pt idx="2715">
                  <c:v>644</c:v>
                </c:pt>
                <c:pt idx="2716">
                  <c:v>644</c:v>
                </c:pt>
                <c:pt idx="2717">
                  <c:v>645</c:v>
                </c:pt>
                <c:pt idx="2718">
                  <c:v>645</c:v>
                </c:pt>
                <c:pt idx="2719">
                  <c:v>645</c:v>
                </c:pt>
                <c:pt idx="2720">
                  <c:v>646</c:v>
                </c:pt>
                <c:pt idx="2721">
                  <c:v>646</c:v>
                </c:pt>
                <c:pt idx="2722">
                  <c:v>646</c:v>
                </c:pt>
                <c:pt idx="2723">
                  <c:v>647</c:v>
                </c:pt>
                <c:pt idx="2724">
                  <c:v>647</c:v>
                </c:pt>
                <c:pt idx="2725">
                  <c:v>647</c:v>
                </c:pt>
                <c:pt idx="2726">
                  <c:v>648</c:v>
                </c:pt>
                <c:pt idx="2727">
                  <c:v>648</c:v>
                </c:pt>
                <c:pt idx="2728">
                  <c:v>648</c:v>
                </c:pt>
                <c:pt idx="2729">
                  <c:v>649</c:v>
                </c:pt>
                <c:pt idx="2730">
                  <c:v>649</c:v>
                </c:pt>
                <c:pt idx="2731">
                  <c:v>649</c:v>
                </c:pt>
                <c:pt idx="2732">
                  <c:v>650</c:v>
                </c:pt>
                <c:pt idx="2733">
                  <c:v>650</c:v>
                </c:pt>
                <c:pt idx="2734">
                  <c:v>650</c:v>
                </c:pt>
                <c:pt idx="2735">
                  <c:v>651</c:v>
                </c:pt>
                <c:pt idx="2736">
                  <c:v>651</c:v>
                </c:pt>
                <c:pt idx="2737">
                  <c:v>651</c:v>
                </c:pt>
                <c:pt idx="2738">
                  <c:v>652</c:v>
                </c:pt>
                <c:pt idx="2739">
                  <c:v>652</c:v>
                </c:pt>
                <c:pt idx="2740">
                  <c:v>652</c:v>
                </c:pt>
                <c:pt idx="2741">
                  <c:v>653</c:v>
                </c:pt>
                <c:pt idx="2742">
                  <c:v>653</c:v>
                </c:pt>
                <c:pt idx="2743">
                  <c:v>653</c:v>
                </c:pt>
                <c:pt idx="2744">
                  <c:v>654</c:v>
                </c:pt>
                <c:pt idx="2745">
                  <c:v>654</c:v>
                </c:pt>
                <c:pt idx="2746">
                  <c:v>654</c:v>
                </c:pt>
                <c:pt idx="2747">
                  <c:v>655</c:v>
                </c:pt>
                <c:pt idx="2748">
                  <c:v>655</c:v>
                </c:pt>
                <c:pt idx="2749">
                  <c:v>655</c:v>
                </c:pt>
                <c:pt idx="2750">
                  <c:v>656</c:v>
                </c:pt>
                <c:pt idx="2751">
                  <c:v>656</c:v>
                </c:pt>
                <c:pt idx="2752">
                  <c:v>656</c:v>
                </c:pt>
                <c:pt idx="2753">
                  <c:v>657</c:v>
                </c:pt>
                <c:pt idx="2754">
                  <c:v>657</c:v>
                </c:pt>
                <c:pt idx="2755">
                  <c:v>657</c:v>
                </c:pt>
                <c:pt idx="2756">
                  <c:v>658</c:v>
                </c:pt>
                <c:pt idx="2757">
                  <c:v>658</c:v>
                </c:pt>
                <c:pt idx="2758">
                  <c:v>658</c:v>
                </c:pt>
                <c:pt idx="2759">
                  <c:v>659</c:v>
                </c:pt>
                <c:pt idx="2760">
                  <c:v>659</c:v>
                </c:pt>
                <c:pt idx="2761">
                  <c:v>659</c:v>
                </c:pt>
                <c:pt idx="2762">
                  <c:v>660</c:v>
                </c:pt>
                <c:pt idx="2763">
                  <c:v>660</c:v>
                </c:pt>
                <c:pt idx="2764">
                  <c:v>660</c:v>
                </c:pt>
                <c:pt idx="2765">
                  <c:v>661</c:v>
                </c:pt>
                <c:pt idx="2766">
                  <c:v>661</c:v>
                </c:pt>
                <c:pt idx="2767">
                  <c:v>661</c:v>
                </c:pt>
                <c:pt idx="2768">
                  <c:v>662</c:v>
                </c:pt>
                <c:pt idx="2769">
                  <c:v>662</c:v>
                </c:pt>
                <c:pt idx="2770">
                  <c:v>662</c:v>
                </c:pt>
                <c:pt idx="2771">
                  <c:v>663</c:v>
                </c:pt>
                <c:pt idx="2772">
                  <c:v>663</c:v>
                </c:pt>
                <c:pt idx="2773">
                  <c:v>663</c:v>
                </c:pt>
                <c:pt idx="2774">
                  <c:v>664</c:v>
                </c:pt>
                <c:pt idx="2775">
                  <c:v>664</c:v>
                </c:pt>
                <c:pt idx="2776">
                  <c:v>664</c:v>
                </c:pt>
                <c:pt idx="2777">
                  <c:v>665</c:v>
                </c:pt>
                <c:pt idx="2778">
                  <c:v>665</c:v>
                </c:pt>
                <c:pt idx="2779">
                  <c:v>665</c:v>
                </c:pt>
                <c:pt idx="2780">
                  <c:v>666</c:v>
                </c:pt>
                <c:pt idx="2781">
                  <c:v>666</c:v>
                </c:pt>
                <c:pt idx="2782">
                  <c:v>666</c:v>
                </c:pt>
                <c:pt idx="2783">
                  <c:v>667</c:v>
                </c:pt>
                <c:pt idx="2784">
                  <c:v>667</c:v>
                </c:pt>
                <c:pt idx="2785">
                  <c:v>667</c:v>
                </c:pt>
                <c:pt idx="2786">
                  <c:v>668</c:v>
                </c:pt>
                <c:pt idx="2787">
                  <c:v>668</c:v>
                </c:pt>
                <c:pt idx="2788">
                  <c:v>668</c:v>
                </c:pt>
                <c:pt idx="2789">
                  <c:v>669</c:v>
                </c:pt>
                <c:pt idx="2790">
                  <c:v>669</c:v>
                </c:pt>
                <c:pt idx="2791">
                  <c:v>669</c:v>
                </c:pt>
                <c:pt idx="2792">
                  <c:v>670</c:v>
                </c:pt>
                <c:pt idx="2793">
                  <c:v>670</c:v>
                </c:pt>
                <c:pt idx="2794">
                  <c:v>670</c:v>
                </c:pt>
                <c:pt idx="2795">
                  <c:v>671</c:v>
                </c:pt>
                <c:pt idx="2796">
                  <c:v>671</c:v>
                </c:pt>
                <c:pt idx="2797">
                  <c:v>671</c:v>
                </c:pt>
                <c:pt idx="2798">
                  <c:v>672</c:v>
                </c:pt>
                <c:pt idx="2799">
                  <c:v>672</c:v>
                </c:pt>
                <c:pt idx="2800">
                  <c:v>672</c:v>
                </c:pt>
                <c:pt idx="2801">
                  <c:v>673</c:v>
                </c:pt>
                <c:pt idx="2802">
                  <c:v>673</c:v>
                </c:pt>
                <c:pt idx="2803">
                  <c:v>673</c:v>
                </c:pt>
                <c:pt idx="2804">
                  <c:v>674</c:v>
                </c:pt>
                <c:pt idx="2805">
                  <c:v>674</c:v>
                </c:pt>
                <c:pt idx="2806">
                  <c:v>674</c:v>
                </c:pt>
                <c:pt idx="2807">
                  <c:v>675</c:v>
                </c:pt>
                <c:pt idx="2808">
                  <c:v>675</c:v>
                </c:pt>
                <c:pt idx="2809">
                  <c:v>675</c:v>
                </c:pt>
                <c:pt idx="2810">
                  <c:v>676</c:v>
                </c:pt>
                <c:pt idx="2811">
                  <c:v>676</c:v>
                </c:pt>
                <c:pt idx="2812">
                  <c:v>676</c:v>
                </c:pt>
                <c:pt idx="2813">
                  <c:v>677</c:v>
                </c:pt>
                <c:pt idx="2814">
                  <c:v>677</c:v>
                </c:pt>
                <c:pt idx="2815">
                  <c:v>677</c:v>
                </c:pt>
                <c:pt idx="2816">
                  <c:v>678</c:v>
                </c:pt>
                <c:pt idx="2817">
                  <c:v>678</c:v>
                </c:pt>
                <c:pt idx="2818">
                  <c:v>678</c:v>
                </c:pt>
                <c:pt idx="2819">
                  <c:v>679</c:v>
                </c:pt>
                <c:pt idx="2820">
                  <c:v>679</c:v>
                </c:pt>
                <c:pt idx="2821">
                  <c:v>679</c:v>
                </c:pt>
                <c:pt idx="2822">
                  <c:v>680</c:v>
                </c:pt>
                <c:pt idx="2823">
                  <c:v>680</c:v>
                </c:pt>
                <c:pt idx="2824">
                  <c:v>680</c:v>
                </c:pt>
                <c:pt idx="2825">
                  <c:v>681</c:v>
                </c:pt>
                <c:pt idx="2826">
                  <c:v>681</c:v>
                </c:pt>
                <c:pt idx="2827">
                  <c:v>681</c:v>
                </c:pt>
                <c:pt idx="2828">
                  <c:v>682</c:v>
                </c:pt>
                <c:pt idx="2829">
                  <c:v>682</c:v>
                </c:pt>
                <c:pt idx="2830">
                  <c:v>682</c:v>
                </c:pt>
                <c:pt idx="2831">
                  <c:v>683</c:v>
                </c:pt>
                <c:pt idx="2832">
                  <c:v>683</c:v>
                </c:pt>
                <c:pt idx="2833">
                  <c:v>683</c:v>
                </c:pt>
                <c:pt idx="2834">
                  <c:v>684</c:v>
                </c:pt>
                <c:pt idx="2835">
                  <c:v>684</c:v>
                </c:pt>
                <c:pt idx="2836">
                  <c:v>684</c:v>
                </c:pt>
                <c:pt idx="2837">
                  <c:v>685</c:v>
                </c:pt>
                <c:pt idx="2838">
                  <c:v>685</c:v>
                </c:pt>
                <c:pt idx="2839">
                  <c:v>685</c:v>
                </c:pt>
                <c:pt idx="2840">
                  <c:v>686</c:v>
                </c:pt>
                <c:pt idx="2841">
                  <c:v>686</c:v>
                </c:pt>
                <c:pt idx="2842">
                  <c:v>686</c:v>
                </c:pt>
                <c:pt idx="2843">
                  <c:v>687</c:v>
                </c:pt>
                <c:pt idx="2844">
                  <c:v>687</c:v>
                </c:pt>
                <c:pt idx="2845">
                  <c:v>687</c:v>
                </c:pt>
                <c:pt idx="2846">
                  <c:v>688</c:v>
                </c:pt>
                <c:pt idx="2847">
                  <c:v>688</c:v>
                </c:pt>
                <c:pt idx="2848">
                  <c:v>688</c:v>
                </c:pt>
                <c:pt idx="2849">
                  <c:v>689</c:v>
                </c:pt>
                <c:pt idx="2850">
                  <c:v>689</c:v>
                </c:pt>
                <c:pt idx="2851">
                  <c:v>689</c:v>
                </c:pt>
                <c:pt idx="2852">
                  <c:v>690</c:v>
                </c:pt>
                <c:pt idx="2853">
                  <c:v>690</c:v>
                </c:pt>
                <c:pt idx="2854">
                  <c:v>690</c:v>
                </c:pt>
                <c:pt idx="2855">
                  <c:v>691</c:v>
                </c:pt>
                <c:pt idx="2856">
                  <c:v>691</c:v>
                </c:pt>
                <c:pt idx="2857">
                  <c:v>691</c:v>
                </c:pt>
                <c:pt idx="2858">
                  <c:v>692</c:v>
                </c:pt>
                <c:pt idx="2859">
                  <c:v>692</c:v>
                </c:pt>
                <c:pt idx="2860">
                  <c:v>692</c:v>
                </c:pt>
                <c:pt idx="2861">
                  <c:v>693</c:v>
                </c:pt>
                <c:pt idx="2862">
                  <c:v>693</c:v>
                </c:pt>
                <c:pt idx="2863">
                  <c:v>693</c:v>
                </c:pt>
                <c:pt idx="2864">
                  <c:v>694</c:v>
                </c:pt>
                <c:pt idx="2865">
                  <c:v>694</c:v>
                </c:pt>
                <c:pt idx="2866">
                  <c:v>694</c:v>
                </c:pt>
                <c:pt idx="2867">
                  <c:v>695</c:v>
                </c:pt>
                <c:pt idx="2868">
                  <c:v>695</c:v>
                </c:pt>
                <c:pt idx="2869">
                  <c:v>695</c:v>
                </c:pt>
                <c:pt idx="2870">
                  <c:v>696</c:v>
                </c:pt>
                <c:pt idx="2871">
                  <c:v>696</c:v>
                </c:pt>
                <c:pt idx="2872">
                  <c:v>696</c:v>
                </c:pt>
                <c:pt idx="2873">
                  <c:v>697</c:v>
                </c:pt>
                <c:pt idx="2874">
                  <c:v>697</c:v>
                </c:pt>
                <c:pt idx="2875">
                  <c:v>697</c:v>
                </c:pt>
                <c:pt idx="2876">
                  <c:v>698</c:v>
                </c:pt>
                <c:pt idx="2877">
                  <c:v>698</c:v>
                </c:pt>
                <c:pt idx="2878">
                  <c:v>698</c:v>
                </c:pt>
                <c:pt idx="2879">
                  <c:v>699</c:v>
                </c:pt>
                <c:pt idx="2880">
                  <c:v>699</c:v>
                </c:pt>
                <c:pt idx="2881">
                  <c:v>699</c:v>
                </c:pt>
                <c:pt idx="2882">
                  <c:v>700</c:v>
                </c:pt>
                <c:pt idx="2883">
                  <c:v>700</c:v>
                </c:pt>
                <c:pt idx="2884">
                  <c:v>700</c:v>
                </c:pt>
                <c:pt idx="2885">
                  <c:v>701</c:v>
                </c:pt>
                <c:pt idx="2886">
                  <c:v>701</c:v>
                </c:pt>
                <c:pt idx="2887">
                  <c:v>701</c:v>
                </c:pt>
                <c:pt idx="2888">
                  <c:v>702</c:v>
                </c:pt>
                <c:pt idx="2889">
                  <c:v>702</c:v>
                </c:pt>
                <c:pt idx="2890">
                  <c:v>702</c:v>
                </c:pt>
                <c:pt idx="2891">
                  <c:v>703</c:v>
                </c:pt>
                <c:pt idx="2892">
                  <c:v>703</c:v>
                </c:pt>
                <c:pt idx="2893">
                  <c:v>703</c:v>
                </c:pt>
                <c:pt idx="2894">
                  <c:v>704</c:v>
                </c:pt>
                <c:pt idx="2895">
                  <c:v>704</c:v>
                </c:pt>
                <c:pt idx="2896">
                  <c:v>704</c:v>
                </c:pt>
                <c:pt idx="2897">
                  <c:v>705</c:v>
                </c:pt>
                <c:pt idx="2898">
                  <c:v>705</c:v>
                </c:pt>
                <c:pt idx="2899">
                  <c:v>705</c:v>
                </c:pt>
                <c:pt idx="2900">
                  <c:v>706</c:v>
                </c:pt>
                <c:pt idx="2901">
                  <c:v>706</c:v>
                </c:pt>
                <c:pt idx="2902">
                  <c:v>706</c:v>
                </c:pt>
                <c:pt idx="2903">
                  <c:v>707</c:v>
                </c:pt>
                <c:pt idx="2904">
                  <c:v>707</c:v>
                </c:pt>
                <c:pt idx="2905">
                  <c:v>707</c:v>
                </c:pt>
                <c:pt idx="2906">
                  <c:v>708</c:v>
                </c:pt>
                <c:pt idx="2907">
                  <c:v>708</c:v>
                </c:pt>
                <c:pt idx="2908">
                  <c:v>708</c:v>
                </c:pt>
                <c:pt idx="2909">
                  <c:v>709</c:v>
                </c:pt>
                <c:pt idx="2910">
                  <c:v>709</c:v>
                </c:pt>
                <c:pt idx="2911">
                  <c:v>709</c:v>
                </c:pt>
                <c:pt idx="2912">
                  <c:v>710</c:v>
                </c:pt>
                <c:pt idx="2913">
                  <c:v>710</c:v>
                </c:pt>
                <c:pt idx="2914">
                  <c:v>710</c:v>
                </c:pt>
                <c:pt idx="2915">
                  <c:v>711</c:v>
                </c:pt>
                <c:pt idx="2916">
                  <c:v>711</c:v>
                </c:pt>
                <c:pt idx="2917">
                  <c:v>711</c:v>
                </c:pt>
                <c:pt idx="2918">
                  <c:v>712</c:v>
                </c:pt>
                <c:pt idx="2919">
                  <c:v>712</c:v>
                </c:pt>
                <c:pt idx="2920">
                  <c:v>712</c:v>
                </c:pt>
                <c:pt idx="2921">
                  <c:v>713</c:v>
                </c:pt>
                <c:pt idx="2922">
                  <c:v>713</c:v>
                </c:pt>
                <c:pt idx="2923">
                  <c:v>713</c:v>
                </c:pt>
                <c:pt idx="2924">
                  <c:v>714</c:v>
                </c:pt>
                <c:pt idx="2925">
                  <c:v>714</c:v>
                </c:pt>
                <c:pt idx="2926">
                  <c:v>714</c:v>
                </c:pt>
                <c:pt idx="2927">
                  <c:v>715</c:v>
                </c:pt>
                <c:pt idx="2928">
                  <c:v>715</c:v>
                </c:pt>
                <c:pt idx="2929">
                  <c:v>715</c:v>
                </c:pt>
                <c:pt idx="2930">
                  <c:v>716</c:v>
                </c:pt>
                <c:pt idx="2931">
                  <c:v>716</c:v>
                </c:pt>
                <c:pt idx="2932">
                  <c:v>716</c:v>
                </c:pt>
                <c:pt idx="2933">
                  <c:v>717</c:v>
                </c:pt>
                <c:pt idx="2934">
                  <c:v>717</c:v>
                </c:pt>
                <c:pt idx="2935">
                  <c:v>717</c:v>
                </c:pt>
                <c:pt idx="2936">
                  <c:v>718</c:v>
                </c:pt>
                <c:pt idx="2937">
                  <c:v>718</c:v>
                </c:pt>
                <c:pt idx="2938">
                  <c:v>718</c:v>
                </c:pt>
                <c:pt idx="2939">
                  <c:v>719</c:v>
                </c:pt>
                <c:pt idx="2940">
                  <c:v>719</c:v>
                </c:pt>
                <c:pt idx="2941">
                  <c:v>719</c:v>
                </c:pt>
                <c:pt idx="2942">
                  <c:v>720</c:v>
                </c:pt>
                <c:pt idx="2943">
                  <c:v>720</c:v>
                </c:pt>
                <c:pt idx="2944">
                  <c:v>720</c:v>
                </c:pt>
                <c:pt idx="2945">
                  <c:v>721</c:v>
                </c:pt>
                <c:pt idx="2946">
                  <c:v>721</c:v>
                </c:pt>
                <c:pt idx="2947">
                  <c:v>721</c:v>
                </c:pt>
                <c:pt idx="2948">
                  <c:v>722</c:v>
                </c:pt>
                <c:pt idx="2949">
                  <c:v>722</c:v>
                </c:pt>
                <c:pt idx="2950">
                  <c:v>722</c:v>
                </c:pt>
                <c:pt idx="2951">
                  <c:v>723</c:v>
                </c:pt>
                <c:pt idx="2952">
                  <c:v>723</c:v>
                </c:pt>
                <c:pt idx="2953">
                  <c:v>723</c:v>
                </c:pt>
                <c:pt idx="2954">
                  <c:v>724</c:v>
                </c:pt>
                <c:pt idx="2955">
                  <c:v>724</c:v>
                </c:pt>
                <c:pt idx="2956">
                  <c:v>724</c:v>
                </c:pt>
                <c:pt idx="2957">
                  <c:v>725</c:v>
                </c:pt>
                <c:pt idx="2958">
                  <c:v>725</c:v>
                </c:pt>
                <c:pt idx="2959">
                  <c:v>725</c:v>
                </c:pt>
                <c:pt idx="2960">
                  <c:v>726</c:v>
                </c:pt>
                <c:pt idx="2961">
                  <c:v>726</c:v>
                </c:pt>
                <c:pt idx="2962">
                  <c:v>726</c:v>
                </c:pt>
                <c:pt idx="2963">
                  <c:v>727</c:v>
                </c:pt>
                <c:pt idx="2964">
                  <c:v>727</c:v>
                </c:pt>
                <c:pt idx="2965">
                  <c:v>727</c:v>
                </c:pt>
                <c:pt idx="2966">
                  <c:v>728</c:v>
                </c:pt>
                <c:pt idx="2967">
                  <c:v>728</c:v>
                </c:pt>
                <c:pt idx="2968">
                  <c:v>728</c:v>
                </c:pt>
                <c:pt idx="2969">
                  <c:v>729</c:v>
                </c:pt>
                <c:pt idx="2970">
                  <c:v>729</c:v>
                </c:pt>
                <c:pt idx="2971">
                  <c:v>729</c:v>
                </c:pt>
                <c:pt idx="2972">
                  <c:v>730</c:v>
                </c:pt>
                <c:pt idx="2973">
                  <c:v>730</c:v>
                </c:pt>
                <c:pt idx="2974">
                  <c:v>730</c:v>
                </c:pt>
                <c:pt idx="2975">
                  <c:v>731</c:v>
                </c:pt>
                <c:pt idx="2976">
                  <c:v>731</c:v>
                </c:pt>
                <c:pt idx="2977">
                  <c:v>731</c:v>
                </c:pt>
                <c:pt idx="2978">
                  <c:v>732</c:v>
                </c:pt>
                <c:pt idx="2979">
                  <c:v>732</c:v>
                </c:pt>
                <c:pt idx="2980">
                  <c:v>732</c:v>
                </c:pt>
                <c:pt idx="2981">
                  <c:v>733</c:v>
                </c:pt>
                <c:pt idx="2982">
                  <c:v>733</c:v>
                </c:pt>
                <c:pt idx="2983">
                  <c:v>733</c:v>
                </c:pt>
                <c:pt idx="2984">
                  <c:v>734</c:v>
                </c:pt>
                <c:pt idx="2985">
                  <c:v>734</c:v>
                </c:pt>
                <c:pt idx="2986">
                  <c:v>734</c:v>
                </c:pt>
                <c:pt idx="2987">
                  <c:v>735</c:v>
                </c:pt>
                <c:pt idx="2988">
                  <c:v>735</c:v>
                </c:pt>
                <c:pt idx="2989">
                  <c:v>735</c:v>
                </c:pt>
                <c:pt idx="2990">
                  <c:v>736</c:v>
                </c:pt>
                <c:pt idx="2991">
                  <c:v>736</c:v>
                </c:pt>
                <c:pt idx="2992">
                  <c:v>736</c:v>
                </c:pt>
                <c:pt idx="2993">
                  <c:v>737</c:v>
                </c:pt>
                <c:pt idx="2994">
                  <c:v>737</c:v>
                </c:pt>
                <c:pt idx="2995">
                  <c:v>737</c:v>
                </c:pt>
                <c:pt idx="2996">
                  <c:v>738</c:v>
                </c:pt>
                <c:pt idx="2997">
                  <c:v>738</c:v>
                </c:pt>
                <c:pt idx="2998">
                  <c:v>738</c:v>
                </c:pt>
                <c:pt idx="2999">
                  <c:v>739</c:v>
                </c:pt>
                <c:pt idx="3000">
                  <c:v>739</c:v>
                </c:pt>
                <c:pt idx="3001">
                  <c:v>739</c:v>
                </c:pt>
                <c:pt idx="3002">
                  <c:v>740</c:v>
                </c:pt>
                <c:pt idx="3003">
                  <c:v>740</c:v>
                </c:pt>
                <c:pt idx="3004">
                  <c:v>740</c:v>
                </c:pt>
                <c:pt idx="3005">
                  <c:v>741</c:v>
                </c:pt>
                <c:pt idx="3006">
                  <c:v>741</c:v>
                </c:pt>
                <c:pt idx="3007">
                  <c:v>741</c:v>
                </c:pt>
                <c:pt idx="3008">
                  <c:v>742</c:v>
                </c:pt>
                <c:pt idx="3009">
                  <c:v>742</c:v>
                </c:pt>
                <c:pt idx="3010">
                  <c:v>742</c:v>
                </c:pt>
                <c:pt idx="3011">
                  <c:v>743</c:v>
                </c:pt>
                <c:pt idx="3012">
                  <c:v>743</c:v>
                </c:pt>
                <c:pt idx="3013">
                  <c:v>743</c:v>
                </c:pt>
                <c:pt idx="3014">
                  <c:v>744</c:v>
                </c:pt>
                <c:pt idx="3015">
                  <c:v>744</c:v>
                </c:pt>
                <c:pt idx="3016">
                  <c:v>744</c:v>
                </c:pt>
                <c:pt idx="3017">
                  <c:v>745</c:v>
                </c:pt>
                <c:pt idx="3018">
                  <c:v>745</c:v>
                </c:pt>
                <c:pt idx="3019">
                  <c:v>745</c:v>
                </c:pt>
                <c:pt idx="3020">
                  <c:v>746</c:v>
                </c:pt>
                <c:pt idx="3021">
                  <c:v>746</c:v>
                </c:pt>
                <c:pt idx="3022">
                  <c:v>746</c:v>
                </c:pt>
                <c:pt idx="3023">
                  <c:v>747</c:v>
                </c:pt>
                <c:pt idx="3024">
                  <c:v>747</c:v>
                </c:pt>
                <c:pt idx="3025">
                  <c:v>747</c:v>
                </c:pt>
                <c:pt idx="3026">
                  <c:v>748</c:v>
                </c:pt>
                <c:pt idx="3027">
                  <c:v>748</c:v>
                </c:pt>
                <c:pt idx="3028">
                  <c:v>748</c:v>
                </c:pt>
                <c:pt idx="3029">
                  <c:v>749</c:v>
                </c:pt>
                <c:pt idx="3030">
                  <c:v>749</c:v>
                </c:pt>
                <c:pt idx="3031">
                  <c:v>749</c:v>
                </c:pt>
                <c:pt idx="3032">
                  <c:v>750</c:v>
                </c:pt>
                <c:pt idx="3033">
                  <c:v>750</c:v>
                </c:pt>
                <c:pt idx="3034">
                  <c:v>750</c:v>
                </c:pt>
                <c:pt idx="3035">
                  <c:v>751</c:v>
                </c:pt>
                <c:pt idx="3036">
                  <c:v>751</c:v>
                </c:pt>
                <c:pt idx="3037">
                  <c:v>751</c:v>
                </c:pt>
                <c:pt idx="3038">
                  <c:v>752</c:v>
                </c:pt>
                <c:pt idx="3039">
                  <c:v>752</c:v>
                </c:pt>
                <c:pt idx="3040">
                  <c:v>752</c:v>
                </c:pt>
                <c:pt idx="3041">
                  <c:v>753</c:v>
                </c:pt>
                <c:pt idx="3042">
                  <c:v>753</c:v>
                </c:pt>
                <c:pt idx="3043">
                  <c:v>753</c:v>
                </c:pt>
                <c:pt idx="3044">
                  <c:v>754</c:v>
                </c:pt>
                <c:pt idx="3045">
                  <c:v>754</c:v>
                </c:pt>
                <c:pt idx="3046">
                  <c:v>754</c:v>
                </c:pt>
                <c:pt idx="3047">
                  <c:v>755</c:v>
                </c:pt>
                <c:pt idx="3048">
                  <c:v>755</c:v>
                </c:pt>
                <c:pt idx="3049">
                  <c:v>755</c:v>
                </c:pt>
                <c:pt idx="3050">
                  <c:v>756</c:v>
                </c:pt>
                <c:pt idx="3051">
                  <c:v>756</c:v>
                </c:pt>
                <c:pt idx="3052">
                  <c:v>756</c:v>
                </c:pt>
                <c:pt idx="3053">
                  <c:v>757</c:v>
                </c:pt>
                <c:pt idx="3054">
                  <c:v>757</c:v>
                </c:pt>
                <c:pt idx="3055">
                  <c:v>757</c:v>
                </c:pt>
                <c:pt idx="3056">
                  <c:v>758</c:v>
                </c:pt>
                <c:pt idx="3057">
                  <c:v>758</c:v>
                </c:pt>
                <c:pt idx="3058">
                  <c:v>758</c:v>
                </c:pt>
                <c:pt idx="3059">
                  <c:v>759</c:v>
                </c:pt>
                <c:pt idx="3060">
                  <c:v>759</c:v>
                </c:pt>
                <c:pt idx="3061">
                  <c:v>759</c:v>
                </c:pt>
                <c:pt idx="3062">
                  <c:v>760</c:v>
                </c:pt>
                <c:pt idx="3063">
                  <c:v>760</c:v>
                </c:pt>
                <c:pt idx="3064">
                  <c:v>760</c:v>
                </c:pt>
                <c:pt idx="3065">
                  <c:v>761</c:v>
                </c:pt>
                <c:pt idx="3066">
                  <c:v>761</c:v>
                </c:pt>
                <c:pt idx="3067">
                  <c:v>761</c:v>
                </c:pt>
                <c:pt idx="3068">
                  <c:v>762</c:v>
                </c:pt>
                <c:pt idx="3069">
                  <c:v>762</c:v>
                </c:pt>
                <c:pt idx="3070">
                  <c:v>762</c:v>
                </c:pt>
                <c:pt idx="3071">
                  <c:v>763</c:v>
                </c:pt>
                <c:pt idx="3072">
                  <c:v>763</c:v>
                </c:pt>
                <c:pt idx="3073">
                  <c:v>763</c:v>
                </c:pt>
                <c:pt idx="3074">
                  <c:v>764</c:v>
                </c:pt>
                <c:pt idx="3075">
                  <c:v>764</c:v>
                </c:pt>
                <c:pt idx="3076">
                  <c:v>764</c:v>
                </c:pt>
                <c:pt idx="3077">
                  <c:v>765</c:v>
                </c:pt>
                <c:pt idx="3078">
                  <c:v>765</c:v>
                </c:pt>
                <c:pt idx="3079">
                  <c:v>765</c:v>
                </c:pt>
                <c:pt idx="3080">
                  <c:v>766</c:v>
                </c:pt>
                <c:pt idx="3081">
                  <c:v>766</c:v>
                </c:pt>
                <c:pt idx="3082">
                  <c:v>766</c:v>
                </c:pt>
                <c:pt idx="3083">
                  <c:v>767</c:v>
                </c:pt>
                <c:pt idx="3084">
                  <c:v>767</c:v>
                </c:pt>
                <c:pt idx="3085">
                  <c:v>767</c:v>
                </c:pt>
                <c:pt idx="3086">
                  <c:v>768</c:v>
                </c:pt>
                <c:pt idx="3087">
                  <c:v>768</c:v>
                </c:pt>
                <c:pt idx="3088">
                  <c:v>768</c:v>
                </c:pt>
                <c:pt idx="3089">
                  <c:v>769</c:v>
                </c:pt>
                <c:pt idx="3090">
                  <c:v>769</c:v>
                </c:pt>
                <c:pt idx="3091">
                  <c:v>769</c:v>
                </c:pt>
                <c:pt idx="3092">
                  <c:v>770</c:v>
                </c:pt>
                <c:pt idx="3093">
                  <c:v>770</c:v>
                </c:pt>
                <c:pt idx="3094">
                  <c:v>770</c:v>
                </c:pt>
                <c:pt idx="3095">
                  <c:v>771</c:v>
                </c:pt>
                <c:pt idx="3096">
                  <c:v>771</c:v>
                </c:pt>
                <c:pt idx="3097">
                  <c:v>771</c:v>
                </c:pt>
                <c:pt idx="3098">
                  <c:v>772</c:v>
                </c:pt>
                <c:pt idx="3099">
                  <c:v>772</c:v>
                </c:pt>
                <c:pt idx="3100">
                  <c:v>772</c:v>
                </c:pt>
                <c:pt idx="3101">
                  <c:v>773</c:v>
                </c:pt>
                <c:pt idx="3102">
                  <c:v>773</c:v>
                </c:pt>
                <c:pt idx="3103">
                  <c:v>773</c:v>
                </c:pt>
                <c:pt idx="3104">
                  <c:v>774</c:v>
                </c:pt>
                <c:pt idx="3105">
                  <c:v>774</c:v>
                </c:pt>
                <c:pt idx="3106">
                  <c:v>774</c:v>
                </c:pt>
                <c:pt idx="3107">
                  <c:v>775</c:v>
                </c:pt>
                <c:pt idx="3108">
                  <c:v>775</c:v>
                </c:pt>
                <c:pt idx="3109">
                  <c:v>775</c:v>
                </c:pt>
                <c:pt idx="3110">
                  <c:v>776</c:v>
                </c:pt>
                <c:pt idx="3111">
                  <c:v>776</c:v>
                </c:pt>
                <c:pt idx="3112">
                  <c:v>776</c:v>
                </c:pt>
                <c:pt idx="3113">
                  <c:v>777</c:v>
                </c:pt>
                <c:pt idx="3114">
                  <c:v>777</c:v>
                </c:pt>
                <c:pt idx="3115">
                  <c:v>777</c:v>
                </c:pt>
                <c:pt idx="3116">
                  <c:v>778</c:v>
                </c:pt>
                <c:pt idx="3117">
                  <c:v>778</c:v>
                </c:pt>
                <c:pt idx="3118">
                  <c:v>778</c:v>
                </c:pt>
                <c:pt idx="3119">
                  <c:v>779</c:v>
                </c:pt>
                <c:pt idx="3120">
                  <c:v>779</c:v>
                </c:pt>
                <c:pt idx="3121">
                  <c:v>779</c:v>
                </c:pt>
                <c:pt idx="3122">
                  <c:v>780</c:v>
                </c:pt>
                <c:pt idx="3123">
                  <c:v>780</c:v>
                </c:pt>
                <c:pt idx="3124">
                  <c:v>780</c:v>
                </c:pt>
                <c:pt idx="3125">
                  <c:v>781</c:v>
                </c:pt>
                <c:pt idx="3126">
                  <c:v>781</c:v>
                </c:pt>
                <c:pt idx="3127">
                  <c:v>781</c:v>
                </c:pt>
                <c:pt idx="3128">
                  <c:v>782</c:v>
                </c:pt>
                <c:pt idx="3129">
                  <c:v>782</c:v>
                </c:pt>
                <c:pt idx="3130">
                  <c:v>782</c:v>
                </c:pt>
                <c:pt idx="3131">
                  <c:v>783</c:v>
                </c:pt>
                <c:pt idx="3132">
                  <c:v>783</c:v>
                </c:pt>
                <c:pt idx="3133">
                  <c:v>783</c:v>
                </c:pt>
                <c:pt idx="3134">
                  <c:v>784</c:v>
                </c:pt>
                <c:pt idx="3135">
                  <c:v>784</c:v>
                </c:pt>
                <c:pt idx="3136">
                  <c:v>784</c:v>
                </c:pt>
                <c:pt idx="3137">
                  <c:v>785</c:v>
                </c:pt>
                <c:pt idx="3138">
                  <c:v>785</c:v>
                </c:pt>
                <c:pt idx="3139">
                  <c:v>785</c:v>
                </c:pt>
                <c:pt idx="3140">
                  <c:v>786</c:v>
                </c:pt>
                <c:pt idx="3141">
                  <c:v>786</c:v>
                </c:pt>
                <c:pt idx="3142">
                  <c:v>786</c:v>
                </c:pt>
                <c:pt idx="3143">
                  <c:v>787</c:v>
                </c:pt>
                <c:pt idx="3144">
                  <c:v>787</c:v>
                </c:pt>
                <c:pt idx="3145">
                  <c:v>787</c:v>
                </c:pt>
                <c:pt idx="3146">
                  <c:v>788</c:v>
                </c:pt>
                <c:pt idx="3147">
                  <c:v>788</c:v>
                </c:pt>
                <c:pt idx="3148">
                  <c:v>788</c:v>
                </c:pt>
                <c:pt idx="3149">
                  <c:v>789</c:v>
                </c:pt>
                <c:pt idx="3150">
                  <c:v>789</c:v>
                </c:pt>
                <c:pt idx="3151">
                  <c:v>789</c:v>
                </c:pt>
                <c:pt idx="3152">
                  <c:v>790</c:v>
                </c:pt>
                <c:pt idx="3153">
                  <c:v>790</c:v>
                </c:pt>
                <c:pt idx="3154">
                  <c:v>790</c:v>
                </c:pt>
                <c:pt idx="3155">
                  <c:v>791</c:v>
                </c:pt>
                <c:pt idx="3156">
                  <c:v>791</c:v>
                </c:pt>
                <c:pt idx="3157">
                  <c:v>791</c:v>
                </c:pt>
                <c:pt idx="3158">
                  <c:v>792</c:v>
                </c:pt>
                <c:pt idx="3159">
                  <c:v>792</c:v>
                </c:pt>
                <c:pt idx="3160">
                  <c:v>792</c:v>
                </c:pt>
                <c:pt idx="3161">
                  <c:v>793</c:v>
                </c:pt>
                <c:pt idx="3162">
                  <c:v>793</c:v>
                </c:pt>
                <c:pt idx="3163">
                  <c:v>793</c:v>
                </c:pt>
                <c:pt idx="3164">
                  <c:v>794</c:v>
                </c:pt>
                <c:pt idx="3165">
                  <c:v>794</c:v>
                </c:pt>
                <c:pt idx="3166">
                  <c:v>794</c:v>
                </c:pt>
                <c:pt idx="3167">
                  <c:v>795</c:v>
                </c:pt>
                <c:pt idx="3168">
                  <c:v>795</c:v>
                </c:pt>
                <c:pt idx="3169">
                  <c:v>795</c:v>
                </c:pt>
                <c:pt idx="3170">
                  <c:v>796</c:v>
                </c:pt>
                <c:pt idx="3171">
                  <c:v>796</c:v>
                </c:pt>
                <c:pt idx="3172">
                  <c:v>796</c:v>
                </c:pt>
                <c:pt idx="3173">
                  <c:v>797</c:v>
                </c:pt>
                <c:pt idx="3174">
                  <c:v>797</c:v>
                </c:pt>
                <c:pt idx="3175">
                  <c:v>797</c:v>
                </c:pt>
                <c:pt idx="3176">
                  <c:v>798</c:v>
                </c:pt>
                <c:pt idx="3177">
                  <c:v>798</c:v>
                </c:pt>
                <c:pt idx="3178">
                  <c:v>798</c:v>
                </c:pt>
                <c:pt idx="3179">
                  <c:v>799</c:v>
                </c:pt>
                <c:pt idx="3180">
                  <c:v>799</c:v>
                </c:pt>
                <c:pt idx="3181">
                  <c:v>799</c:v>
                </c:pt>
                <c:pt idx="3182">
                  <c:v>800</c:v>
                </c:pt>
                <c:pt idx="3183">
                  <c:v>800</c:v>
                </c:pt>
                <c:pt idx="3184">
                  <c:v>800</c:v>
                </c:pt>
                <c:pt idx="3185">
                  <c:v>800</c:v>
                </c:pt>
                <c:pt idx="3186">
                  <c:v>800</c:v>
                </c:pt>
                <c:pt idx="3187">
                  <c:v>800</c:v>
                </c:pt>
                <c:pt idx="3188">
                  <c:v>800</c:v>
                </c:pt>
                <c:pt idx="3189">
                  <c:v>800</c:v>
                </c:pt>
                <c:pt idx="3190">
                  <c:v>800</c:v>
                </c:pt>
                <c:pt idx="3191">
                  <c:v>800</c:v>
                </c:pt>
                <c:pt idx="3192">
                  <c:v>800</c:v>
                </c:pt>
                <c:pt idx="3193">
                  <c:v>800</c:v>
                </c:pt>
                <c:pt idx="3194">
                  <c:v>800</c:v>
                </c:pt>
                <c:pt idx="3195">
                  <c:v>800</c:v>
                </c:pt>
                <c:pt idx="3196">
                  <c:v>800</c:v>
                </c:pt>
                <c:pt idx="3197">
                  <c:v>800</c:v>
                </c:pt>
                <c:pt idx="3198">
                  <c:v>800</c:v>
                </c:pt>
                <c:pt idx="3199">
                  <c:v>800</c:v>
                </c:pt>
                <c:pt idx="3200">
                  <c:v>800</c:v>
                </c:pt>
                <c:pt idx="3201">
                  <c:v>800</c:v>
                </c:pt>
                <c:pt idx="3202">
                  <c:v>800</c:v>
                </c:pt>
                <c:pt idx="3203">
                  <c:v>800</c:v>
                </c:pt>
                <c:pt idx="3204">
                  <c:v>800</c:v>
                </c:pt>
                <c:pt idx="3205">
                  <c:v>800</c:v>
                </c:pt>
                <c:pt idx="3206">
                  <c:v>800</c:v>
                </c:pt>
                <c:pt idx="3207">
                  <c:v>800</c:v>
                </c:pt>
                <c:pt idx="3208">
                  <c:v>800</c:v>
                </c:pt>
                <c:pt idx="3209">
                  <c:v>800</c:v>
                </c:pt>
                <c:pt idx="3210">
                  <c:v>800</c:v>
                </c:pt>
                <c:pt idx="3211">
                  <c:v>800</c:v>
                </c:pt>
                <c:pt idx="3212">
                  <c:v>800</c:v>
                </c:pt>
                <c:pt idx="3213">
                  <c:v>800</c:v>
                </c:pt>
                <c:pt idx="3214">
                  <c:v>800</c:v>
                </c:pt>
                <c:pt idx="3215">
                  <c:v>800</c:v>
                </c:pt>
                <c:pt idx="3216">
                  <c:v>800</c:v>
                </c:pt>
                <c:pt idx="3217">
                  <c:v>800</c:v>
                </c:pt>
                <c:pt idx="3218">
                  <c:v>800</c:v>
                </c:pt>
                <c:pt idx="3219">
                  <c:v>800</c:v>
                </c:pt>
                <c:pt idx="3220">
                  <c:v>800</c:v>
                </c:pt>
                <c:pt idx="3221">
                  <c:v>800</c:v>
                </c:pt>
                <c:pt idx="3222">
                  <c:v>800</c:v>
                </c:pt>
                <c:pt idx="3223">
                  <c:v>800</c:v>
                </c:pt>
                <c:pt idx="3224">
                  <c:v>800</c:v>
                </c:pt>
                <c:pt idx="3225">
                  <c:v>800</c:v>
                </c:pt>
                <c:pt idx="3226">
                  <c:v>800</c:v>
                </c:pt>
                <c:pt idx="3227">
                  <c:v>800</c:v>
                </c:pt>
                <c:pt idx="3228">
                  <c:v>800</c:v>
                </c:pt>
                <c:pt idx="3229">
                  <c:v>800</c:v>
                </c:pt>
                <c:pt idx="3230">
                  <c:v>800</c:v>
                </c:pt>
                <c:pt idx="3231">
                  <c:v>800</c:v>
                </c:pt>
                <c:pt idx="3232">
                  <c:v>800</c:v>
                </c:pt>
                <c:pt idx="3233">
                  <c:v>800</c:v>
                </c:pt>
                <c:pt idx="3234">
                  <c:v>800</c:v>
                </c:pt>
                <c:pt idx="3235">
                  <c:v>800</c:v>
                </c:pt>
                <c:pt idx="3236">
                  <c:v>800</c:v>
                </c:pt>
                <c:pt idx="3237">
                  <c:v>800</c:v>
                </c:pt>
                <c:pt idx="3238">
                  <c:v>800</c:v>
                </c:pt>
                <c:pt idx="3239">
                  <c:v>800</c:v>
                </c:pt>
                <c:pt idx="3240">
                  <c:v>800</c:v>
                </c:pt>
                <c:pt idx="3241">
                  <c:v>800</c:v>
                </c:pt>
                <c:pt idx="3242">
                  <c:v>800</c:v>
                </c:pt>
                <c:pt idx="3243">
                  <c:v>800</c:v>
                </c:pt>
                <c:pt idx="3244">
                  <c:v>800</c:v>
                </c:pt>
                <c:pt idx="3245">
                  <c:v>800</c:v>
                </c:pt>
                <c:pt idx="3246">
                  <c:v>800</c:v>
                </c:pt>
                <c:pt idx="3247">
                  <c:v>800</c:v>
                </c:pt>
                <c:pt idx="3248">
                  <c:v>800</c:v>
                </c:pt>
                <c:pt idx="3249">
                  <c:v>800</c:v>
                </c:pt>
                <c:pt idx="3250">
                  <c:v>800</c:v>
                </c:pt>
                <c:pt idx="3251">
                  <c:v>800</c:v>
                </c:pt>
                <c:pt idx="3252">
                  <c:v>800</c:v>
                </c:pt>
                <c:pt idx="3253">
                  <c:v>800</c:v>
                </c:pt>
                <c:pt idx="3254">
                  <c:v>800</c:v>
                </c:pt>
                <c:pt idx="3255">
                  <c:v>800</c:v>
                </c:pt>
                <c:pt idx="3256">
                  <c:v>800</c:v>
                </c:pt>
                <c:pt idx="3257">
                  <c:v>800</c:v>
                </c:pt>
                <c:pt idx="3258">
                  <c:v>800</c:v>
                </c:pt>
                <c:pt idx="3259">
                  <c:v>800</c:v>
                </c:pt>
                <c:pt idx="3260">
                  <c:v>800</c:v>
                </c:pt>
                <c:pt idx="3261">
                  <c:v>800</c:v>
                </c:pt>
                <c:pt idx="3262">
                  <c:v>800</c:v>
                </c:pt>
                <c:pt idx="3263">
                  <c:v>800</c:v>
                </c:pt>
                <c:pt idx="3264">
                  <c:v>800</c:v>
                </c:pt>
                <c:pt idx="3265">
                  <c:v>800</c:v>
                </c:pt>
                <c:pt idx="3266">
                  <c:v>800</c:v>
                </c:pt>
                <c:pt idx="3267">
                  <c:v>800</c:v>
                </c:pt>
                <c:pt idx="3268">
                  <c:v>800</c:v>
                </c:pt>
                <c:pt idx="3269">
                  <c:v>800</c:v>
                </c:pt>
                <c:pt idx="3270">
                  <c:v>800</c:v>
                </c:pt>
                <c:pt idx="3271">
                  <c:v>800</c:v>
                </c:pt>
                <c:pt idx="3272">
                  <c:v>800</c:v>
                </c:pt>
                <c:pt idx="3273">
                  <c:v>800</c:v>
                </c:pt>
                <c:pt idx="3274">
                  <c:v>800</c:v>
                </c:pt>
                <c:pt idx="3275">
                  <c:v>800</c:v>
                </c:pt>
                <c:pt idx="3276">
                  <c:v>800</c:v>
                </c:pt>
                <c:pt idx="3277">
                  <c:v>800</c:v>
                </c:pt>
                <c:pt idx="3278">
                  <c:v>800</c:v>
                </c:pt>
                <c:pt idx="3279">
                  <c:v>800</c:v>
                </c:pt>
                <c:pt idx="3280">
                  <c:v>800</c:v>
                </c:pt>
                <c:pt idx="3281">
                  <c:v>800</c:v>
                </c:pt>
                <c:pt idx="3282">
                  <c:v>800</c:v>
                </c:pt>
                <c:pt idx="3283">
                  <c:v>800</c:v>
                </c:pt>
                <c:pt idx="3284">
                  <c:v>800</c:v>
                </c:pt>
                <c:pt idx="3285">
                  <c:v>800</c:v>
                </c:pt>
                <c:pt idx="3286">
                  <c:v>800</c:v>
                </c:pt>
                <c:pt idx="3287">
                  <c:v>800</c:v>
                </c:pt>
                <c:pt idx="3288">
                  <c:v>800</c:v>
                </c:pt>
                <c:pt idx="3289">
                  <c:v>800</c:v>
                </c:pt>
                <c:pt idx="3290">
                  <c:v>800</c:v>
                </c:pt>
                <c:pt idx="3291">
                  <c:v>800</c:v>
                </c:pt>
                <c:pt idx="3292">
                  <c:v>800</c:v>
                </c:pt>
                <c:pt idx="3293">
                  <c:v>800</c:v>
                </c:pt>
                <c:pt idx="3294">
                  <c:v>800</c:v>
                </c:pt>
                <c:pt idx="3295">
                  <c:v>800</c:v>
                </c:pt>
                <c:pt idx="3296">
                  <c:v>800</c:v>
                </c:pt>
                <c:pt idx="3297">
                  <c:v>800</c:v>
                </c:pt>
                <c:pt idx="3298">
                  <c:v>800</c:v>
                </c:pt>
                <c:pt idx="3299">
                  <c:v>800</c:v>
                </c:pt>
                <c:pt idx="3300">
                  <c:v>800</c:v>
                </c:pt>
                <c:pt idx="3301">
                  <c:v>800</c:v>
                </c:pt>
                <c:pt idx="3302">
                  <c:v>800</c:v>
                </c:pt>
                <c:pt idx="3303">
                  <c:v>800</c:v>
                </c:pt>
                <c:pt idx="3304">
                  <c:v>800</c:v>
                </c:pt>
                <c:pt idx="3305">
                  <c:v>800</c:v>
                </c:pt>
                <c:pt idx="3306">
                  <c:v>800</c:v>
                </c:pt>
                <c:pt idx="3307">
                  <c:v>800</c:v>
                </c:pt>
                <c:pt idx="3308">
                  <c:v>800</c:v>
                </c:pt>
                <c:pt idx="3309">
                  <c:v>800</c:v>
                </c:pt>
                <c:pt idx="3310">
                  <c:v>800</c:v>
                </c:pt>
                <c:pt idx="3311">
                  <c:v>800</c:v>
                </c:pt>
                <c:pt idx="3312">
                  <c:v>800</c:v>
                </c:pt>
                <c:pt idx="3313">
                  <c:v>800</c:v>
                </c:pt>
                <c:pt idx="3314">
                  <c:v>800</c:v>
                </c:pt>
                <c:pt idx="3315">
                  <c:v>800</c:v>
                </c:pt>
                <c:pt idx="3316">
                  <c:v>800</c:v>
                </c:pt>
                <c:pt idx="3317">
                  <c:v>800</c:v>
                </c:pt>
                <c:pt idx="3318">
                  <c:v>800</c:v>
                </c:pt>
                <c:pt idx="3319">
                  <c:v>800</c:v>
                </c:pt>
                <c:pt idx="3320">
                  <c:v>800</c:v>
                </c:pt>
                <c:pt idx="3321">
                  <c:v>800</c:v>
                </c:pt>
                <c:pt idx="3322">
                  <c:v>800</c:v>
                </c:pt>
                <c:pt idx="3323">
                  <c:v>800</c:v>
                </c:pt>
                <c:pt idx="3324">
                  <c:v>800</c:v>
                </c:pt>
                <c:pt idx="3325">
                  <c:v>800</c:v>
                </c:pt>
                <c:pt idx="3326">
                  <c:v>800</c:v>
                </c:pt>
                <c:pt idx="3327">
                  <c:v>800</c:v>
                </c:pt>
                <c:pt idx="3328">
                  <c:v>800</c:v>
                </c:pt>
                <c:pt idx="3329">
                  <c:v>800</c:v>
                </c:pt>
                <c:pt idx="3330">
                  <c:v>800</c:v>
                </c:pt>
                <c:pt idx="3331">
                  <c:v>800</c:v>
                </c:pt>
                <c:pt idx="3332">
                  <c:v>800</c:v>
                </c:pt>
                <c:pt idx="3333">
                  <c:v>800</c:v>
                </c:pt>
                <c:pt idx="3334">
                  <c:v>800</c:v>
                </c:pt>
                <c:pt idx="3335">
                  <c:v>800</c:v>
                </c:pt>
                <c:pt idx="3336">
                  <c:v>800</c:v>
                </c:pt>
                <c:pt idx="3337">
                  <c:v>800</c:v>
                </c:pt>
                <c:pt idx="3338">
                  <c:v>800</c:v>
                </c:pt>
                <c:pt idx="3339">
                  <c:v>800</c:v>
                </c:pt>
                <c:pt idx="3340">
                  <c:v>800</c:v>
                </c:pt>
                <c:pt idx="3341">
                  <c:v>800</c:v>
                </c:pt>
                <c:pt idx="3342">
                  <c:v>800</c:v>
                </c:pt>
                <c:pt idx="3343">
                  <c:v>800</c:v>
                </c:pt>
                <c:pt idx="3344">
                  <c:v>800</c:v>
                </c:pt>
                <c:pt idx="3345">
                  <c:v>800</c:v>
                </c:pt>
                <c:pt idx="3346">
                  <c:v>800</c:v>
                </c:pt>
                <c:pt idx="3347">
                  <c:v>800</c:v>
                </c:pt>
                <c:pt idx="3348">
                  <c:v>800</c:v>
                </c:pt>
                <c:pt idx="3349">
                  <c:v>800</c:v>
                </c:pt>
                <c:pt idx="3350">
                  <c:v>800</c:v>
                </c:pt>
                <c:pt idx="3351">
                  <c:v>800</c:v>
                </c:pt>
                <c:pt idx="3352">
                  <c:v>800</c:v>
                </c:pt>
                <c:pt idx="3353">
                  <c:v>800</c:v>
                </c:pt>
                <c:pt idx="3354">
                  <c:v>800</c:v>
                </c:pt>
                <c:pt idx="3355">
                  <c:v>800</c:v>
                </c:pt>
                <c:pt idx="3356">
                  <c:v>800</c:v>
                </c:pt>
                <c:pt idx="3357">
                  <c:v>800</c:v>
                </c:pt>
                <c:pt idx="3358">
                  <c:v>800</c:v>
                </c:pt>
                <c:pt idx="3359">
                  <c:v>800</c:v>
                </c:pt>
                <c:pt idx="3360">
                  <c:v>800</c:v>
                </c:pt>
                <c:pt idx="3361">
                  <c:v>800</c:v>
                </c:pt>
                <c:pt idx="3362">
                  <c:v>800</c:v>
                </c:pt>
                <c:pt idx="3363">
                  <c:v>800</c:v>
                </c:pt>
                <c:pt idx="3364">
                  <c:v>800</c:v>
                </c:pt>
                <c:pt idx="3365">
                  <c:v>800</c:v>
                </c:pt>
                <c:pt idx="3366">
                  <c:v>800</c:v>
                </c:pt>
                <c:pt idx="3367">
                  <c:v>800</c:v>
                </c:pt>
                <c:pt idx="3368">
                  <c:v>800</c:v>
                </c:pt>
                <c:pt idx="3369">
                  <c:v>800</c:v>
                </c:pt>
                <c:pt idx="3370">
                  <c:v>800</c:v>
                </c:pt>
                <c:pt idx="3371">
                  <c:v>800</c:v>
                </c:pt>
                <c:pt idx="3372">
                  <c:v>800</c:v>
                </c:pt>
                <c:pt idx="3373">
                  <c:v>800</c:v>
                </c:pt>
                <c:pt idx="3374">
                  <c:v>800</c:v>
                </c:pt>
                <c:pt idx="3375">
                  <c:v>800</c:v>
                </c:pt>
                <c:pt idx="3376">
                  <c:v>800</c:v>
                </c:pt>
                <c:pt idx="3377">
                  <c:v>800</c:v>
                </c:pt>
                <c:pt idx="3378">
                  <c:v>800</c:v>
                </c:pt>
                <c:pt idx="3379">
                  <c:v>800</c:v>
                </c:pt>
                <c:pt idx="3380">
                  <c:v>800</c:v>
                </c:pt>
                <c:pt idx="3381">
                  <c:v>800</c:v>
                </c:pt>
                <c:pt idx="3382">
                  <c:v>800</c:v>
                </c:pt>
                <c:pt idx="3383">
                  <c:v>800</c:v>
                </c:pt>
                <c:pt idx="3384">
                  <c:v>800</c:v>
                </c:pt>
                <c:pt idx="3385">
                  <c:v>800</c:v>
                </c:pt>
                <c:pt idx="3386">
                  <c:v>800</c:v>
                </c:pt>
                <c:pt idx="3387">
                  <c:v>800</c:v>
                </c:pt>
                <c:pt idx="3388">
                  <c:v>800</c:v>
                </c:pt>
                <c:pt idx="3389">
                  <c:v>800</c:v>
                </c:pt>
                <c:pt idx="3390">
                  <c:v>800</c:v>
                </c:pt>
                <c:pt idx="3391">
                  <c:v>800</c:v>
                </c:pt>
                <c:pt idx="3392">
                  <c:v>800</c:v>
                </c:pt>
                <c:pt idx="3393">
                  <c:v>800</c:v>
                </c:pt>
                <c:pt idx="3394">
                  <c:v>800</c:v>
                </c:pt>
                <c:pt idx="3395">
                  <c:v>800</c:v>
                </c:pt>
                <c:pt idx="3396">
                  <c:v>800</c:v>
                </c:pt>
                <c:pt idx="3397">
                  <c:v>800</c:v>
                </c:pt>
                <c:pt idx="3398">
                  <c:v>800</c:v>
                </c:pt>
                <c:pt idx="3399">
                  <c:v>800</c:v>
                </c:pt>
                <c:pt idx="3400">
                  <c:v>800</c:v>
                </c:pt>
                <c:pt idx="3401">
                  <c:v>800</c:v>
                </c:pt>
                <c:pt idx="3402">
                  <c:v>800</c:v>
                </c:pt>
                <c:pt idx="3403">
                  <c:v>800</c:v>
                </c:pt>
                <c:pt idx="3404">
                  <c:v>800</c:v>
                </c:pt>
                <c:pt idx="3405">
                  <c:v>800</c:v>
                </c:pt>
                <c:pt idx="3406">
                  <c:v>800</c:v>
                </c:pt>
                <c:pt idx="3407">
                  <c:v>800</c:v>
                </c:pt>
                <c:pt idx="3408">
                  <c:v>800</c:v>
                </c:pt>
                <c:pt idx="3409">
                  <c:v>800</c:v>
                </c:pt>
                <c:pt idx="3410">
                  <c:v>800</c:v>
                </c:pt>
                <c:pt idx="3411">
                  <c:v>800</c:v>
                </c:pt>
                <c:pt idx="3412">
                  <c:v>800</c:v>
                </c:pt>
                <c:pt idx="3413">
                  <c:v>800</c:v>
                </c:pt>
                <c:pt idx="3414">
                  <c:v>800</c:v>
                </c:pt>
                <c:pt idx="3415">
                  <c:v>800</c:v>
                </c:pt>
                <c:pt idx="3416">
                  <c:v>800</c:v>
                </c:pt>
                <c:pt idx="3417">
                  <c:v>800</c:v>
                </c:pt>
                <c:pt idx="3418">
                  <c:v>800</c:v>
                </c:pt>
                <c:pt idx="3419">
                  <c:v>800</c:v>
                </c:pt>
                <c:pt idx="3420">
                  <c:v>800</c:v>
                </c:pt>
                <c:pt idx="3421">
                  <c:v>800</c:v>
                </c:pt>
                <c:pt idx="3422">
                  <c:v>800</c:v>
                </c:pt>
                <c:pt idx="3423">
                  <c:v>800</c:v>
                </c:pt>
                <c:pt idx="3424">
                  <c:v>800</c:v>
                </c:pt>
                <c:pt idx="3425">
                  <c:v>800</c:v>
                </c:pt>
                <c:pt idx="3426">
                  <c:v>800</c:v>
                </c:pt>
                <c:pt idx="3427">
                  <c:v>800</c:v>
                </c:pt>
                <c:pt idx="3428">
                  <c:v>800</c:v>
                </c:pt>
                <c:pt idx="3429">
                  <c:v>800</c:v>
                </c:pt>
                <c:pt idx="3430">
                  <c:v>800</c:v>
                </c:pt>
                <c:pt idx="3431">
                  <c:v>800</c:v>
                </c:pt>
                <c:pt idx="3432">
                  <c:v>800</c:v>
                </c:pt>
                <c:pt idx="3433">
                  <c:v>800</c:v>
                </c:pt>
                <c:pt idx="3434">
                  <c:v>800</c:v>
                </c:pt>
                <c:pt idx="3435">
                  <c:v>800</c:v>
                </c:pt>
                <c:pt idx="3436">
                  <c:v>800</c:v>
                </c:pt>
                <c:pt idx="3437">
                  <c:v>800</c:v>
                </c:pt>
                <c:pt idx="3438">
                  <c:v>800</c:v>
                </c:pt>
                <c:pt idx="3439">
                  <c:v>800</c:v>
                </c:pt>
                <c:pt idx="3440">
                  <c:v>800</c:v>
                </c:pt>
                <c:pt idx="3441">
                  <c:v>800</c:v>
                </c:pt>
                <c:pt idx="3442">
                  <c:v>800</c:v>
                </c:pt>
                <c:pt idx="3443">
                  <c:v>800</c:v>
                </c:pt>
                <c:pt idx="3444">
                  <c:v>800</c:v>
                </c:pt>
                <c:pt idx="3445">
                  <c:v>800</c:v>
                </c:pt>
                <c:pt idx="3446">
                  <c:v>800</c:v>
                </c:pt>
                <c:pt idx="3447">
                  <c:v>800</c:v>
                </c:pt>
                <c:pt idx="3448">
                  <c:v>800</c:v>
                </c:pt>
                <c:pt idx="3449">
                  <c:v>800</c:v>
                </c:pt>
                <c:pt idx="3450">
                  <c:v>800</c:v>
                </c:pt>
                <c:pt idx="3451">
                  <c:v>800</c:v>
                </c:pt>
                <c:pt idx="3452">
                  <c:v>800</c:v>
                </c:pt>
                <c:pt idx="3453">
                  <c:v>800</c:v>
                </c:pt>
                <c:pt idx="3454">
                  <c:v>800</c:v>
                </c:pt>
                <c:pt idx="3455">
                  <c:v>800</c:v>
                </c:pt>
                <c:pt idx="3456">
                  <c:v>800</c:v>
                </c:pt>
                <c:pt idx="3457">
                  <c:v>800</c:v>
                </c:pt>
                <c:pt idx="3458">
                  <c:v>800</c:v>
                </c:pt>
                <c:pt idx="3459">
                  <c:v>800</c:v>
                </c:pt>
                <c:pt idx="3460">
                  <c:v>800</c:v>
                </c:pt>
                <c:pt idx="3461">
                  <c:v>800</c:v>
                </c:pt>
                <c:pt idx="3462">
                  <c:v>800</c:v>
                </c:pt>
                <c:pt idx="3463">
                  <c:v>800</c:v>
                </c:pt>
                <c:pt idx="3464">
                  <c:v>800</c:v>
                </c:pt>
                <c:pt idx="3465">
                  <c:v>800</c:v>
                </c:pt>
                <c:pt idx="3466">
                  <c:v>800</c:v>
                </c:pt>
                <c:pt idx="3467">
                  <c:v>800</c:v>
                </c:pt>
                <c:pt idx="3468">
                  <c:v>800</c:v>
                </c:pt>
                <c:pt idx="3469">
                  <c:v>800</c:v>
                </c:pt>
                <c:pt idx="3470">
                  <c:v>800</c:v>
                </c:pt>
                <c:pt idx="3471">
                  <c:v>800</c:v>
                </c:pt>
                <c:pt idx="3472">
                  <c:v>800</c:v>
                </c:pt>
                <c:pt idx="3473">
                  <c:v>800</c:v>
                </c:pt>
                <c:pt idx="3474">
                  <c:v>800</c:v>
                </c:pt>
                <c:pt idx="3475">
                  <c:v>800</c:v>
                </c:pt>
                <c:pt idx="3476">
                  <c:v>800</c:v>
                </c:pt>
                <c:pt idx="3477">
                  <c:v>800</c:v>
                </c:pt>
                <c:pt idx="3478">
                  <c:v>800</c:v>
                </c:pt>
                <c:pt idx="3479">
                  <c:v>800</c:v>
                </c:pt>
                <c:pt idx="3480">
                  <c:v>800</c:v>
                </c:pt>
                <c:pt idx="3481">
                  <c:v>800</c:v>
                </c:pt>
                <c:pt idx="3482">
                  <c:v>800</c:v>
                </c:pt>
                <c:pt idx="3483">
                  <c:v>800</c:v>
                </c:pt>
              </c:numCache>
            </c:numRef>
          </c:xVal>
          <c:yVal>
            <c:numRef>
              <c:f>'Fig 6'!$P$9:$P$3492</c:f>
              <c:numCache>
                <c:formatCode>General</c:formatCode>
                <c:ptCount val="3484"/>
                <c:pt idx="0">
                  <c:v>100</c:v>
                </c:pt>
                <c:pt idx="1">
                  <c:v>99.998584898287987</c:v>
                </c:pt>
                <c:pt idx="2">
                  <c:v>99.997169796575974</c:v>
                </c:pt>
                <c:pt idx="3">
                  <c:v>99.995733573942871</c:v>
                </c:pt>
                <c:pt idx="4">
                  <c:v>99.99431847223083</c:v>
                </c:pt>
                <c:pt idx="5">
                  <c:v>99.992882249597756</c:v>
                </c:pt>
                <c:pt idx="6">
                  <c:v>99.991467147885743</c:v>
                </c:pt>
                <c:pt idx="7">
                  <c:v>99.990052046173702</c:v>
                </c:pt>
                <c:pt idx="8">
                  <c:v>99.988615823540627</c:v>
                </c:pt>
                <c:pt idx="9">
                  <c:v>99.987200721828586</c:v>
                </c:pt>
                <c:pt idx="10">
                  <c:v>99.985067508800014</c:v>
                </c:pt>
                <c:pt idx="11">
                  <c:v>99.983652407088016</c:v>
                </c:pt>
                <c:pt idx="12">
                  <c:v>99.982216184454913</c:v>
                </c:pt>
                <c:pt idx="13">
                  <c:v>99.981519194059459</c:v>
                </c:pt>
                <c:pt idx="14">
                  <c:v>99.980082971426341</c:v>
                </c:pt>
                <c:pt idx="15">
                  <c:v>99.978667869714329</c:v>
                </c:pt>
                <c:pt idx="16">
                  <c:v>99.977252768002288</c:v>
                </c:pt>
                <c:pt idx="17">
                  <c:v>99.975816545369213</c:v>
                </c:pt>
                <c:pt idx="18">
                  <c:v>99.973683332340642</c:v>
                </c:pt>
                <c:pt idx="19">
                  <c:v>99.972268230628629</c:v>
                </c:pt>
                <c:pt idx="20">
                  <c:v>99.970853128916602</c:v>
                </c:pt>
                <c:pt idx="21">
                  <c:v>99.969416906283513</c:v>
                </c:pt>
                <c:pt idx="22">
                  <c:v>99.9680018045715</c:v>
                </c:pt>
                <c:pt idx="23">
                  <c:v>99.966565581938411</c:v>
                </c:pt>
                <c:pt idx="24">
                  <c:v>99.965150480226399</c:v>
                </c:pt>
                <c:pt idx="25">
                  <c:v>99.963735378514357</c:v>
                </c:pt>
                <c:pt idx="26">
                  <c:v>99.962299155881269</c:v>
                </c:pt>
                <c:pt idx="27">
                  <c:v>99.960884054169242</c:v>
                </c:pt>
                <c:pt idx="28">
                  <c:v>99.959468952457229</c:v>
                </c:pt>
                <c:pt idx="29">
                  <c:v>99.958032729824126</c:v>
                </c:pt>
                <c:pt idx="30">
                  <c:v>99.956617628112113</c:v>
                </c:pt>
                <c:pt idx="31">
                  <c:v>99.9552025264001</c:v>
                </c:pt>
                <c:pt idx="32">
                  <c:v>99.953766303766997</c:v>
                </c:pt>
                <c:pt idx="33">
                  <c:v>99.952351202054984</c:v>
                </c:pt>
                <c:pt idx="34">
                  <c:v>99.950936100342986</c:v>
                </c:pt>
                <c:pt idx="35">
                  <c:v>99.949499877709869</c:v>
                </c:pt>
                <c:pt idx="36">
                  <c:v>99.947366664681297</c:v>
                </c:pt>
                <c:pt idx="37">
                  <c:v>99.945951562969299</c:v>
                </c:pt>
                <c:pt idx="38">
                  <c:v>99.944536461257258</c:v>
                </c:pt>
                <c:pt idx="39">
                  <c:v>99.943100238624169</c:v>
                </c:pt>
                <c:pt idx="40">
                  <c:v>99.941685136912142</c:v>
                </c:pt>
                <c:pt idx="41">
                  <c:v>99.940270035200129</c:v>
                </c:pt>
                <c:pt idx="42">
                  <c:v>99.938833812567026</c:v>
                </c:pt>
                <c:pt idx="43">
                  <c:v>99.937418710855013</c:v>
                </c:pt>
                <c:pt idx="44">
                  <c:v>99.935982488221924</c:v>
                </c:pt>
                <c:pt idx="45">
                  <c:v>99.934567386509912</c:v>
                </c:pt>
                <c:pt idx="46">
                  <c:v>99.93315228479787</c:v>
                </c:pt>
                <c:pt idx="47">
                  <c:v>99.931716062164782</c:v>
                </c:pt>
                <c:pt idx="48">
                  <c:v>99.930300960452755</c:v>
                </c:pt>
                <c:pt idx="49">
                  <c:v>99.928885858740742</c:v>
                </c:pt>
                <c:pt idx="50">
                  <c:v>99.927449636107653</c:v>
                </c:pt>
                <c:pt idx="51">
                  <c:v>99.92603453439564</c:v>
                </c:pt>
                <c:pt idx="52">
                  <c:v>99.924619432683627</c:v>
                </c:pt>
                <c:pt idx="53">
                  <c:v>99.92318321005051</c:v>
                </c:pt>
                <c:pt idx="54">
                  <c:v>99.921768108338512</c:v>
                </c:pt>
                <c:pt idx="55">
                  <c:v>99.920353006626456</c:v>
                </c:pt>
                <c:pt idx="56">
                  <c:v>99.918916783993367</c:v>
                </c:pt>
                <c:pt idx="57">
                  <c:v>99.917501682281369</c:v>
                </c:pt>
                <c:pt idx="58">
                  <c:v>99.916086580569342</c:v>
                </c:pt>
                <c:pt idx="59">
                  <c:v>99.914650357936239</c:v>
                </c:pt>
                <c:pt idx="60">
                  <c:v>99.913235256224226</c:v>
                </c:pt>
                <c:pt idx="61">
                  <c:v>99.911799033591137</c:v>
                </c:pt>
                <c:pt idx="62">
                  <c:v>99.911102043195655</c:v>
                </c:pt>
                <c:pt idx="63">
                  <c:v>99.909665820562566</c:v>
                </c:pt>
                <c:pt idx="64">
                  <c:v>99.908250718850553</c:v>
                </c:pt>
                <c:pt idx="65">
                  <c:v>99.906835617138526</c:v>
                </c:pt>
                <c:pt idx="66">
                  <c:v>99.905399394505437</c:v>
                </c:pt>
                <c:pt idx="67">
                  <c:v>99.90398429279341</c:v>
                </c:pt>
                <c:pt idx="68">
                  <c:v>99.902569191081383</c:v>
                </c:pt>
                <c:pt idx="69">
                  <c:v>99.901132968448309</c:v>
                </c:pt>
                <c:pt idx="70">
                  <c:v>99.899717866736268</c:v>
                </c:pt>
                <c:pt idx="71">
                  <c:v>99.898999755419737</c:v>
                </c:pt>
                <c:pt idx="72">
                  <c:v>99.897584653707725</c:v>
                </c:pt>
                <c:pt idx="73">
                  <c:v>99.896169551995698</c:v>
                </c:pt>
                <c:pt idx="74">
                  <c:v>99.894733329362595</c:v>
                </c:pt>
                <c:pt idx="75">
                  <c:v>99.893318227650582</c:v>
                </c:pt>
                <c:pt idx="76">
                  <c:v>99.891903125938555</c:v>
                </c:pt>
                <c:pt idx="77">
                  <c:v>99.890466903305466</c:v>
                </c:pt>
                <c:pt idx="78">
                  <c:v>99.889051801593453</c:v>
                </c:pt>
                <c:pt idx="79">
                  <c:v>99.887636699881426</c:v>
                </c:pt>
                <c:pt idx="80">
                  <c:v>99.886200477248337</c:v>
                </c:pt>
                <c:pt idx="81">
                  <c:v>99.88478537553631</c:v>
                </c:pt>
                <c:pt idx="82">
                  <c:v>99.883349152903207</c:v>
                </c:pt>
                <c:pt idx="83">
                  <c:v>99.881934051191209</c:v>
                </c:pt>
                <c:pt idx="84">
                  <c:v>99.880518949479182</c:v>
                </c:pt>
                <c:pt idx="85">
                  <c:v>99.879082726846093</c:v>
                </c:pt>
                <c:pt idx="86">
                  <c:v>99.87766762513408</c:v>
                </c:pt>
                <c:pt idx="87">
                  <c:v>99.876949513817522</c:v>
                </c:pt>
                <c:pt idx="88">
                  <c:v>99.87553441210548</c:v>
                </c:pt>
                <c:pt idx="89">
                  <c:v>99.874119310393468</c:v>
                </c:pt>
                <c:pt idx="90">
                  <c:v>99.872683087760393</c:v>
                </c:pt>
                <c:pt idx="91">
                  <c:v>99.871267986048366</c:v>
                </c:pt>
                <c:pt idx="92">
                  <c:v>99.870549874731836</c:v>
                </c:pt>
                <c:pt idx="93">
                  <c:v>99.869134773019795</c:v>
                </c:pt>
                <c:pt idx="94">
                  <c:v>99.867719671307782</c:v>
                </c:pt>
                <c:pt idx="95">
                  <c:v>99.866283448674679</c:v>
                </c:pt>
                <c:pt idx="96">
                  <c:v>99.864868346962666</c:v>
                </c:pt>
                <c:pt idx="97">
                  <c:v>99.863453245250625</c:v>
                </c:pt>
                <c:pt idx="98">
                  <c:v>99.86201702261755</c:v>
                </c:pt>
                <c:pt idx="99">
                  <c:v>99.861320032222082</c:v>
                </c:pt>
                <c:pt idx="100">
                  <c:v>99.859883809588979</c:v>
                </c:pt>
                <c:pt idx="101">
                  <c:v>99.858468707876966</c:v>
                </c:pt>
                <c:pt idx="102">
                  <c:v>99.857032485243863</c:v>
                </c:pt>
                <c:pt idx="103">
                  <c:v>99.85561738353185</c:v>
                </c:pt>
                <c:pt idx="104">
                  <c:v>99.854899272215306</c:v>
                </c:pt>
                <c:pt idx="105">
                  <c:v>99.853484170503293</c:v>
                </c:pt>
                <c:pt idx="106">
                  <c:v>99.852069068791252</c:v>
                </c:pt>
                <c:pt idx="107">
                  <c:v>99.850632846158177</c:v>
                </c:pt>
                <c:pt idx="108">
                  <c:v>99.849217744446136</c:v>
                </c:pt>
                <c:pt idx="109">
                  <c:v>99.847802642734123</c:v>
                </c:pt>
                <c:pt idx="110">
                  <c:v>99.847084531417579</c:v>
                </c:pt>
                <c:pt idx="111">
                  <c:v>99.845669429705552</c:v>
                </c:pt>
                <c:pt idx="112">
                  <c:v>99.844233207072463</c:v>
                </c:pt>
                <c:pt idx="113">
                  <c:v>99.842818105360436</c:v>
                </c:pt>
                <c:pt idx="114">
                  <c:v>99.841403003648438</c:v>
                </c:pt>
                <c:pt idx="115">
                  <c:v>99.839269790619866</c:v>
                </c:pt>
                <c:pt idx="116">
                  <c:v>99.837833567986763</c:v>
                </c:pt>
                <c:pt idx="117">
                  <c:v>99.835700354958206</c:v>
                </c:pt>
                <c:pt idx="118">
                  <c:v>99.833567141929635</c:v>
                </c:pt>
                <c:pt idx="119">
                  <c:v>99.831433928901063</c:v>
                </c:pt>
                <c:pt idx="120">
                  <c:v>99.829300715872506</c:v>
                </c:pt>
                <c:pt idx="121">
                  <c:v>99.826449391527376</c:v>
                </c:pt>
                <c:pt idx="122">
                  <c:v>99.824316178498833</c:v>
                </c:pt>
                <c:pt idx="123">
                  <c:v>99.821485975074779</c:v>
                </c:pt>
                <c:pt idx="124">
                  <c:v>99.818634650729649</c:v>
                </c:pt>
                <c:pt idx="125">
                  <c:v>99.815783326384562</c:v>
                </c:pt>
                <c:pt idx="126">
                  <c:v>99.812235011643963</c:v>
                </c:pt>
                <c:pt idx="127">
                  <c:v>99.809383687298848</c:v>
                </c:pt>
                <c:pt idx="128">
                  <c:v>99.806553483874794</c:v>
                </c:pt>
                <c:pt idx="129">
                  <c:v>99.802984048213133</c:v>
                </c:pt>
                <c:pt idx="130">
                  <c:v>99.799435733472549</c:v>
                </c:pt>
                <c:pt idx="131">
                  <c:v>99.795866297810903</c:v>
                </c:pt>
                <c:pt idx="132">
                  <c:v>99.793036094386849</c:v>
                </c:pt>
                <c:pt idx="133">
                  <c:v>99.789466658725203</c:v>
                </c:pt>
                <c:pt idx="134">
                  <c:v>99.786636455301164</c:v>
                </c:pt>
                <c:pt idx="135">
                  <c:v>99.783785130956062</c:v>
                </c:pt>
                <c:pt idx="136">
                  <c:v>99.780236816215449</c:v>
                </c:pt>
                <c:pt idx="137">
                  <c:v>99.777385491870348</c:v>
                </c:pt>
                <c:pt idx="138">
                  <c:v>99.774534167525232</c:v>
                </c:pt>
                <c:pt idx="139">
                  <c:v>99.771682843180116</c:v>
                </c:pt>
                <c:pt idx="140">
                  <c:v>99.769549630151545</c:v>
                </c:pt>
                <c:pt idx="141">
                  <c:v>99.767416417122988</c:v>
                </c:pt>
                <c:pt idx="142">
                  <c:v>99.76528320409443</c:v>
                </c:pt>
                <c:pt idx="143">
                  <c:v>99.763149991065859</c:v>
                </c:pt>
                <c:pt idx="144">
                  <c:v>99.761734889353818</c:v>
                </c:pt>
                <c:pt idx="145">
                  <c:v>99.759601676325246</c:v>
                </c:pt>
                <c:pt idx="146">
                  <c:v>99.75888356500873</c:v>
                </c:pt>
                <c:pt idx="147">
                  <c:v>99.757468463296689</c:v>
                </c:pt>
                <c:pt idx="148">
                  <c:v>99.756750351980145</c:v>
                </c:pt>
                <c:pt idx="149">
                  <c:v>99.756053361584691</c:v>
                </c:pt>
                <c:pt idx="150">
                  <c:v>99.755335250268132</c:v>
                </c:pt>
                <c:pt idx="151">
                  <c:v>99.754617138951573</c:v>
                </c:pt>
                <c:pt idx="152">
                  <c:v>99.753920148556119</c:v>
                </c:pt>
                <c:pt idx="153">
                  <c:v>99.753920148556119</c:v>
                </c:pt>
                <c:pt idx="154">
                  <c:v>99.753920148556119</c:v>
                </c:pt>
                <c:pt idx="155">
                  <c:v>99.753920148556119</c:v>
                </c:pt>
                <c:pt idx="156">
                  <c:v>99.753920148556119</c:v>
                </c:pt>
                <c:pt idx="157">
                  <c:v>99.753202037239561</c:v>
                </c:pt>
                <c:pt idx="158">
                  <c:v>99.753202037239561</c:v>
                </c:pt>
                <c:pt idx="159">
                  <c:v>99.753202037239561</c:v>
                </c:pt>
                <c:pt idx="160">
                  <c:v>99.752483925923002</c:v>
                </c:pt>
                <c:pt idx="161">
                  <c:v>99.752483925923002</c:v>
                </c:pt>
                <c:pt idx="162">
                  <c:v>99.751786935527534</c:v>
                </c:pt>
                <c:pt idx="163">
                  <c:v>99.751786935527534</c:v>
                </c:pt>
                <c:pt idx="164">
                  <c:v>99.751068824211004</c:v>
                </c:pt>
                <c:pt idx="165">
                  <c:v>99.750350712894445</c:v>
                </c:pt>
                <c:pt idx="166">
                  <c:v>99.750350712894445</c:v>
                </c:pt>
                <c:pt idx="167">
                  <c:v>99.749653722498948</c:v>
                </c:pt>
                <c:pt idx="168">
                  <c:v>99.748935611182432</c:v>
                </c:pt>
                <c:pt idx="169">
                  <c:v>99.748217499865873</c:v>
                </c:pt>
                <c:pt idx="170">
                  <c:v>99.747520509470405</c:v>
                </c:pt>
                <c:pt idx="171">
                  <c:v>99.746802398153861</c:v>
                </c:pt>
                <c:pt idx="172">
                  <c:v>99.746084286837316</c:v>
                </c:pt>
                <c:pt idx="173">
                  <c:v>99.745366175520758</c:v>
                </c:pt>
                <c:pt idx="174">
                  <c:v>99.744669185125289</c:v>
                </c:pt>
                <c:pt idx="175">
                  <c:v>99.7432329624922</c:v>
                </c:pt>
                <c:pt idx="176">
                  <c:v>99.742535972096718</c:v>
                </c:pt>
                <c:pt idx="177">
                  <c:v>99.741817860780188</c:v>
                </c:pt>
                <c:pt idx="178">
                  <c:v>99.740402759068147</c:v>
                </c:pt>
                <c:pt idx="179">
                  <c:v>99.739684647751631</c:v>
                </c:pt>
                <c:pt idx="180">
                  <c:v>99.738966536435072</c:v>
                </c:pt>
                <c:pt idx="181">
                  <c:v>99.738269546039575</c:v>
                </c:pt>
                <c:pt idx="182">
                  <c:v>99.737551434723059</c:v>
                </c:pt>
                <c:pt idx="183">
                  <c:v>99.736833323406501</c:v>
                </c:pt>
                <c:pt idx="184">
                  <c:v>99.735418221694474</c:v>
                </c:pt>
                <c:pt idx="185">
                  <c:v>99.734700110377943</c:v>
                </c:pt>
                <c:pt idx="186">
                  <c:v>99.734003119982447</c:v>
                </c:pt>
                <c:pt idx="187">
                  <c:v>99.733285008665902</c:v>
                </c:pt>
                <c:pt idx="188">
                  <c:v>99.732566897349358</c:v>
                </c:pt>
                <c:pt idx="189">
                  <c:v>99.732566897349358</c:v>
                </c:pt>
                <c:pt idx="190">
                  <c:v>99.731869906953889</c:v>
                </c:pt>
                <c:pt idx="191">
                  <c:v>99.731151795637345</c:v>
                </c:pt>
                <c:pt idx="192">
                  <c:v>99.730433684320801</c:v>
                </c:pt>
                <c:pt idx="193">
                  <c:v>99.729736693925332</c:v>
                </c:pt>
                <c:pt idx="194">
                  <c:v>99.729018582608788</c:v>
                </c:pt>
                <c:pt idx="195">
                  <c:v>99.728300471292229</c:v>
                </c:pt>
                <c:pt idx="196">
                  <c:v>99.727603480896761</c:v>
                </c:pt>
                <c:pt idx="197">
                  <c:v>99.726885369580216</c:v>
                </c:pt>
                <c:pt idx="198">
                  <c:v>99.726167258263672</c:v>
                </c:pt>
                <c:pt idx="199">
                  <c:v>99.725470267868204</c:v>
                </c:pt>
                <c:pt idx="200">
                  <c:v>99.725470267868204</c:v>
                </c:pt>
                <c:pt idx="201">
                  <c:v>99.724752156551659</c:v>
                </c:pt>
                <c:pt idx="202">
                  <c:v>99.724034045235101</c:v>
                </c:pt>
                <c:pt idx="203">
                  <c:v>99.723337054839618</c:v>
                </c:pt>
                <c:pt idx="204">
                  <c:v>99.723337054839618</c:v>
                </c:pt>
                <c:pt idx="205">
                  <c:v>99.722618943523088</c:v>
                </c:pt>
                <c:pt idx="206">
                  <c:v>99.721900832206529</c:v>
                </c:pt>
                <c:pt idx="207">
                  <c:v>99.721203841811047</c:v>
                </c:pt>
                <c:pt idx="208">
                  <c:v>99.721203841811047</c:v>
                </c:pt>
                <c:pt idx="209">
                  <c:v>99.720485730494516</c:v>
                </c:pt>
                <c:pt idx="210">
                  <c:v>99.719767619177972</c:v>
                </c:pt>
                <c:pt idx="211">
                  <c:v>99.719049507861413</c:v>
                </c:pt>
                <c:pt idx="212">
                  <c:v>99.718352517465959</c:v>
                </c:pt>
                <c:pt idx="213">
                  <c:v>99.718352517465959</c:v>
                </c:pt>
                <c:pt idx="214">
                  <c:v>99.717634406149401</c:v>
                </c:pt>
                <c:pt idx="215">
                  <c:v>99.716916294832842</c:v>
                </c:pt>
                <c:pt idx="216">
                  <c:v>99.716219304437374</c:v>
                </c:pt>
                <c:pt idx="217">
                  <c:v>99.715501193120843</c:v>
                </c:pt>
                <c:pt idx="218">
                  <c:v>99.714783081804285</c:v>
                </c:pt>
                <c:pt idx="219">
                  <c:v>99.714783081804285</c:v>
                </c:pt>
                <c:pt idx="220">
                  <c:v>99.714086091408802</c:v>
                </c:pt>
                <c:pt idx="221">
                  <c:v>99.713367980092272</c:v>
                </c:pt>
                <c:pt idx="222">
                  <c:v>99.712649868775728</c:v>
                </c:pt>
                <c:pt idx="223">
                  <c:v>99.712649868775728</c:v>
                </c:pt>
                <c:pt idx="224">
                  <c:v>99.711952878380245</c:v>
                </c:pt>
                <c:pt idx="225">
                  <c:v>99.711234767063715</c:v>
                </c:pt>
                <c:pt idx="226">
                  <c:v>99.711234767063715</c:v>
                </c:pt>
                <c:pt idx="227">
                  <c:v>99.710516655747156</c:v>
                </c:pt>
                <c:pt idx="228">
                  <c:v>99.709819665351674</c:v>
                </c:pt>
                <c:pt idx="229">
                  <c:v>99.709101554035158</c:v>
                </c:pt>
                <c:pt idx="230">
                  <c:v>99.708383442718599</c:v>
                </c:pt>
                <c:pt idx="231">
                  <c:v>99.707686452323102</c:v>
                </c:pt>
                <c:pt idx="232">
                  <c:v>99.706968341006558</c:v>
                </c:pt>
                <c:pt idx="233">
                  <c:v>99.706968341006558</c:v>
                </c:pt>
                <c:pt idx="234">
                  <c:v>99.706250229690028</c:v>
                </c:pt>
                <c:pt idx="235">
                  <c:v>99.705553239294545</c:v>
                </c:pt>
                <c:pt idx="236">
                  <c:v>99.704835127977987</c:v>
                </c:pt>
                <c:pt idx="237">
                  <c:v>99.704117016661456</c:v>
                </c:pt>
                <c:pt idx="238">
                  <c:v>99.704117016661456</c:v>
                </c:pt>
                <c:pt idx="239">
                  <c:v>99.703420026265974</c:v>
                </c:pt>
                <c:pt idx="240">
                  <c:v>99.702701914949429</c:v>
                </c:pt>
                <c:pt idx="241">
                  <c:v>99.701983803632885</c:v>
                </c:pt>
                <c:pt idx="242">
                  <c:v>99.701983803632885</c:v>
                </c:pt>
                <c:pt idx="243">
                  <c:v>99.701286813237417</c:v>
                </c:pt>
                <c:pt idx="244">
                  <c:v>99.700568701920872</c:v>
                </c:pt>
                <c:pt idx="245">
                  <c:v>99.699850590604314</c:v>
                </c:pt>
                <c:pt idx="246">
                  <c:v>99.699153600208859</c:v>
                </c:pt>
                <c:pt idx="247">
                  <c:v>99.699153600208859</c:v>
                </c:pt>
                <c:pt idx="248">
                  <c:v>99.698435488892301</c:v>
                </c:pt>
                <c:pt idx="249">
                  <c:v>99.697717377575742</c:v>
                </c:pt>
                <c:pt idx="250">
                  <c:v>99.697020387180288</c:v>
                </c:pt>
                <c:pt idx="251">
                  <c:v>99.697020387180288</c:v>
                </c:pt>
                <c:pt idx="252">
                  <c:v>99.696302275863729</c:v>
                </c:pt>
                <c:pt idx="253">
                  <c:v>99.695584164547185</c:v>
                </c:pt>
                <c:pt idx="254">
                  <c:v>99.694887174151688</c:v>
                </c:pt>
                <c:pt idx="255">
                  <c:v>99.694887174151688</c:v>
                </c:pt>
                <c:pt idx="256">
                  <c:v>99.694169062835172</c:v>
                </c:pt>
                <c:pt idx="257">
                  <c:v>99.693450951518614</c:v>
                </c:pt>
                <c:pt idx="258">
                  <c:v>99.693450951518614</c:v>
                </c:pt>
                <c:pt idx="259">
                  <c:v>99.692753961123131</c:v>
                </c:pt>
                <c:pt idx="260">
                  <c:v>99.692035849806601</c:v>
                </c:pt>
                <c:pt idx="261">
                  <c:v>99.691317738490042</c:v>
                </c:pt>
                <c:pt idx="262">
                  <c:v>99.690599627173484</c:v>
                </c:pt>
                <c:pt idx="263">
                  <c:v>99.690599627173484</c:v>
                </c:pt>
                <c:pt idx="264">
                  <c:v>99.689902636778029</c:v>
                </c:pt>
                <c:pt idx="265">
                  <c:v>99.689184525461471</c:v>
                </c:pt>
                <c:pt idx="266">
                  <c:v>99.689184525461471</c:v>
                </c:pt>
                <c:pt idx="267">
                  <c:v>99.688466414144912</c:v>
                </c:pt>
                <c:pt idx="268">
                  <c:v>99.687769423749444</c:v>
                </c:pt>
                <c:pt idx="269">
                  <c:v>99.687769423749444</c:v>
                </c:pt>
                <c:pt idx="270">
                  <c:v>99.687051312432899</c:v>
                </c:pt>
                <c:pt idx="271">
                  <c:v>99.687051312432899</c:v>
                </c:pt>
                <c:pt idx="272">
                  <c:v>99.686333201116369</c:v>
                </c:pt>
                <c:pt idx="273">
                  <c:v>99.685636210720887</c:v>
                </c:pt>
                <c:pt idx="274">
                  <c:v>99.685636210720887</c:v>
                </c:pt>
                <c:pt idx="275">
                  <c:v>99.684918099404356</c:v>
                </c:pt>
                <c:pt idx="276">
                  <c:v>99.684199988087798</c:v>
                </c:pt>
                <c:pt idx="277">
                  <c:v>99.684199988087798</c:v>
                </c:pt>
                <c:pt idx="278">
                  <c:v>99.683502997692315</c:v>
                </c:pt>
                <c:pt idx="279">
                  <c:v>99.683502997692315</c:v>
                </c:pt>
                <c:pt idx="280">
                  <c:v>99.682784886375785</c:v>
                </c:pt>
                <c:pt idx="281">
                  <c:v>99.682066775059226</c:v>
                </c:pt>
                <c:pt idx="282">
                  <c:v>99.682066775059226</c:v>
                </c:pt>
                <c:pt idx="283">
                  <c:v>99.681369784663758</c:v>
                </c:pt>
                <c:pt idx="284">
                  <c:v>99.681369784663758</c:v>
                </c:pt>
                <c:pt idx="285">
                  <c:v>99.680651673347214</c:v>
                </c:pt>
                <c:pt idx="286">
                  <c:v>99.679933562030669</c:v>
                </c:pt>
                <c:pt idx="287">
                  <c:v>99.679933562030669</c:v>
                </c:pt>
                <c:pt idx="288">
                  <c:v>99.679236571635187</c:v>
                </c:pt>
                <c:pt idx="289">
                  <c:v>99.678518460318642</c:v>
                </c:pt>
                <c:pt idx="290">
                  <c:v>99.678518460318642</c:v>
                </c:pt>
                <c:pt idx="291">
                  <c:v>99.677800349002098</c:v>
                </c:pt>
                <c:pt idx="292">
                  <c:v>99.677103358606615</c:v>
                </c:pt>
                <c:pt idx="293">
                  <c:v>99.677103358606615</c:v>
                </c:pt>
                <c:pt idx="294">
                  <c:v>99.676385247290085</c:v>
                </c:pt>
                <c:pt idx="295">
                  <c:v>99.675667135973526</c:v>
                </c:pt>
                <c:pt idx="296">
                  <c:v>99.675667135973526</c:v>
                </c:pt>
                <c:pt idx="297">
                  <c:v>99.674970145578072</c:v>
                </c:pt>
                <c:pt idx="298">
                  <c:v>99.674252034261514</c:v>
                </c:pt>
                <c:pt idx="299">
                  <c:v>99.674252034261514</c:v>
                </c:pt>
                <c:pt idx="300">
                  <c:v>99.673533922944969</c:v>
                </c:pt>
                <c:pt idx="301">
                  <c:v>99.672836932549501</c:v>
                </c:pt>
                <c:pt idx="302">
                  <c:v>99.672836932549501</c:v>
                </c:pt>
                <c:pt idx="303">
                  <c:v>99.672118821232957</c:v>
                </c:pt>
                <c:pt idx="304">
                  <c:v>99.672118821232957</c:v>
                </c:pt>
                <c:pt idx="305">
                  <c:v>99.671400709916398</c:v>
                </c:pt>
                <c:pt idx="306">
                  <c:v>99.67070371952093</c:v>
                </c:pt>
                <c:pt idx="307">
                  <c:v>99.67070371952093</c:v>
                </c:pt>
                <c:pt idx="308">
                  <c:v>99.669985608204399</c:v>
                </c:pt>
                <c:pt idx="309">
                  <c:v>99.669267496887841</c:v>
                </c:pt>
                <c:pt idx="310">
                  <c:v>99.669267496887841</c:v>
                </c:pt>
                <c:pt idx="311">
                  <c:v>99.669267496887841</c:v>
                </c:pt>
                <c:pt idx="312">
                  <c:v>99.668570506492358</c:v>
                </c:pt>
                <c:pt idx="313">
                  <c:v>99.668570506492358</c:v>
                </c:pt>
                <c:pt idx="314">
                  <c:v>99.667852395175828</c:v>
                </c:pt>
                <c:pt idx="315">
                  <c:v>99.667852395175828</c:v>
                </c:pt>
                <c:pt idx="316">
                  <c:v>99.667134283859269</c:v>
                </c:pt>
                <c:pt idx="317">
                  <c:v>99.666437293463787</c:v>
                </c:pt>
                <c:pt idx="318">
                  <c:v>99.666437293463787</c:v>
                </c:pt>
                <c:pt idx="319">
                  <c:v>99.665719182147257</c:v>
                </c:pt>
                <c:pt idx="320">
                  <c:v>99.665719182147257</c:v>
                </c:pt>
                <c:pt idx="321">
                  <c:v>99.665001070830712</c:v>
                </c:pt>
                <c:pt idx="322">
                  <c:v>99.665001070830712</c:v>
                </c:pt>
                <c:pt idx="323">
                  <c:v>99.664282959514139</c:v>
                </c:pt>
                <c:pt idx="324">
                  <c:v>99.663585969118699</c:v>
                </c:pt>
                <c:pt idx="325">
                  <c:v>99.663585969118699</c:v>
                </c:pt>
                <c:pt idx="326">
                  <c:v>99.662867857802127</c:v>
                </c:pt>
                <c:pt idx="327">
                  <c:v>99.662867857802127</c:v>
                </c:pt>
                <c:pt idx="328">
                  <c:v>99.662149746485568</c:v>
                </c:pt>
                <c:pt idx="329">
                  <c:v>99.662149746485568</c:v>
                </c:pt>
                <c:pt idx="330">
                  <c:v>99.661452756090114</c:v>
                </c:pt>
                <c:pt idx="331">
                  <c:v>99.661452756090114</c:v>
                </c:pt>
                <c:pt idx="332">
                  <c:v>99.660734644773569</c:v>
                </c:pt>
                <c:pt idx="333">
                  <c:v>99.660734644773569</c:v>
                </c:pt>
                <c:pt idx="334">
                  <c:v>99.660016533457011</c:v>
                </c:pt>
                <c:pt idx="335">
                  <c:v>99.659319543061542</c:v>
                </c:pt>
                <c:pt idx="336">
                  <c:v>99.659319543061542</c:v>
                </c:pt>
                <c:pt idx="337">
                  <c:v>99.658601431744998</c:v>
                </c:pt>
                <c:pt idx="338">
                  <c:v>99.657883320428439</c:v>
                </c:pt>
                <c:pt idx="339">
                  <c:v>99.657883320428439</c:v>
                </c:pt>
                <c:pt idx="340">
                  <c:v>99.657186330032971</c:v>
                </c:pt>
                <c:pt idx="341">
                  <c:v>99.656468218716441</c:v>
                </c:pt>
                <c:pt idx="342">
                  <c:v>99.655750107399882</c:v>
                </c:pt>
                <c:pt idx="343">
                  <c:v>99.655053117004414</c:v>
                </c:pt>
                <c:pt idx="344">
                  <c:v>99.655053117004414</c:v>
                </c:pt>
                <c:pt idx="345">
                  <c:v>99.654335005687884</c:v>
                </c:pt>
                <c:pt idx="346">
                  <c:v>99.653616894371325</c:v>
                </c:pt>
                <c:pt idx="347">
                  <c:v>99.653616894371325</c:v>
                </c:pt>
                <c:pt idx="348">
                  <c:v>99.652919903975842</c:v>
                </c:pt>
                <c:pt idx="349">
                  <c:v>99.652201792659284</c:v>
                </c:pt>
                <c:pt idx="350">
                  <c:v>99.652201792659284</c:v>
                </c:pt>
                <c:pt idx="351">
                  <c:v>99.651483681342754</c:v>
                </c:pt>
                <c:pt idx="352">
                  <c:v>99.650786690947285</c:v>
                </c:pt>
                <c:pt idx="353">
                  <c:v>99.650068579630727</c:v>
                </c:pt>
                <c:pt idx="354">
                  <c:v>99.650068579630727</c:v>
                </c:pt>
                <c:pt idx="355">
                  <c:v>99.649350468314196</c:v>
                </c:pt>
                <c:pt idx="356">
                  <c:v>99.6486534779187</c:v>
                </c:pt>
                <c:pt idx="357">
                  <c:v>99.6486534779187</c:v>
                </c:pt>
                <c:pt idx="358">
                  <c:v>99.647935366602141</c:v>
                </c:pt>
                <c:pt idx="359">
                  <c:v>99.647217255285625</c:v>
                </c:pt>
                <c:pt idx="360">
                  <c:v>99.646520264890157</c:v>
                </c:pt>
                <c:pt idx="361">
                  <c:v>99.646520264890157</c:v>
                </c:pt>
                <c:pt idx="362">
                  <c:v>99.645802153573598</c:v>
                </c:pt>
                <c:pt idx="363">
                  <c:v>99.645802153573598</c:v>
                </c:pt>
                <c:pt idx="364">
                  <c:v>99.645084042257054</c:v>
                </c:pt>
                <c:pt idx="365">
                  <c:v>99.645084042257054</c:v>
                </c:pt>
                <c:pt idx="366">
                  <c:v>99.6443870518616</c:v>
                </c:pt>
                <c:pt idx="367">
                  <c:v>99.6443870518616</c:v>
                </c:pt>
                <c:pt idx="368">
                  <c:v>99.643668940545041</c:v>
                </c:pt>
                <c:pt idx="369">
                  <c:v>99.642950829228468</c:v>
                </c:pt>
                <c:pt idx="370">
                  <c:v>99.642950829228468</c:v>
                </c:pt>
                <c:pt idx="371">
                  <c:v>99.642253838833014</c:v>
                </c:pt>
                <c:pt idx="372">
                  <c:v>99.641535727516455</c:v>
                </c:pt>
                <c:pt idx="373">
                  <c:v>99.641535727516455</c:v>
                </c:pt>
                <c:pt idx="374">
                  <c:v>99.640817616199911</c:v>
                </c:pt>
                <c:pt idx="375">
                  <c:v>99.640817616199911</c:v>
                </c:pt>
                <c:pt idx="376">
                  <c:v>99.640120625804457</c:v>
                </c:pt>
                <c:pt idx="377">
                  <c:v>99.639402514487898</c:v>
                </c:pt>
                <c:pt idx="378">
                  <c:v>99.639402514487898</c:v>
                </c:pt>
                <c:pt idx="379">
                  <c:v>99.638684403171339</c:v>
                </c:pt>
                <c:pt idx="380">
                  <c:v>99.637987412775857</c:v>
                </c:pt>
                <c:pt idx="381">
                  <c:v>99.637269301459327</c:v>
                </c:pt>
                <c:pt idx="382">
                  <c:v>99.637269301459327</c:v>
                </c:pt>
                <c:pt idx="383">
                  <c:v>99.636551190142768</c:v>
                </c:pt>
                <c:pt idx="384">
                  <c:v>99.635833078826224</c:v>
                </c:pt>
                <c:pt idx="385">
                  <c:v>99.635833078826224</c:v>
                </c:pt>
                <c:pt idx="386">
                  <c:v>99.63513608843077</c:v>
                </c:pt>
                <c:pt idx="387">
                  <c:v>99.63513608843077</c:v>
                </c:pt>
                <c:pt idx="388">
                  <c:v>99.634417977114211</c:v>
                </c:pt>
                <c:pt idx="389">
                  <c:v>99.634417977114211</c:v>
                </c:pt>
                <c:pt idx="390">
                  <c:v>99.633699865797652</c:v>
                </c:pt>
                <c:pt idx="391">
                  <c:v>99.633699865797652</c:v>
                </c:pt>
                <c:pt idx="392">
                  <c:v>99.633002875402198</c:v>
                </c:pt>
                <c:pt idx="393">
                  <c:v>99.633002875402198</c:v>
                </c:pt>
                <c:pt idx="394">
                  <c:v>99.632284764085639</c:v>
                </c:pt>
                <c:pt idx="395">
                  <c:v>99.632284764085639</c:v>
                </c:pt>
                <c:pt idx="396">
                  <c:v>99.631566652769095</c:v>
                </c:pt>
                <c:pt idx="397">
                  <c:v>99.631566652769095</c:v>
                </c:pt>
                <c:pt idx="398">
                  <c:v>99.630869662373627</c:v>
                </c:pt>
                <c:pt idx="399">
                  <c:v>99.630869662373627</c:v>
                </c:pt>
                <c:pt idx="400">
                  <c:v>99.630151551057082</c:v>
                </c:pt>
                <c:pt idx="401">
                  <c:v>99.630151551057082</c:v>
                </c:pt>
                <c:pt idx="402">
                  <c:v>99.629433439740538</c:v>
                </c:pt>
                <c:pt idx="403">
                  <c:v>99.629433439740538</c:v>
                </c:pt>
                <c:pt idx="404">
                  <c:v>99.628736449345041</c:v>
                </c:pt>
                <c:pt idx="405">
                  <c:v>99.628736449345041</c:v>
                </c:pt>
                <c:pt idx="406">
                  <c:v>99.628736449345041</c:v>
                </c:pt>
                <c:pt idx="407">
                  <c:v>99.628018338028525</c:v>
                </c:pt>
                <c:pt idx="408">
                  <c:v>99.628018338028525</c:v>
                </c:pt>
                <c:pt idx="409">
                  <c:v>99.627300226711967</c:v>
                </c:pt>
                <c:pt idx="410">
                  <c:v>99.626603236316484</c:v>
                </c:pt>
                <c:pt idx="411">
                  <c:v>99.626603236316484</c:v>
                </c:pt>
                <c:pt idx="412">
                  <c:v>99.625885124999954</c:v>
                </c:pt>
                <c:pt idx="413">
                  <c:v>99.625167013683409</c:v>
                </c:pt>
                <c:pt idx="414">
                  <c:v>99.625167013683409</c:v>
                </c:pt>
                <c:pt idx="415">
                  <c:v>99.624470023287913</c:v>
                </c:pt>
                <c:pt idx="416">
                  <c:v>99.623751911971382</c:v>
                </c:pt>
                <c:pt idx="417">
                  <c:v>99.623033800654838</c:v>
                </c:pt>
                <c:pt idx="418">
                  <c:v>99.623033800654838</c:v>
                </c:pt>
                <c:pt idx="419">
                  <c:v>99.622336810259355</c:v>
                </c:pt>
                <c:pt idx="420">
                  <c:v>99.621618698942811</c:v>
                </c:pt>
                <c:pt idx="421">
                  <c:v>99.621618698942811</c:v>
                </c:pt>
                <c:pt idx="422">
                  <c:v>99.620900587626267</c:v>
                </c:pt>
                <c:pt idx="423">
                  <c:v>99.620203597230784</c:v>
                </c:pt>
                <c:pt idx="424">
                  <c:v>99.61948548591424</c:v>
                </c:pt>
                <c:pt idx="425">
                  <c:v>99.61948548591424</c:v>
                </c:pt>
                <c:pt idx="426">
                  <c:v>99.618767374597709</c:v>
                </c:pt>
                <c:pt idx="427">
                  <c:v>99.618070384202227</c:v>
                </c:pt>
                <c:pt idx="428">
                  <c:v>99.617352272885668</c:v>
                </c:pt>
                <c:pt idx="429">
                  <c:v>99.617352272885668</c:v>
                </c:pt>
                <c:pt idx="430">
                  <c:v>99.616634161569124</c:v>
                </c:pt>
                <c:pt idx="431">
                  <c:v>99.61593717117367</c:v>
                </c:pt>
                <c:pt idx="432">
                  <c:v>99.615219059857125</c:v>
                </c:pt>
                <c:pt idx="433">
                  <c:v>99.615219059857125</c:v>
                </c:pt>
                <c:pt idx="434">
                  <c:v>99.614500948540567</c:v>
                </c:pt>
                <c:pt idx="435">
                  <c:v>99.613803958145098</c:v>
                </c:pt>
                <c:pt idx="436">
                  <c:v>99.613085846828554</c:v>
                </c:pt>
                <c:pt idx="437">
                  <c:v>99.613085846828554</c:v>
                </c:pt>
                <c:pt idx="438">
                  <c:v>99.612367735511995</c:v>
                </c:pt>
                <c:pt idx="439">
                  <c:v>99.611670745116527</c:v>
                </c:pt>
                <c:pt idx="440">
                  <c:v>99.611670745116527</c:v>
                </c:pt>
                <c:pt idx="441">
                  <c:v>99.610952633799982</c:v>
                </c:pt>
                <c:pt idx="442">
                  <c:v>99.610952633799982</c:v>
                </c:pt>
                <c:pt idx="443">
                  <c:v>99.610234522483438</c:v>
                </c:pt>
                <c:pt idx="444">
                  <c:v>99.609516411166894</c:v>
                </c:pt>
                <c:pt idx="445">
                  <c:v>99.609516411166894</c:v>
                </c:pt>
                <c:pt idx="446">
                  <c:v>99.609516411166894</c:v>
                </c:pt>
                <c:pt idx="447">
                  <c:v>99.608819420771425</c:v>
                </c:pt>
                <c:pt idx="448">
                  <c:v>99.608819420771425</c:v>
                </c:pt>
                <c:pt idx="449">
                  <c:v>99.608101309454867</c:v>
                </c:pt>
                <c:pt idx="450">
                  <c:v>99.608101309454867</c:v>
                </c:pt>
                <c:pt idx="451">
                  <c:v>99.607383198138308</c:v>
                </c:pt>
                <c:pt idx="452">
                  <c:v>99.607383198138308</c:v>
                </c:pt>
                <c:pt idx="453">
                  <c:v>99.607383198138308</c:v>
                </c:pt>
                <c:pt idx="454">
                  <c:v>99.606686207742854</c:v>
                </c:pt>
                <c:pt idx="455">
                  <c:v>99.606686207742854</c:v>
                </c:pt>
                <c:pt idx="456">
                  <c:v>99.605968096426295</c:v>
                </c:pt>
                <c:pt idx="457">
                  <c:v>99.605968096426295</c:v>
                </c:pt>
                <c:pt idx="458">
                  <c:v>99.605968096426295</c:v>
                </c:pt>
                <c:pt idx="459">
                  <c:v>99.605249985109751</c:v>
                </c:pt>
                <c:pt idx="460">
                  <c:v>99.605249985109751</c:v>
                </c:pt>
                <c:pt idx="461">
                  <c:v>99.604552994714297</c:v>
                </c:pt>
                <c:pt idx="462">
                  <c:v>99.604552994714297</c:v>
                </c:pt>
                <c:pt idx="463">
                  <c:v>99.604552994714297</c:v>
                </c:pt>
                <c:pt idx="464">
                  <c:v>99.603834883397738</c:v>
                </c:pt>
                <c:pt idx="465">
                  <c:v>99.603834883397738</c:v>
                </c:pt>
                <c:pt idx="466">
                  <c:v>99.603834883397738</c:v>
                </c:pt>
                <c:pt idx="467">
                  <c:v>99.603116772081179</c:v>
                </c:pt>
                <c:pt idx="468">
                  <c:v>99.603116772081179</c:v>
                </c:pt>
                <c:pt idx="469">
                  <c:v>99.602419781685711</c:v>
                </c:pt>
                <c:pt idx="470">
                  <c:v>99.602419781685711</c:v>
                </c:pt>
                <c:pt idx="471">
                  <c:v>99.601701670369167</c:v>
                </c:pt>
                <c:pt idx="472">
                  <c:v>99.601701670369167</c:v>
                </c:pt>
                <c:pt idx="473">
                  <c:v>99.600983559052608</c:v>
                </c:pt>
                <c:pt idx="474">
                  <c:v>99.600983559052608</c:v>
                </c:pt>
                <c:pt idx="475">
                  <c:v>99.60028656865714</c:v>
                </c:pt>
                <c:pt idx="476">
                  <c:v>99.60028656865714</c:v>
                </c:pt>
                <c:pt idx="477">
                  <c:v>99.599568457340609</c:v>
                </c:pt>
                <c:pt idx="478">
                  <c:v>99.599568457340609</c:v>
                </c:pt>
                <c:pt idx="479">
                  <c:v>99.598850346024065</c:v>
                </c:pt>
                <c:pt idx="480">
                  <c:v>99.598850346024065</c:v>
                </c:pt>
                <c:pt idx="481">
                  <c:v>99.598850346024065</c:v>
                </c:pt>
                <c:pt idx="482">
                  <c:v>99.598153355628568</c:v>
                </c:pt>
                <c:pt idx="483">
                  <c:v>99.598153355628568</c:v>
                </c:pt>
                <c:pt idx="484">
                  <c:v>99.597435244312052</c:v>
                </c:pt>
                <c:pt idx="485">
                  <c:v>99.597435244312052</c:v>
                </c:pt>
                <c:pt idx="486">
                  <c:v>99.596717132995494</c:v>
                </c:pt>
                <c:pt idx="487">
                  <c:v>99.596717132995494</c:v>
                </c:pt>
                <c:pt idx="488">
                  <c:v>99.596020142600011</c:v>
                </c:pt>
                <c:pt idx="489">
                  <c:v>99.596020142600011</c:v>
                </c:pt>
                <c:pt idx="490">
                  <c:v>99.595302031283452</c:v>
                </c:pt>
                <c:pt idx="491">
                  <c:v>99.595302031283452</c:v>
                </c:pt>
                <c:pt idx="492">
                  <c:v>99.595302031283452</c:v>
                </c:pt>
                <c:pt idx="493">
                  <c:v>99.594583919966922</c:v>
                </c:pt>
                <c:pt idx="494">
                  <c:v>99.594583919966922</c:v>
                </c:pt>
                <c:pt idx="495">
                  <c:v>99.59388692957144</c:v>
                </c:pt>
                <c:pt idx="496">
                  <c:v>99.59388692957144</c:v>
                </c:pt>
                <c:pt idx="497">
                  <c:v>99.59388692957144</c:v>
                </c:pt>
                <c:pt idx="498">
                  <c:v>99.59388692957144</c:v>
                </c:pt>
                <c:pt idx="499">
                  <c:v>99.593168818254881</c:v>
                </c:pt>
                <c:pt idx="500">
                  <c:v>99.592450706938365</c:v>
                </c:pt>
                <c:pt idx="501">
                  <c:v>99.592450706938365</c:v>
                </c:pt>
                <c:pt idx="502">
                  <c:v>99.591753716542868</c:v>
                </c:pt>
                <c:pt idx="503">
                  <c:v>99.591753716542868</c:v>
                </c:pt>
                <c:pt idx="504">
                  <c:v>99.591035605226324</c:v>
                </c:pt>
                <c:pt idx="505">
                  <c:v>99.590317493909794</c:v>
                </c:pt>
                <c:pt idx="506">
                  <c:v>99.590317493909794</c:v>
                </c:pt>
                <c:pt idx="507">
                  <c:v>99.589620503514325</c:v>
                </c:pt>
                <c:pt idx="508">
                  <c:v>99.589620503514325</c:v>
                </c:pt>
                <c:pt idx="509">
                  <c:v>99.588902392197767</c:v>
                </c:pt>
                <c:pt idx="510">
                  <c:v>99.588902392197767</c:v>
                </c:pt>
                <c:pt idx="511">
                  <c:v>99.588902392197767</c:v>
                </c:pt>
                <c:pt idx="512">
                  <c:v>99.588184280881208</c:v>
                </c:pt>
                <c:pt idx="513">
                  <c:v>99.588184280881208</c:v>
                </c:pt>
                <c:pt idx="514">
                  <c:v>99.587487290485754</c:v>
                </c:pt>
                <c:pt idx="515">
                  <c:v>99.587487290485754</c:v>
                </c:pt>
                <c:pt idx="516">
                  <c:v>99.586769179169195</c:v>
                </c:pt>
                <c:pt idx="517">
                  <c:v>99.586769179169195</c:v>
                </c:pt>
                <c:pt idx="518">
                  <c:v>99.586051067852637</c:v>
                </c:pt>
                <c:pt idx="519">
                  <c:v>99.585354077457183</c:v>
                </c:pt>
                <c:pt idx="520">
                  <c:v>99.585354077457183</c:v>
                </c:pt>
                <c:pt idx="521">
                  <c:v>99.584635966140638</c:v>
                </c:pt>
                <c:pt idx="522">
                  <c:v>99.58391785482408</c:v>
                </c:pt>
                <c:pt idx="523">
                  <c:v>99.58391785482408</c:v>
                </c:pt>
                <c:pt idx="524">
                  <c:v>99.583220864428597</c:v>
                </c:pt>
                <c:pt idx="525">
                  <c:v>99.583220864428597</c:v>
                </c:pt>
                <c:pt idx="526">
                  <c:v>99.582502753112067</c:v>
                </c:pt>
                <c:pt idx="527">
                  <c:v>99.582502753112067</c:v>
                </c:pt>
                <c:pt idx="528">
                  <c:v>99.581784641795508</c:v>
                </c:pt>
                <c:pt idx="529">
                  <c:v>99.581784641795508</c:v>
                </c:pt>
                <c:pt idx="530">
                  <c:v>99.581784641795508</c:v>
                </c:pt>
                <c:pt idx="531">
                  <c:v>99.581066530478978</c:v>
                </c:pt>
                <c:pt idx="532">
                  <c:v>99.581066530478978</c:v>
                </c:pt>
                <c:pt idx="533">
                  <c:v>99.580369540083495</c:v>
                </c:pt>
                <c:pt idx="534">
                  <c:v>99.580369540083495</c:v>
                </c:pt>
                <c:pt idx="535">
                  <c:v>99.579651428766951</c:v>
                </c:pt>
                <c:pt idx="536">
                  <c:v>99.579651428766951</c:v>
                </c:pt>
                <c:pt idx="537">
                  <c:v>99.578933317450392</c:v>
                </c:pt>
                <c:pt idx="538">
                  <c:v>99.578933317450392</c:v>
                </c:pt>
                <c:pt idx="539">
                  <c:v>99.578236327054938</c:v>
                </c:pt>
                <c:pt idx="540">
                  <c:v>99.578236327054938</c:v>
                </c:pt>
                <c:pt idx="541">
                  <c:v>99.57751821573838</c:v>
                </c:pt>
                <c:pt idx="542">
                  <c:v>99.57751821573838</c:v>
                </c:pt>
                <c:pt idx="543">
                  <c:v>99.576800104421821</c:v>
                </c:pt>
                <c:pt idx="544">
                  <c:v>99.576800104421821</c:v>
                </c:pt>
                <c:pt idx="545">
                  <c:v>99.576103114026367</c:v>
                </c:pt>
                <c:pt idx="546">
                  <c:v>99.576103114026367</c:v>
                </c:pt>
                <c:pt idx="547">
                  <c:v>99.575385002709808</c:v>
                </c:pt>
                <c:pt idx="548">
                  <c:v>99.57466689139325</c:v>
                </c:pt>
                <c:pt idx="549">
                  <c:v>99.57466689139325</c:v>
                </c:pt>
                <c:pt idx="550">
                  <c:v>99.573969900997781</c:v>
                </c:pt>
                <c:pt idx="551">
                  <c:v>99.573969900997781</c:v>
                </c:pt>
                <c:pt idx="552">
                  <c:v>99.573251789681265</c:v>
                </c:pt>
                <c:pt idx="553">
                  <c:v>99.573251789681265</c:v>
                </c:pt>
                <c:pt idx="554">
                  <c:v>99.573251789681265</c:v>
                </c:pt>
                <c:pt idx="555">
                  <c:v>99.572533678364707</c:v>
                </c:pt>
                <c:pt idx="556">
                  <c:v>99.572533678364707</c:v>
                </c:pt>
                <c:pt idx="557">
                  <c:v>99.571836687969224</c:v>
                </c:pt>
                <c:pt idx="558">
                  <c:v>99.571836687969224</c:v>
                </c:pt>
                <c:pt idx="559">
                  <c:v>99.571118576652694</c:v>
                </c:pt>
                <c:pt idx="560">
                  <c:v>99.571118576652694</c:v>
                </c:pt>
                <c:pt idx="561">
                  <c:v>99.570400465336135</c:v>
                </c:pt>
                <c:pt idx="562">
                  <c:v>99.570400465336135</c:v>
                </c:pt>
                <c:pt idx="563">
                  <c:v>99.569703474940653</c:v>
                </c:pt>
                <c:pt idx="564">
                  <c:v>99.569703474940653</c:v>
                </c:pt>
                <c:pt idx="565">
                  <c:v>99.568985363624122</c:v>
                </c:pt>
                <c:pt idx="566">
                  <c:v>99.568985363624122</c:v>
                </c:pt>
                <c:pt idx="567">
                  <c:v>99.568985363624122</c:v>
                </c:pt>
                <c:pt idx="568">
                  <c:v>99.568985363624122</c:v>
                </c:pt>
                <c:pt idx="569">
                  <c:v>99.568985363624122</c:v>
                </c:pt>
                <c:pt idx="570">
                  <c:v>99.568267252307564</c:v>
                </c:pt>
                <c:pt idx="571">
                  <c:v>99.568267252307564</c:v>
                </c:pt>
                <c:pt idx="572">
                  <c:v>99.567570261912081</c:v>
                </c:pt>
                <c:pt idx="573">
                  <c:v>99.567570261912081</c:v>
                </c:pt>
                <c:pt idx="574">
                  <c:v>99.567570261912081</c:v>
                </c:pt>
                <c:pt idx="575">
                  <c:v>99.566852150595537</c:v>
                </c:pt>
                <c:pt idx="576">
                  <c:v>99.566852150595537</c:v>
                </c:pt>
                <c:pt idx="577">
                  <c:v>99.566134039278992</c:v>
                </c:pt>
                <c:pt idx="578">
                  <c:v>99.566134039278992</c:v>
                </c:pt>
                <c:pt idx="579">
                  <c:v>99.565437048883524</c:v>
                </c:pt>
                <c:pt idx="580">
                  <c:v>99.565437048883524</c:v>
                </c:pt>
                <c:pt idx="581">
                  <c:v>99.564718937566965</c:v>
                </c:pt>
                <c:pt idx="582">
                  <c:v>99.564718937566965</c:v>
                </c:pt>
                <c:pt idx="583">
                  <c:v>99.564000826250435</c:v>
                </c:pt>
                <c:pt idx="584">
                  <c:v>99.563303835854967</c:v>
                </c:pt>
                <c:pt idx="585">
                  <c:v>99.563303835854967</c:v>
                </c:pt>
                <c:pt idx="586">
                  <c:v>99.562585724538408</c:v>
                </c:pt>
                <c:pt idx="587">
                  <c:v>99.562585724538408</c:v>
                </c:pt>
                <c:pt idx="588">
                  <c:v>99.561867613221864</c:v>
                </c:pt>
                <c:pt idx="589">
                  <c:v>99.561867613221864</c:v>
                </c:pt>
                <c:pt idx="590">
                  <c:v>99.561170622826396</c:v>
                </c:pt>
                <c:pt idx="591">
                  <c:v>99.560452511509851</c:v>
                </c:pt>
                <c:pt idx="592">
                  <c:v>99.560452511509851</c:v>
                </c:pt>
                <c:pt idx="593">
                  <c:v>99.559734400193307</c:v>
                </c:pt>
                <c:pt idx="594">
                  <c:v>99.559037409797838</c:v>
                </c:pt>
                <c:pt idx="595">
                  <c:v>99.559037409797838</c:v>
                </c:pt>
                <c:pt idx="596">
                  <c:v>99.559037409797838</c:v>
                </c:pt>
                <c:pt idx="597">
                  <c:v>99.55831929848128</c:v>
                </c:pt>
                <c:pt idx="598">
                  <c:v>99.55831929848128</c:v>
                </c:pt>
                <c:pt idx="599">
                  <c:v>99.55831929848128</c:v>
                </c:pt>
                <c:pt idx="600">
                  <c:v>99.557601187164735</c:v>
                </c:pt>
                <c:pt idx="601">
                  <c:v>99.557601187164735</c:v>
                </c:pt>
                <c:pt idx="602">
                  <c:v>99.556904196769267</c:v>
                </c:pt>
                <c:pt idx="603">
                  <c:v>99.556904196769267</c:v>
                </c:pt>
                <c:pt idx="604">
                  <c:v>99.556904196769267</c:v>
                </c:pt>
                <c:pt idx="605">
                  <c:v>99.556186085452708</c:v>
                </c:pt>
                <c:pt idx="606">
                  <c:v>99.556186085452708</c:v>
                </c:pt>
                <c:pt idx="607">
                  <c:v>99.556186085452708</c:v>
                </c:pt>
                <c:pt idx="608">
                  <c:v>99.555467974136164</c:v>
                </c:pt>
                <c:pt idx="609">
                  <c:v>99.555467974136164</c:v>
                </c:pt>
                <c:pt idx="610">
                  <c:v>99.555467974136164</c:v>
                </c:pt>
                <c:pt idx="611">
                  <c:v>99.555467974136164</c:v>
                </c:pt>
                <c:pt idx="612">
                  <c:v>99.555467974136164</c:v>
                </c:pt>
                <c:pt idx="613">
                  <c:v>99.554770983740681</c:v>
                </c:pt>
                <c:pt idx="614">
                  <c:v>99.554770983740681</c:v>
                </c:pt>
                <c:pt idx="615">
                  <c:v>99.554770983740681</c:v>
                </c:pt>
                <c:pt idx="616">
                  <c:v>99.554770983740681</c:v>
                </c:pt>
                <c:pt idx="617">
                  <c:v>99.554770983740681</c:v>
                </c:pt>
                <c:pt idx="618">
                  <c:v>99.554770983740681</c:v>
                </c:pt>
                <c:pt idx="619">
                  <c:v>99.554052872424137</c:v>
                </c:pt>
                <c:pt idx="620">
                  <c:v>99.554052872424137</c:v>
                </c:pt>
                <c:pt idx="621">
                  <c:v>99.554052872424137</c:v>
                </c:pt>
                <c:pt idx="622">
                  <c:v>99.553334761107607</c:v>
                </c:pt>
                <c:pt idx="623">
                  <c:v>99.553334761107607</c:v>
                </c:pt>
                <c:pt idx="624">
                  <c:v>99.552616649791062</c:v>
                </c:pt>
                <c:pt idx="625">
                  <c:v>99.552616649791062</c:v>
                </c:pt>
                <c:pt idx="626">
                  <c:v>99.552616649791062</c:v>
                </c:pt>
                <c:pt idx="627">
                  <c:v>99.551919659395566</c:v>
                </c:pt>
                <c:pt idx="628">
                  <c:v>99.551919659395566</c:v>
                </c:pt>
                <c:pt idx="629">
                  <c:v>99.551919659395566</c:v>
                </c:pt>
                <c:pt idx="630">
                  <c:v>99.551201548079035</c:v>
                </c:pt>
                <c:pt idx="631">
                  <c:v>99.551201548079035</c:v>
                </c:pt>
                <c:pt idx="632">
                  <c:v>99.551201548079035</c:v>
                </c:pt>
                <c:pt idx="633">
                  <c:v>99.550483436762477</c:v>
                </c:pt>
                <c:pt idx="634">
                  <c:v>99.550483436762477</c:v>
                </c:pt>
                <c:pt idx="635">
                  <c:v>99.549786446367008</c:v>
                </c:pt>
                <c:pt idx="636">
                  <c:v>99.549786446367008</c:v>
                </c:pt>
                <c:pt idx="637">
                  <c:v>99.549786446367008</c:v>
                </c:pt>
                <c:pt idx="638">
                  <c:v>99.549068335050478</c:v>
                </c:pt>
                <c:pt idx="639">
                  <c:v>99.549068335050478</c:v>
                </c:pt>
                <c:pt idx="640">
                  <c:v>99.548350223733905</c:v>
                </c:pt>
                <c:pt idx="641">
                  <c:v>99.548350223733905</c:v>
                </c:pt>
                <c:pt idx="642">
                  <c:v>99.548350223733905</c:v>
                </c:pt>
                <c:pt idx="643">
                  <c:v>99.547653233338437</c:v>
                </c:pt>
                <c:pt idx="644">
                  <c:v>99.547653233338437</c:v>
                </c:pt>
                <c:pt idx="645">
                  <c:v>99.546935122021893</c:v>
                </c:pt>
                <c:pt idx="646">
                  <c:v>99.546935122021893</c:v>
                </c:pt>
                <c:pt idx="647">
                  <c:v>99.546217010705334</c:v>
                </c:pt>
                <c:pt idx="648">
                  <c:v>99.546217010705334</c:v>
                </c:pt>
                <c:pt idx="649">
                  <c:v>99.54552002030988</c:v>
                </c:pt>
                <c:pt idx="650">
                  <c:v>99.54552002030988</c:v>
                </c:pt>
                <c:pt idx="651">
                  <c:v>99.54552002030988</c:v>
                </c:pt>
                <c:pt idx="652">
                  <c:v>99.544801908993335</c:v>
                </c:pt>
                <c:pt idx="653">
                  <c:v>99.544801908993335</c:v>
                </c:pt>
                <c:pt idx="654">
                  <c:v>99.544801908993335</c:v>
                </c:pt>
                <c:pt idx="655">
                  <c:v>99.544083797676777</c:v>
                </c:pt>
                <c:pt idx="656">
                  <c:v>99.544083797676777</c:v>
                </c:pt>
                <c:pt idx="657">
                  <c:v>99.544083797676777</c:v>
                </c:pt>
                <c:pt idx="658">
                  <c:v>99.543386807281308</c:v>
                </c:pt>
                <c:pt idx="659">
                  <c:v>99.543386807281308</c:v>
                </c:pt>
                <c:pt idx="660">
                  <c:v>99.542668695964792</c:v>
                </c:pt>
                <c:pt idx="661">
                  <c:v>99.542668695964792</c:v>
                </c:pt>
                <c:pt idx="662">
                  <c:v>99.54195058464822</c:v>
                </c:pt>
                <c:pt idx="663">
                  <c:v>99.54195058464822</c:v>
                </c:pt>
                <c:pt idx="664">
                  <c:v>99.541253594252737</c:v>
                </c:pt>
                <c:pt idx="665">
                  <c:v>99.541253594252737</c:v>
                </c:pt>
                <c:pt idx="666">
                  <c:v>99.540535482936207</c:v>
                </c:pt>
                <c:pt idx="667">
                  <c:v>99.540535482936207</c:v>
                </c:pt>
                <c:pt idx="668">
                  <c:v>99.539817371619648</c:v>
                </c:pt>
                <c:pt idx="669">
                  <c:v>99.539817371619648</c:v>
                </c:pt>
                <c:pt idx="670">
                  <c:v>99.539817371619648</c:v>
                </c:pt>
                <c:pt idx="671">
                  <c:v>99.53912038122418</c:v>
                </c:pt>
                <c:pt idx="672">
                  <c:v>99.53912038122418</c:v>
                </c:pt>
                <c:pt idx="673">
                  <c:v>99.53912038122418</c:v>
                </c:pt>
                <c:pt idx="674">
                  <c:v>99.53912038122418</c:v>
                </c:pt>
                <c:pt idx="675">
                  <c:v>99.538402269907621</c:v>
                </c:pt>
                <c:pt idx="676">
                  <c:v>99.538402269907621</c:v>
                </c:pt>
                <c:pt idx="677">
                  <c:v>99.538402269907621</c:v>
                </c:pt>
                <c:pt idx="678">
                  <c:v>99.538402269907621</c:v>
                </c:pt>
                <c:pt idx="679">
                  <c:v>99.537684158591091</c:v>
                </c:pt>
                <c:pt idx="680">
                  <c:v>99.537684158591091</c:v>
                </c:pt>
                <c:pt idx="681">
                  <c:v>99.537684158591091</c:v>
                </c:pt>
                <c:pt idx="682">
                  <c:v>99.536987168195608</c:v>
                </c:pt>
                <c:pt idx="683">
                  <c:v>99.536987168195608</c:v>
                </c:pt>
                <c:pt idx="684">
                  <c:v>99.536987168195608</c:v>
                </c:pt>
                <c:pt idx="685">
                  <c:v>99.536987168195608</c:v>
                </c:pt>
                <c:pt idx="686">
                  <c:v>99.536987168195608</c:v>
                </c:pt>
                <c:pt idx="687">
                  <c:v>99.536987168195608</c:v>
                </c:pt>
                <c:pt idx="688">
                  <c:v>99.53626905687905</c:v>
                </c:pt>
                <c:pt idx="689">
                  <c:v>99.53626905687905</c:v>
                </c:pt>
                <c:pt idx="690">
                  <c:v>99.53626905687905</c:v>
                </c:pt>
                <c:pt idx="691">
                  <c:v>99.53555094556252</c:v>
                </c:pt>
                <c:pt idx="692">
                  <c:v>99.53555094556252</c:v>
                </c:pt>
                <c:pt idx="693">
                  <c:v>99.53555094556252</c:v>
                </c:pt>
                <c:pt idx="694">
                  <c:v>99.53555094556252</c:v>
                </c:pt>
                <c:pt idx="695">
                  <c:v>99.53555094556252</c:v>
                </c:pt>
                <c:pt idx="696">
                  <c:v>99.53555094556252</c:v>
                </c:pt>
                <c:pt idx="697">
                  <c:v>99.534853955167051</c:v>
                </c:pt>
                <c:pt idx="698">
                  <c:v>99.534853955167051</c:v>
                </c:pt>
                <c:pt idx="699">
                  <c:v>99.534853955167051</c:v>
                </c:pt>
                <c:pt idx="700">
                  <c:v>99.534853955167051</c:v>
                </c:pt>
                <c:pt idx="701">
                  <c:v>99.534853955167051</c:v>
                </c:pt>
                <c:pt idx="702">
                  <c:v>99.534135843850478</c:v>
                </c:pt>
                <c:pt idx="703">
                  <c:v>99.534135843850478</c:v>
                </c:pt>
                <c:pt idx="704">
                  <c:v>99.534135843850478</c:v>
                </c:pt>
                <c:pt idx="705">
                  <c:v>99.533417732533962</c:v>
                </c:pt>
                <c:pt idx="706">
                  <c:v>99.533417732533962</c:v>
                </c:pt>
                <c:pt idx="707">
                  <c:v>99.533417732533962</c:v>
                </c:pt>
                <c:pt idx="708">
                  <c:v>99.532720742138494</c:v>
                </c:pt>
                <c:pt idx="709">
                  <c:v>99.532720742138494</c:v>
                </c:pt>
                <c:pt idx="710">
                  <c:v>99.532720742138494</c:v>
                </c:pt>
                <c:pt idx="711">
                  <c:v>99.532002630821935</c:v>
                </c:pt>
                <c:pt idx="712">
                  <c:v>99.532002630821935</c:v>
                </c:pt>
                <c:pt idx="713">
                  <c:v>99.532002630821935</c:v>
                </c:pt>
                <c:pt idx="714">
                  <c:v>99.532720742138494</c:v>
                </c:pt>
                <c:pt idx="715">
                  <c:v>99.532720742138494</c:v>
                </c:pt>
                <c:pt idx="716">
                  <c:v>99.532720742138494</c:v>
                </c:pt>
                <c:pt idx="717">
                  <c:v>99.532002630821935</c:v>
                </c:pt>
                <c:pt idx="718">
                  <c:v>99.532002630821935</c:v>
                </c:pt>
                <c:pt idx="719">
                  <c:v>99.532002630821935</c:v>
                </c:pt>
                <c:pt idx="720">
                  <c:v>99.531284519505377</c:v>
                </c:pt>
                <c:pt idx="721">
                  <c:v>99.531284519505377</c:v>
                </c:pt>
                <c:pt idx="722">
                  <c:v>99.531284519505377</c:v>
                </c:pt>
                <c:pt idx="723">
                  <c:v>99.531284519505377</c:v>
                </c:pt>
                <c:pt idx="724">
                  <c:v>99.530587529109923</c:v>
                </c:pt>
                <c:pt idx="725">
                  <c:v>99.530587529109923</c:v>
                </c:pt>
                <c:pt idx="726">
                  <c:v>99.529869417793364</c:v>
                </c:pt>
                <c:pt idx="727">
                  <c:v>99.529869417793364</c:v>
                </c:pt>
                <c:pt idx="728">
                  <c:v>99.52915130647682</c:v>
                </c:pt>
                <c:pt idx="729">
                  <c:v>99.52915130647682</c:v>
                </c:pt>
                <c:pt idx="730">
                  <c:v>99.52915130647682</c:v>
                </c:pt>
                <c:pt idx="731">
                  <c:v>99.528454316081366</c:v>
                </c:pt>
                <c:pt idx="732">
                  <c:v>99.528454316081366</c:v>
                </c:pt>
                <c:pt idx="733">
                  <c:v>99.528454316081366</c:v>
                </c:pt>
                <c:pt idx="734">
                  <c:v>99.527736204764793</c:v>
                </c:pt>
                <c:pt idx="735">
                  <c:v>99.527736204764793</c:v>
                </c:pt>
                <c:pt idx="736">
                  <c:v>99.527736204764793</c:v>
                </c:pt>
                <c:pt idx="737">
                  <c:v>99.527736204764793</c:v>
                </c:pt>
                <c:pt idx="738">
                  <c:v>99.527018093448234</c:v>
                </c:pt>
                <c:pt idx="739">
                  <c:v>99.527018093448234</c:v>
                </c:pt>
                <c:pt idx="740">
                  <c:v>99.526299982131718</c:v>
                </c:pt>
                <c:pt idx="741">
                  <c:v>99.526299982131718</c:v>
                </c:pt>
                <c:pt idx="742">
                  <c:v>99.526299982131718</c:v>
                </c:pt>
                <c:pt idx="743">
                  <c:v>99.525602991736235</c:v>
                </c:pt>
                <c:pt idx="744">
                  <c:v>99.525602991736235</c:v>
                </c:pt>
                <c:pt idx="745">
                  <c:v>99.525602991736235</c:v>
                </c:pt>
                <c:pt idx="746">
                  <c:v>99.524884880419677</c:v>
                </c:pt>
                <c:pt idx="747">
                  <c:v>99.524884880419677</c:v>
                </c:pt>
                <c:pt idx="748">
                  <c:v>99.524884880419677</c:v>
                </c:pt>
                <c:pt idx="749">
                  <c:v>99.524884880419677</c:v>
                </c:pt>
                <c:pt idx="750">
                  <c:v>99.524884880419677</c:v>
                </c:pt>
                <c:pt idx="751">
                  <c:v>99.524884880419677</c:v>
                </c:pt>
                <c:pt idx="752">
                  <c:v>99.524884880419677</c:v>
                </c:pt>
                <c:pt idx="753">
                  <c:v>99.524884880419677</c:v>
                </c:pt>
                <c:pt idx="754">
                  <c:v>99.524884880419677</c:v>
                </c:pt>
                <c:pt idx="755">
                  <c:v>99.524884880419677</c:v>
                </c:pt>
                <c:pt idx="756">
                  <c:v>99.524884880419677</c:v>
                </c:pt>
                <c:pt idx="757">
                  <c:v>99.524166769103147</c:v>
                </c:pt>
                <c:pt idx="758">
                  <c:v>99.524166769103147</c:v>
                </c:pt>
                <c:pt idx="759">
                  <c:v>99.524166769103147</c:v>
                </c:pt>
                <c:pt idx="760">
                  <c:v>99.524166769103147</c:v>
                </c:pt>
                <c:pt idx="761">
                  <c:v>99.524166769103147</c:v>
                </c:pt>
                <c:pt idx="762">
                  <c:v>99.523469778707664</c:v>
                </c:pt>
                <c:pt idx="763">
                  <c:v>99.523469778707664</c:v>
                </c:pt>
                <c:pt idx="764">
                  <c:v>99.522751667391105</c:v>
                </c:pt>
                <c:pt idx="765">
                  <c:v>99.522751667391105</c:v>
                </c:pt>
                <c:pt idx="766">
                  <c:v>99.522751667391105</c:v>
                </c:pt>
                <c:pt idx="767">
                  <c:v>99.522033556074547</c:v>
                </c:pt>
                <c:pt idx="768">
                  <c:v>99.522033556074547</c:v>
                </c:pt>
                <c:pt idx="769">
                  <c:v>99.521336565679093</c:v>
                </c:pt>
                <c:pt idx="770">
                  <c:v>99.521336565679093</c:v>
                </c:pt>
                <c:pt idx="771">
                  <c:v>99.521336565679093</c:v>
                </c:pt>
                <c:pt idx="772">
                  <c:v>99.520618454362548</c:v>
                </c:pt>
                <c:pt idx="773">
                  <c:v>99.520618454362548</c:v>
                </c:pt>
                <c:pt idx="774">
                  <c:v>99.51990034304599</c:v>
                </c:pt>
                <c:pt idx="775">
                  <c:v>99.51990034304599</c:v>
                </c:pt>
                <c:pt idx="776">
                  <c:v>99.519203352650521</c:v>
                </c:pt>
                <c:pt idx="777">
                  <c:v>99.519203352650521</c:v>
                </c:pt>
                <c:pt idx="778">
                  <c:v>99.518485241333977</c:v>
                </c:pt>
                <c:pt idx="779">
                  <c:v>99.518485241333977</c:v>
                </c:pt>
                <c:pt idx="780">
                  <c:v>99.518485241333977</c:v>
                </c:pt>
                <c:pt idx="781">
                  <c:v>99.517767130017432</c:v>
                </c:pt>
                <c:pt idx="782">
                  <c:v>99.517767130017432</c:v>
                </c:pt>
                <c:pt idx="783">
                  <c:v>99.517767130017432</c:v>
                </c:pt>
                <c:pt idx="784">
                  <c:v>99.51707013962195</c:v>
                </c:pt>
                <c:pt idx="785">
                  <c:v>99.51707013962195</c:v>
                </c:pt>
                <c:pt idx="786">
                  <c:v>99.51707013962195</c:v>
                </c:pt>
                <c:pt idx="787">
                  <c:v>99.51707013962195</c:v>
                </c:pt>
                <c:pt idx="788">
                  <c:v>99.51707013962195</c:v>
                </c:pt>
                <c:pt idx="789">
                  <c:v>99.51635202830542</c:v>
                </c:pt>
                <c:pt idx="790">
                  <c:v>99.51635202830542</c:v>
                </c:pt>
                <c:pt idx="791">
                  <c:v>99.515633916988861</c:v>
                </c:pt>
                <c:pt idx="792">
                  <c:v>99.515633916988861</c:v>
                </c:pt>
                <c:pt idx="793">
                  <c:v>99.515633916988861</c:v>
                </c:pt>
                <c:pt idx="794">
                  <c:v>99.514936926593393</c:v>
                </c:pt>
                <c:pt idx="795">
                  <c:v>99.514936926593393</c:v>
                </c:pt>
                <c:pt idx="796">
                  <c:v>99.514936926593393</c:v>
                </c:pt>
                <c:pt idx="797">
                  <c:v>99.514218815276863</c:v>
                </c:pt>
                <c:pt idx="798">
                  <c:v>99.514218815276863</c:v>
                </c:pt>
                <c:pt idx="799">
                  <c:v>99.514218815276863</c:v>
                </c:pt>
                <c:pt idx="800">
                  <c:v>99.514218815276863</c:v>
                </c:pt>
                <c:pt idx="801">
                  <c:v>99.513500703960304</c:v>
                </c:pt>
                <c:pt idx="802">
                  <c:v>99.513500703960304</c:v>
                </c:pt>
                <c:pt idx="803">
                  <c:v>99.513500703960304</c:v>
                </c:pt>
                <c:pt idx="804">
                  <c:v>99.512803713564807</c:v>
                </c:pt>
                <c:pt idx="805">
                  <c:v>99.512803713564807</c:v>
                </c:pt>
                <c:pt idx="806">
                  <c:v>99.512803713564807</c:v>
                </c:pt>
                <c:pt idx="807">
                  <c:v>99.512085602248291</c:v>
                </c:pt>
                <c:pt idx="808">
                  <c:v>99.512085602248291</c:v>
                </c:pt>
                <c:pt idx="809">
                  <c:v>99.511367490931733</c:v>
                </c:pt>
                <c:pt idx="810">
                  <c:v>99.511367490931733</c:v>
                </c:pt>
                <c:pt idx="811">
                  <c:v>99.51067050053625</c:v>
                </c:pt>
                <c:pt idx="812">
                  <c:v>99.509952389219691</c:v>
                </c:pt>
                <c:pt idx="813">
                  <c:v>99.509952389219691</c:v>
                </c:pt>
                <c:pt idx="814">
                  <c:v>99.509952389219691</c:v>
                </c:pt>
                <c:pt idx="815">
                  <c:v>99.509952389219691</c:v>
                </c:pt>
                <c:pt idx="816">
                  <c:v>99.509234277903175</c:v>
                </c:pt>
                <c:pt idx="817">
                  <c:v>99.509234277903175</c:v>
                </c:pt>
                <c:pt idx="818">
                  <c:v>99.508537287507679</c:v>
                </c:pt>
                <c:pt idx="819">
                  <c:v>99.508537287507679</c:v>
                </c:pt>
                <c:pt idx="820">
                  <c:v>99.508537287507679</c:v>
                </c:pt>
                <c:pt idx="821">
                  <c:v>99.508537287507679</c:v>
                </c:pt>
                <c:pt idx="822">
                  <c:v>99.507819176191148</c:v>
                </c:pt>
                <c:pt idx="823">
                  <c:v>99.507819176191148</c:v>
                </c:pt>
                <c:pt idx="824">
                  <c:v>99.507819176191148</c:v>
                </c:pt>
                <c:pt idx="825">
                  <c:v>99.507101064874604</c:v>
                </c:pt>
                <c:pt idx="826">
                  <c:v>99.507101064874604</c:v>
                </c:pt>
                <c:pt idx="827">
                  <c:v>99.506404074479121</c:v>
                </c:pt>
                <c:pt idx="828">
                  <c:v>99.506404074479121</c:v>
                </c:pt>
                <c:pt idx="829">
                  <c:v>99.505685963162577</c:v>
                </c:pt>
                <c:pt idx="830">
                  <c:v>99.505685963162577</c:v>
                </c:pt>
                <c:pt idx="831">
                  <c:v>99.504967851846033</c:v>
                </c:pt>
                <c:pt idx="832">
                  <c:v>99.504967851846033</c:v>
                </c:pt>
                <c:pt idx="833">
                  <c:v>99.504967851846033</c:v>
                </c:pt>
                <c:pt idx="834">
                  <c:v>99.504270861450564</c:v>
                </c:pt>
                <c:pt idx="835">
                  <c:v>99.504270861450564</c:v>
                </c:pt>
                <c:pt idx="836">
                  <c:v>99.504270861450564</c:v>
                </c:pt>
                <c:pt idx="837">
                  <c:v>99.504270861450564</c:v>
                </c:pt>
                <c:pt idx="838">
                  <c:v>99.504270861450564</c:v>
                </c:pt>
                <c:pt idx="839">
                  <c:v>99.503552750134006</c:v>
                </c:pt>
                <c:pt idx="840">
                  <c:v>99.503552750134006</c:v>
                </c:pt>
                <c:pt idx="841">
                  <c:v>99.503552750134006</c:v>
                </c:pt>
                <c:pt idx="842">
                  <c:v>99.503552750134006</c:v>
                </c:pt>
                <c:pt idx="843">
                  <c:v>99.503552750134006</c:v>
                </c:pt>
                <c:pt idx="844">
                  <c:v>99.503552750134006</c:v>
                </c:pt>
                <c:pt idx="845">
                  <c:v>99.503552750134006</c:v>
                </c:pt>
                <c:pt idx="846">
                  <c:v>99.503552750134006</c:v>
                </c:pt>
                <c:pt idx="847">
                  <c:v>99.502834638817475</c:v>
                </c:pt>
                <c:pt idx="848">
                  <c:v>99.502834638817475</c:v>
                </c:pt>
                <c:pt idx="849">
                  <c:v>99.502834638817475</c:v>
                </c:pt>
                <c:pt idx="850">
                  <c:v>99.502834638817475</c:v>
                </c:pt>
                <c:pt idx="851">
                  <c:v>99.502834638817475</c:v>
                </c:pt>
                <c:pt idx="852">
                  <c:v>99.502834638817475</c:v>
                </c:pt>
                <c:pt idx="853">
                  <c:v>99.502834638817475</c:v>
                </c:pt>
                <c:pt idx="854">
                  <c:v>99.502137648421993</c:v>
                </c:pt>
                <c:pt idx="855">
                  <c:v>99.502137648421993</c:v>
                </c:pt>
                <c:pt idx="856">
                  <c:v>99.502137648421993</c:v>
                </c:pt>
                <c:pt idx="857">
                  <c:v>99.502137648421993</c:v>
                </c:pt>
                <c:pt idx="858">
                  <c:v>99.502137648421993</c:v>
                </c:pt>
                <c:pt idx="859">
                  <c:v>99.502137648421993</c:v>
                </c:pt>
                <c:pt idx="860">
                  <c:v>99.502137648421993</c:v>
                </c:pt>
                <c:pt idx="861">
                  <c:v>99.501419537105434</c:v>
                </c:pt>
                <c:pt idx="862">
                  <c:v>99.501419537105434</c:v>
                </c:pt>
                <c:pt idx="863">
                  <c:v>99.501419537105434</c:v>
                </c:pt>
                <c:pt idx="864">
                  <c:v>99.50070142578889</c:v>
                </c:pt>
                <c:pt idx="865">
                  <c:v>99.50070142578889</c:v>
                </c:pt>
                <c:pt idx="866">
                  <c:v>99.500004435393436</c:v>
                </c:pt>
                <c:pt idx="867">
                  <c:v>99.500004435393436</c:v>
                </c:pt>
                <c:pt idx="868">
                  <c:v>99.499286324076877</c:v>
                </c:pt>
                <c:pt idx="869">
                  <c:v>99.499286324076877</c:v>
                </c:pt>
                <c:pt idx="870">
                  <c:v>99.499286324076877</c:v>
                </c:pt>
                <c:pt idx="871">
                  <c:v>99.498568212760333</c:v>
                </c:pt>
                <c:pt idx="872">
                  <c:v>99.498568212760333</c:v>
                </c:pt>
                <c:pt idx="873">
                  <c:v>99.498568212760333</c:v>
                </c:pt>
                <c:pt idx="874">
                  <c:v>99.498568212760333</c:v>
                </c:pt>
                <c:pt idx="875">
                  <c:v>99.497850101443802</c:v>
                </c:pt>
                <c:pt idx="876">
                  <c:v>99.497850101443802</c:v>
                </c:pt>
                <c:pt idx="877">
                  <c:v>99.497850101443802</c:v>
                </c:pt>
                <c:pt idx="878">
                  <c:v>99.497850101443802</c:v>
                </c:pt>
                <c:pt idx="879">
                  <c:v>99.497153111048306</c:v>
                </c:pt>
                <c:pt idx="880">
                  <c:v>99.497153111048306</c:v>
                </c:pt>
                <c:pt idx="881">
                  <c:v>99.497153111048306</c:v>
                </c:pt>
                <c:pt idx="882">
                  <c:v>99.497153111048306</c:v>
                </c:pt>
                <c:pt idx="883">
                  <c:v>99.497153111048306</c:v>
                </c:pt>
                <c:pt idx="884">
                  <c:v>99.497153111048306</c:v>
                </c:pt>
                <c:pt idx="885">
                  <c:v>99.497153111048306</c:v>
                </c:pt>
                <c:pt idx="886">
                  <c:v>99.497153111048306</c:v>
                </c:pt>
                <c:pt idx="887">
                  <c:v>99.497153111048306</c:v>
                </c:pt>
                <c:pt idx="888">
                  <c:v>99.497153111048306</c:v>
                </c:pt>
                <c:pt idx="889">
                  <c:v>99.497153111048306</c:v>
                </c:pt>
                <c:pt idx="890">
                  <c:v>99.497153111048306</c:v>
                </c:pt>
                <c:pt idx="891">
                  <c:v>99.497153111048306</c:v>
                </c:pt>
                <c:pt idx="892">
                  <c:v>99.497153111048306</c:v>
                </c:pt>
                <c:pt idx="893">
                  <c:v>99.497153111048306</c:v>
                </c:pt>
                <c:pt idx="894">
                  <c:v>99.497153111048306</c:v>
                </c:pt>
                <c:pt idx="895">
                  <c:v>99.496434999731761</c:v>
                </c:pt>
                <c:pt idx="896">
                  <c:v>99.496434999731761</c:v>
                </c:pt>
                <c:pt idx="897">
                  <c:v>99.496434999731761</c:v>
                </c:pt>
                <c:pt idx="898">
                  <c:v>99.496434999731761</c:v>
                </c:pt>
                <c:pt idx="899">
                  <c:v>99.496434999731761</c:v>
                </c:pt>
                <c:pt idx="900">
                  <c:v>99.495716888415203</c:v>
                </c:pt>
                <c:pt idx="901">
                  <c:v>99.495716888415203</c:v>
                </c:pt>
                <c:pt idx="902">
                  <c:v>99.495716888415203</c:v>
                </c:pt>
                <c:pt idx="903">
                  <c:v>99.495716888415203</c:v>
                </c:pt>
                <c:pt idx="904">
                  <c:v>99.495716888415203</c:v>
                </c:pt>
                <c:pt idx="905">
                  <c:v>99.495019898019748</c:v>
                </c:pt>
                <c:pt idx="906">
                  <c:v>99.495019898019748</c:v>
                </c:pt>
                <c:pt idx="907">
                  <c:v>99.495019898019748</c:v>
                </c:pt>
                <c:pt idx="908">
                  <c:v>99.495019898019748</c:v>
                </c:pt>
                <c:pt idx="909">
                  <c:v>99.494301786703204</c:v>
                </c:pt>
                <c:pt idx="910">
                  <c:v>99.494301786703204</c:v>
                </c:pt>
                <c:pt idx="911">
                  <c:v>99.494301786703204</c:v>
                </c:pt>
                <c:pt idx="912">
                  <c:v>99.493583675386645</c:v>
                </c:pt>
                <c:pt idx="913">
                  <c:v>99.493583675386645</c:v>
                </c:pt>
                <c:pt idx="914">
                  <c:v>99.493583675386645</c:v>
                </c:pt>
                <c:pt idx="915">
                  <c:v>99.493583675386645</c:v>
                </c:pt>
                <c:pt idx="916">
                  <c:v>99.493583675386645</c:v>
                </c:pt>
                <c:pt idx="917">
                  <c:v>99.492886684991177</c:v>
                </c:pt>
                <c:pt idx="918">
                  <c:v>99.492886684991177</c:v>
                </c:pt>
                <c:pt idx="919">
                  <c:v>99.492886684991177</c:v>
                </c:pt>
                <c:pt idx="920">
                  <c:v>99.492886684991177</c:v>
                </c:pt>
                <c:pt idx="921">
                  <c:v>99.492886684991177</c:v>
                </c:pt>
                <c:pt idx="922">
                  <c:v>99.492168573674633</c:v>
                </c:pt>
                <c:pt idx="923">
                  <c:v>99.492168573674633</c:v>
                </c:pt>
                <c:pt idx="924">
                  <c:v>99.492168573674633</c:v>
                </c:pt>
                <c:pt idx="925">
                  <c:v>99.492168573674633</c:v>
                </c:pt>
                <c:pt idx="926">
                  <c:v>99.492168573674633</c:v>
                </c:pt>
                <c:pt idx="927">
                  <c:v>99.492168573674633</c:v>
                </c:pt>
                <c:pt idx="928">
                  <c:v>99.492168573674633</c:v>
                </c:pt>
                <c:pt idx="929">
                  <c:v>99.491450462358074</c:v>
                </c:pt>
                <c:pt idx="930">
                  <c:v>99.491450462358074</c:v>
                </c:pt>
                <c:pt idx="931">
                  <c:v>99.491450462358074</c:v>
                </c:pt>
                <c:pt idx="932">
                  <c:v>99.491450462358074</c:v>
                </c:pt>
                <c:pt idx="933">
                  <c:v>99.491450462358074</c:v>
                </c:pt>
                <c:pt idx="934">
                  <c:v>99.491450462358074</c:v>
                </c:pt>
                <c:pt idx="935">
                  <c:v>99.491450462358074</c:v>
                </c:pt>
                <c:pt idx="936">
                  <c:v>99.491450462358074</c:v>
                </c:pt>
                <c:pt idx="937">
                  <c:v>99.491450462358074</c:v>
                </c:pt>
                <c:pt idx="938">
                  <c:v>99.491450462358074</c:v>
                </c:pt>
                <c:pt idx="939">
                  <c:v>99.491450462358074</c:v>
                </c:pt>
                <c:pt idx="940">
                  <c:v>99.491450462358074</c:v>
                </c:pt>
                <c:pt idx="941">
                  <c:v>99.491450462358074</c:v>
                </c:pt>
                <c:pt idx="942">
                  <c:v>99.491450462358074</c:v>
                </c:pt>
                <c:pt idx="943">
                  <c:v>99.491450462358074</c:v>
                </c:pt>
                <c:pt idx="944">
                  <c:v>99.491450462358074</c:v>
                </c:pt>
                <c:pt idx="945">
                  <c:v>99.491450462358074</c:v>
                </c:pt>
                <c:pt idx="946">
                  <c:v>99.490753471962606</c:v>
                </c:pt>
                <c:pt idx="947">
                  <c:v>99.490753471962606</c:v>
                </c:pt>
                <c:pt idx="948">
                  <c:v>99.490753471962606</c:v>
                </c:pt>
                <c:pt idx="949">
                  <c:v>99.490753471962606</c:v>
                </c:pt>
                <c:pt idx="950">
                  <c:v>99.490753471962606</c:v>
                </c:pt>
                <c:pt idx="951">
                  <c:v>99.490753471962606</c:v>
                </c:pt>
                <c:pt idx="952">
                  <c:v>99.490753471962606</c:v>
                </c:pt>
                <c:pt idx="953">
                  <c:v>99.490753471962606</c:v>
                </c:pt>
                <c:pt idx="954">
                  <c:v>99.490035360646061</c:v>
                </c:pt>
                <c:pt idx="955">
                  <c:v>99.490035360646061</c:v>
                </c:pt>
                <c:pt idx="956">
                  <c:v>99.490035360646061</c:v>
                </c:pt>
                <c:pt idx="957">
                  <c:v>99.490035360646061</c:v>
                </c:pt>
                <c:pt idx="958">
                  <c:v>99.490035360646061</c:v>
                </c:pt>
                <c:pt idx="959">
                  <c:v>99.490035360646061</c:v>
                </c:pt>
                <c:pt idx="960">
                  <c:v>99.490035360646061</c:v>
                </c:pt>
                <c:pt idx="961">
                  <c:v>99.490035360646061</c:v>
                </c:pt>
                <c:pt idx="962">
                  <c:v>99.490035360646061</c:v>
                </c:pt>
                <c:pt idx="963">
                  <c:v>99.490035360646061</c:v>
                </c:pt>
                <c:pt idx="964">
                  <c:v>99.489317249329517</c:v>
                </c:pt>
                <c:pt idx="965">
                  <c:v>99.489317249329517</c:v>
                </c:pt>
                <c:pt idx="966">
                  <c:v>99.489317249329517</c:v>
                </c:pt>
                <c:pt idx="967">
                  <c:v>99.489317249329517</c:v>
                </c:pt>
                <c:pt idx="968">
                  <c:v>99.489317249329517</c:v>
                </c:pt>
                <c:pt idx="969">
                  <c:v>99.489317249329517</c:v>
                </c:pt>
                <c:pt idx="970">
                  <c:v>99.489317249329517</c:v>
                </c:pt>
                <c:pt idx="971">
                  <c:v>99.489317249329517</c:v>
                </c:pt>
                <c:pt idx="972">
                  <c:v>99.489317249329517</c:v>
                </c:pt>
                <c:pt idx="973">
                  <c:v>99.489317249329517</c:v>
                </c:pt>
                <c:pt idx="974">
                  <c:v>99.489317249329517</c:v>
                </c:pt>
                <c:pt idx="975">
                  <c:v>99.489317249329517</c:v>
                </c:pt>
                <c:pt idx="976">
                  <c:v>99.489317249329517</c:v>
                </c:pt>
                <c:pt idx="977">
                  <c:v>99.489317249329517</c:v>
                </c:pt>
                <c:pt idx="978">
                  <c:v>99.489317249329517</c:v>
                </c:pt>
                <c:pt idx="979">
                  <c:v>99.489317249329517</c:v>
                </c:pt>
                <c:pt idx="980">
                  <c:v>99.489317249329517</c:v>
                </c:pt>
                <c:pt idx="981">
                  <c:v>99.489317249329517</c:v>
                </c:pt>
                <c:pt idx="982">
                  <c:v>99.488620258934048</c:v>
                </c:pt>
                <c:pt idx="983">
                  <c:v>99.488620258934048</c:v>
                </c:pt>
                <c:pt idx="984">
                  <c:v>99.488620258934048</c:v>
                </c:pt>
                <c:pt idx="985">
                  <c:v>99.488620258934048</c:v>
                </c:pt>
                <c:pt idx="986">
                  <c:v>99.488620258934048</c:v>
                </c:pt>
                <c:pt idx="987">
                  <c:v>99.488620258934048</c:v>
                </c:pt>
                <c:pt idx="988">
                  <c:v>99.488620258934048</c:v>
                </c:pt>
                <c:pt idx="989">
                  <c:v>99.488620258934048</c:v>
                </c:pt>
                <c:pt idx="990">
                  <c:v>99.488620258934048</c:v>
                </c:pt>
                <c:pt idx="991">
                  <c:v>99.487902147617504</c:v>
                </c:pt>
                <c:pt idx="992">
                  <c:v>99.487902147617504</c:v>
                </c:pt>
                <c:pt idx="993">
                  <c:v>99.487902147617504</c:v>
                </c:pt>
                <c:pt idx="994">
                  <c:v>99.487902147617504</c:v>
                </c:pt>
                <c:pt idx="995">
                  <c:v>99.487902147617504</c:v>
                </c:pt>
                <c:pt idx="996">
                  <c:v>99.487902147617504</c:v>
                </c:pt>
                <c:pt idx="997">
                  <c:v>99.487902147617504</c:v>
                </c:pt>
                <c:pt idx="998">
                  <c:v>99.487902147617504</c:v>
                </c:pt>
                <c:pt idx="999">
                  <c:v>99.487902147617504</c:v>
                </c:pt>
                <c:pt idx="1000">
                  <c:v>99.487902147617504</c:v>
                </c:pt>
                <c:pt idx="1001">
                  <c:v>99.487902147617504</c:v>
                </c:pt>
                <c:pt idx="1002">
                  <c:v>99.48718403630096</c:v>
                </c:pt>
                <c:pt idx="1003">
                  <c:v>99.48718403630096</c:v>
                </c:pt>
                <c:pt idx="1004">
                  <c:v>99.48718403630096</c:v>
                </c:pt>
                <c:pt idx="1005">
                  <c:v>99.48718403630096</c:v>
                </c:pt>
                <c:pt idx="1006">
                  <c:v>99.48718403630096</c:v>
                </c:pt>
                <c:pt idx="1007">
                  <c:v>99.486487045905463</c:v>
                </c:pt>
                <c:pt idx="1008">
                  <c:v>99.486487045905463</c:v>
                </c:pt>
                <c:pt idx="1009">
                  <c:v>99.486487045905463</c:v>
                </c:pt>
                <c:pt idx="1010">
                  <c:v>99.485768934588947</c:v>
                </c:pt>
                <c:pt idx="1011">
                  <c:v>99.485768934588947</c:v>
                </c:pt>
                <c:pt idx="1012">
                  <c:v>99.485768934588947</c:v>
                </c:pt>
                <c:pt idx="1013">
                  <c:v>99.485768934588947</c:v>
                </c:pt>
                <c:pt idx="1014">
                  <c:v>99.485050823272388</c:v>
                </c:pt>
                <c:pt idx="1015">
                  <c:v>99.485050823272388</c:v>
                </c:pt>
                <c:pt idx="1016">
                  <c:v>99.485050823272388</c:v>
                </c:pt>
                <c:pt idx="1017">
                  <c:v>99.485050823272388</c:v>
                </c:pt>
                <c:pt idx="1018">
                  <c:v>99.485050823272388</c:v>
                </c:pt>
                <c:pt idx="1019">
                  <c:v>99.485050823272388</c:v>
                </c:pt>
                <c:pt idx="1020">
                  <c:v>99.484353832876906</c:v>
                </c:pt>
                <c:pt idx="1021">
                  <c:v>99.484353832876906</c:v>
                </c:pt>
                <c:pt idx="1022">
                  <c:v>99.484353832876906</c:v>
                </c:pt>
                <c:pt idx="1023">
                  <c:v>99.483635721560375</c:v>
                </c:pt>
                <c:pt idx="1024">
                  <c:v>99.483635721560375</c:v>
                </c:pt>
                <c:pt idx="1025">
                  <c:v>99.483635721560375</c:v>
                </c:pt>
                <c:pt idx="1026">
                  <c:v>99.483635721560375</c:v>
                </c:pt>
                <c:pt idx="1027">
                  <c:v>99.482917610243831</c:v>
                </c:pt>
                <c:pt idx="1028">
                  <c:v>99.482917610243831</c:v>
                </c:pt>
                <c:pt idx="1029">
                  <c:v>99.482917610243831</c:v>
                </c:pt>
                <c:pt idx="1030">
                  <c:v>99.482220619848334</c:v>
                </c:pt>
                <c:pt idx="1031">
                  <c:v>99.482220619848334</c:v>
                </c:pt>
                <c:pt idx="1032">
                  <c:v>99.482220619848334</c:v>
                </c:pt>
                <c:pt idx="1033">
                  <c:v>99.482220619848334</c:v>
                </c:pt>
                <c:pt idx="1034">
                  <c:v>99.482220619848334</c:v>
                </c:pt>
                <c:pt idx="1035">
                  <c:v>99.482220619848334</c:v>
                </c:pt>
                <c:pt idx="1036">
                  <c:v>99.482220619848334</c:v>
                </c:pt>
                <c:pt idx="1037">
                  <c:v>99.482220619848334</c:v>
                </c:pt>
                <c:pt idx="1038">
                  <c:v>99.481502508531776</c:v>
                </c:pt>
                <c:pt idx="1039">
                  <c:v>99.481502508531776</c:v>
                </c:pt>
                <c:pt idx="1040">
                  <c:v>99.481502508531776</c:v>
                </c:pt>
                <c:pt idx="1041">
                  <c:v>99.481502508531776</c:v>
                </c:pt>
                <c:pt idx="1042">
                  <c:v>99.481502508531776</c:v>
                </c:pt>
                <c:pt idx="1043">
                  <c:v>99.481502508531776</c:v>
                </c:pt>
                <c:pt idx="1044">
                  <c:v>99.48078439721526</c:v>
                </c:pt>
                <c:pt idx="1045">
                  <c:v>99.48078439721526</c:v>
                </c:pt>
                <c:pt idx="1046">
                  <c:v>99.48078439721526</c:v>
                </c:pt>
                <c:pt idx="1047">
                  <c:v>99.48078439721526</c:v>
                </c:pt>
                <c:pt idx="1048">
                  <c:v>99.48078439721526</c:v>
                </c:pt>
                <c:pt idx="1049">
                  <c:v>99.48078439721526</c:v>
                </c:pt>
                <c:pt idx="1050">
                  <c:v>99.480087406819777</c:v>
                </c:pt>
                <c:pt idx="1051">
                  <c:v>99.480087406819777</c:v>
                </c:pt>
                <c:pt idx="1052">
                  <c:v>99.480087406819777</c:v>
                </c:pt>
                <c:pt idx="1053">
                  <c:v>99.480087406819777</c:v>
                </c:pt>
                <c:pt idx="1054">
                  <c:v>99.480087406819777</c:v>
                </c:pt>
                <c:pt idx="1055">
                  <c:v>99.480087406819777</c:v>
                </c:pt>
                <c:pt idx="1056">
                  <c:v>99.480087406819777</c:v>
                </c:pt>
                <c:pt idx="1057">
                  <c:v>99.480087406819777</c:v>
                </c:pt>
                <c:pt idx="1058">
                  <c:v>99.479369295503218</c:v>
                </c:pt>
                <c:pt idx="1059">
                  <c:v>99.479369295503218</c:v>
                </c:pt>
                <c:pt idx="1060">
                  <c:v>99.479369295503218</c:v>
                </c:pt>
                <c:pt idx="1061">
                  <c:v>99.479369295503218</c:v>
                </c:pt>
                <c:pt idx="1062">
                  <c:v>99.479369295503218</c:v>
                </c:pt>
                <c:pt idx="1063">
                  <c:v>99.479369295503218</c:v>
                </c:pt>
                <c:pt idx="1064">
                  <c:v>99.479369295503218</c:v>
                </c:pt>
                <c:pt idx="1065">
                  <c:v>99.479369295503218</c:v>
                </c:pt>
                <c:pt idx="1066">
                  <c:v>99.478651184186688</c:v>
                </c:pt>
                <c:pt idx="1067">
                  <c:v>99.478651184186688</c:v>
                </c:pt>
                <c:pt idx="1068">
                  <c:v>99.478651184186688</c:v>
                </c:pt>
                <c:pt idx="1069">
                  <c:v>99.478651184186688</c:v>
                </c:pt>
                <c:pt idx="1070">
                  <c:v>99.478651184186688</c:v>
                </c:pt>
                <c:pt idx="1071">
                  <c:v>99.478651184186688</c:v>
                </c:pt>
                <c:pt idx="1072">
                  <c:v>99.478651184186688</c:v>
                </c:pt>
                <c:pt idx="1073">
                  <c:v>99.478651184186688</c:v>
                </c:pt>
                <c:pt idx="1074">
                  <c:v>99.477954193791206</c:v>
                </c:pt>
                <c:pt idx="1075">
                  <c:v>99.477954193791206</c:v>
                </c:pt>
                <c:pt idx="1076">
                  <c:v>99.477954193791206</c:v>
                </c:pt>
                <c:pt idx="1077">
                  <c:v>99.478651184186688</c:v>
                </c:pt>
                <c:pt idx="1078">
                  <c:v>99.478651184186688</c:v>
                </c:pt>
                <c:pt idx="1079">
                  <c:v>99.478651184186688</c:v>
                </c:pt>
                <c:pt idx="1080">
                  <c:v>99.478651184186688</c:v>
                </c:pt>
                <c:pt idx="1081">
                  <c:v>99.478651184186688</c:v>
                </c:pt>
                <c:pt idx="1082">
                  <c:v>99.478651184186688</c:v>
                </c:pt>
                <c:pt idx="1083">
                  <c:v>99.478651184186688</c:v>
                </c:pt>
                <c:pt idx="1084">
                  <c:v>99.478651184186688</c:v>
                </c:pt>
                <c:pt idx="1085">
                  <c:v>99.478651184186688</c:v>
                </c:pt>
                <c:pt idx="1086">
                  <c:v>99.477954193791206</c:v>
                </c:pt>
                <c:pt idx="1087">
                  <c:v>99.477954193791206</c:v>
                </c:pt>
                <c:pt idx="1088">
                  <c:v>99.477954193791206</c:v>
                </c:pt>
                <c:pt idx="1089">
                  <c:v>99.477954193791206</c:v>
                </c:pt>
                <c:pt idx="1090">
                  <c:v>99.477236082474661</c:v>
                </c:pt>
                <c:pt idx="1091">
                  <c:v>99.477236082474661</c:v>
                </c:pt>
                <c:pt idx="1092">
                  <c:v>99.477236082474661</c:v>
                </c:pt>
                <c:pt idx="1093">
                  <c:v>99.477236082474661</c:v>
                </c:pt>
                <c:pt idx="1094">
                  <c:v>99.477236082474661</c:v>
                </c:pt>
                <c:pt idx="1095">
                  <c:v>99.477236082474661</c:v>
                </c:pt>
                <c:pt idx="1096">
                  <c:v>99.476517971158131</c:v>
                </c:pt>
                <c:pt idx="1097">
                  <c:v>99.476517971158131</c:v>
                </c:pt>
                <c:pt idx="1098">
                  <c:v>99.476517971158131</c:v>
                </c:pt>
                <c:pt idx="1099">
                  <c:v>99.476517971158131</c:v>
                </c:pt>
                <c:pt idx="1100">
                  <c:v>99.476517971158131</c:v>
                </c:pt>
                <c:pt idx="1101">
                  <c:v>99.476517971158131</c:v>
                </c:pt>
                <c:pt idx="1102">
                  <c:v>99.475820980762649</c:v>
                </c:pt>
                <c:pt idx="1103">
                  <c:v>99.475820980762649</c:v>
                </c:pt>
                <c:pt idx="1104">
                  <c:v>99.475820980762649</c:v>
                </c:pt>
                <c:pt idx="1105">
                  <c:v>99.475820980762649</c:v>
                </c:pt>
                <c:pt idx="1106">
                  <c:v>99.47510286944609</c:v>
                </c:pt>
                <c:pt idx="1107">
                  <c:v>99.47510286944609</c:v>
                </c:pt>
                <c:pt idx="1108">
                  <c:v>99.47510286944609</c:v>
                </c:pt>
                <c:pt idx="1109">
                  <c:v>99.475820980762649</c:v>
                </c:pt>
                <c:pt idx="1110">
                  <c:v>99.47510286944609</c:v>
                </c:pt>
                <c:pt idx="1111">
                  <c:v>99.47510286944609</c:v>
                </c:pt>
                <c:pt idx="1112">
                  <c:v>99.47510286944609</c:v>
                </c:pt>
                <c:pt idx="1113">
                  <c:v>99.47510286944609</c:v>
                </c:pt>
                <c:pt idx="1114">
                  <c:v>99.47510286944609</c:v>
                </c:pt>
                <c:pt idx="1115">
                  <c:v>99.47510286944609</c:v>
                </c:pt>
                <c:pt idx="1116">
                  <c:v>99.47510286944609</c:v>
                </c:pt>
                <c:pt idx="1117">
                  <c:v>99.47510286944609</c:v>
                </c:pt>
                <c:pt idx="1118">
                  <c:v>99.47510286944609</c:v>
                </c:pt>
                <c:pt idx="1119">
                  <c:v>99.474384758129546</c:v>
                </c:pt>
                <c:pt idx="1120">
                  <c:v>99.474384758129546</c:v>
                </c:pt>
                <c:pt idx="1121">
                  <c:v>99.474384758129546</c:v>
                </c:pt>
                <c:pt idx="1122">
                  <c:v>99.474384758129546</c:v>
                </c:pt>
                <c:pt idx="1123">
                  <c:v>99.474384758129546</c:v>
                </c:pt>
                <c:pt idx="1124">
                  <c:v>99.473687767734091</c:v>
                </c:pt>
                <c:pt idx="1125">
                  <c:v>99.473687767734091</c:v>
                </c:pt>
                <c:pt idx="1126">
                  <c:v>99.473687767734091</c:v>
                </c:pt>
                <c:pt idx="1127">
                  <c:v>99.472969656417533</c:v>
                </c:pt>
                <c:pt idx="1128">
                  <c:v>99.472969656417533</c:v>
                </c:pt>
                <c:pt idx="1129">
                  <c:v>99.472969656417533</c:v>
                </c:pt>
                <c:pt idx="1130">
                  <c:v>99.472251545100974</c:v>
                </c:pt>
                <c:pt idx="1131">
                  <c:v>99.472251545100974</c:v>
                </c:pt>
                <c:pt idx="1132">
                  <c:v>99.472251545100974</c:v>
                </c:pt>
                <c:pt idx="1133">
                  <c:v>99.472969656417533</c:v>
                </c:pt>
                <c:pt idx="1134">
                  <c:v>99.473687767734091</c:v>
                </c:pt>
                <c:pt idx="1135">
                  <c:v>99.47510286944609</c:v>
                </c:pt>
                <c:pt idx="1136">
                  <c:v>99.477236082474661</c:v>
                </c:pt>
                <c:pt idx="1137">
                  <c:v>99.478651184186688</c:v>
                </c:pt>
                <c:pt idx="1138">
                  <c:v>99.481502508531776</c:v>
                </c:pt>
                <c:pt idx="1139">
                  <c:v>99.483635721560375</c:v>
                </c:pt>
                <c:pt idx="1140">
                  <c:v>99.486487045905463</c:v>
                </c:pt>
                <c:pt idx="1141">
                  <c:v>99.490035360646061</c:v>
                </c:pt>
                <c:pt idx="1142">
                  <c:v>99.492886684991177</c:v>
                </c:pt>
                <c:pt idx="1143">
                  <c:v>99.496434999731761</c:v>
                </c:pt>
                <c:pt idx="1144">
                  <c:v>99.500004435393436</c:v>
                </c:pt>
                <c:pt idx="1145">
                  <c:v>99.503552750134006</c:v>
                </c:pt>
                <c:pt idx="1146">
                  <c:v>99.507101064874604</c:v>
                </c:pt>
                <c:pt idx="1147">
                  <c:v>99.511367490931733</c:v>
                </c:pt>
                <c:pt idx="1148">
                  <c:v>99.514936926593393</c:v>
                </c:pt>
                <c:pt idx="1149">
                  <c:v>99.518485241333977</c:v>
                </c:pt>
                <c:pt idx="1150">
                  <c:v>99.522751667391105</c:v>
                </c:pt>
                <c:pt idx="1151">
                  <c:v>99.526299982131718</c:v>
                </c:pt>
                <c:pt idx="1152">
                  <c:v>99.530587529109923</c:v>
                </c:pt>
                <c:pt idx="1153">
                  <c:v>99.534135843850478</c:v>
                </c:pt>
                <c:pt idx="1154">
                  <c:v>99.537684158591091</c:v>
                </c:pt>
                <c:pt idx="1155">
                  <c:v>99.54195058464822</c:v>
                </c:pt>
                <c:pt idx="1156">
                  <c:v>99.54552002030988</c:v>
                </c:pt>
                <c:pt idx="1157">
                  <c:v>99.549068335050478</c:v>
                </c:pt>
                <c:pt idx="1158">
                  <c:v>99.551919659395566</c:v>
                </c:pt>
                <c:pt idx="1159">
                  <c:v>99.554770983740681</c:v>
                </c:pt>
                <c:pt idx="1160">
                  <c:v>99.556904196769267</c:v>
                </c:pt>
                <c:pt idx="1161">
                  <c:v>99.55831929848128</c:v>
                </c:pt>
                <c:pt idx="1162">
                  <c:v>99.559734400193307</c:v>
                </c:pt>
                <c:pt idx="1163">
                  <c:v>99.560452511509851</c:v>
                </c:pt>
                <c:pt idx="1164">
                  <c:v>99.561867613221864</c:v>
                </c:pt>
                <c:pt idx="1165">
                  <c:v>99.561867613221864</c:v>
                </c:pt>
                <c:pt idx="1166">
                  <c:v>99.562585724538408</c:v>
                </c:pt>
                <c:pt idx="1167">
                  <c:v>99.562585724538408</c:v>
                </c:pt>
                <c:pt idx="1168">
                  <c:v>99.562585724538408</c:v>
                </c:pt>
                <c:pt idx="1169">
                  <c:v>99.562585724538408</c:v>
                </c:pt>
                <c:pt idx="1170">
                  <c:v>99.562585724538408</c:v>
                </c:pt>
                <c:pt idx="1171">
                  <c:v>99.561867613221864</c:v>
                </c:pt>
                <c:pt idx="1172">
                  <c:v>99.561170622826396</c:v>
                </c:pt>
                <c:pt idx="1173">
                  <c:v>99.561170622826396</c:v>
                </c:pt>
                <c:pt idx="1174">
                  <c:v>99.560452511509851</c:v>
                </c:pt>
                <c:pt idx="1175">
                  <c:v>99.559734400193307</c:v>
                </c:pt>
                <c:pt idx="1176">
                  <c:v>99.559037409797838</c:v>
                </c:pt>
                <c:pt idx="1177">
                  <c:v>99.55831929848128</c:v>
                </c:pt>
                <c:pt idx="1178">
                  <c:v>99.557601187164735</c:v>
                </c:pt>
                <c:pt idx="1179">
                  <c:v>99.556904196769267</c:v>
                </c:pt>
                <c:pt idx="1180">
                  <c:v>99.556186085452708</c:v>
                </c:pt>
                <c:pt idx="1181">
                  <c:v>99.555467974136164</c:v>
                </c:pt>
                <c:pt idx="1182">
                  <c:v>99.554770983740681</c:v>
                </c:pt>
                <c:pt idx="1183">
                  <c:v>99.554052872424137</c:v>
                </c:pt>
                <c:pt idx="1184">
                  <c:v>99.553334761107607</c:v>
                </c:pt>
                <c:pt idx="1185">
                  <c:v>99.552616649791062</c:v>
                </c:pt>
                <c:pt idx="1186">
                  <c:v>99.552616649791062</c:v>
                </c:pt>
                <c:pt idx="1187">
                  <c:v>99.551919659395566</c:v>
                </c:pt>
                <c:pt idx="1188">
                  <c:v>99.551201548079035</c:v>
                </c:pt>
                <c:pt idx="1189">
                  <c:v>99.550483436762477</c:v>
                </c:pt>
                <c:pt idx="1190">
                  <c:v>99.549786446367008</c:v>
                </c:pt>
                <c:pt idx="1191">
                  <c:v>99.549068335050478</c:v>
                </c:pt>
                <c:pt idx="1192">
                  <c:v>99.548350223733905</c:v>
                </c:pt>
                <c:pt idx="1193">
                  <c:v>99.547653233338437</c:v>
                </c:pt>
                <c:pt idx="1194">
                  <c:v>99.546935122021893</c:v>
                </c:pt>
                <c:pt idx="1195">
                  <c:v>99.546217010705334</c:v>
                </c:pt>
                <c:pt idx="1196">
                  <c:v>99.54552002030988</c:v>
                </c:pt>
                <c:pt idx="1197">
                  <c:v>99.544801908993335</c:v>
                </c:pt>
                <c:pt idx="1198">
                  <c:v>99.544083797676777</c:v>
                </c:pt>
                <c:pt idx="1199">
                  <c:v>99.544083797676777</c:v>
                </c:pt>
                <c:pt idx="1200">
                  <c:v>99.543386807281308</c:v>
                </c:pt>
                <c:pt idx="1201">
                  <c:v>99.542668695964792</c:v>
                </c:pt>
                <c:pt idx="1202">
                  <c:v>99.54195058464822</c:v>
                </c:pt>
                <c:pt idx="1203">
                  <c:v>99.541253594252737</c:v>
                </c:pt>
                <c:pt idx="1204">
                  <c:v>99.540535482936207</c:v>
                </c:pt>
                <c:pt idx="1205">
                  <c:v>99.539817371619648</c:v>
                </c:pt>
                <c:pt idx="1206">
                  <c:v>99.53912038122418</c:v>
                </c:pt>
                <c:pt idx="1207">
                  <c:v>99.538402269907621</c:v>
                </c:pt>
                <c:pt idx="1208">
                  <c:v>99.537684158591091</c:v>
                </c:pt>
                <c:pt idx="1209">
                  <c:v>99.536987168195608</c:v>
                </c:pt>
                <c:pt idx="1210">
                  <c:v>99.53626905687905</c:v>
                </c:pt>
                <c:pt idx="1211">
                  <c:v>99.53626905687905</c:v>
                </c:pt>
                <c:pt idx="1212">
                  <c:v>99.53555094556252</c:v>
                </c:pt>
                <c:pt idx="1213">
                  <c:v>99.534853955167051</c:v>
                </c:pt>
                <c:pt idx="1214">
                  <c:v>99.534135843850478</c:v>
                </c:pt>
                <c:pt idx="1215">
                  <c:v>99.533417732533962</c:v>
                </c:pt>
                <c:pt idx="1216">
                  <c:v>99.532720742138494</c:v>
                </c:pt>
                <c:pt idx="1217">
                  <c:v>99.532002630821935</c:v>
                </c:pt>
                <c:pt idx="1218">
                  <c:v>99.531284519505377</c:v>
                </c:pt>
                <c:pt idx="1219">
                  <c:v>99.530587529109923</c:v>
                </c:pt>
                <c:pt idx="1220">
                  <c:v>99.529869417793364</c:v>
                </c:pt>
                <c:pt idx="1221">
                  <c:v>99.52915130647682</c:v>
                </c:pt>
                <c:pt idx="1222">
                  <c:v>99.528454316081366</c:v>
                </c:pt>
                <c:pt idx="1223">
                  <c:v>99.527736204764793</c:v>
                </c:pt>
                <c:pt idx="1224">
                  <c:v>99.527018093448234</c:v>
                </c:pt>
                <c:pt idx="1225">
                  <c:v>99.526299982131718</c:v>
                </c:pt>
                <c:pt idx="1226">
                  <c:v>99.525602991736235</c:v>
                </c:pt>
                <c:pt idx="1227">
                  <c:v>99.524884880419677</c:v>
                </c:pt>
                <c:pt idx="1228">
                  <c:v>99.524166769103147</c:v>
                </c:pt>
                <c:pt idx="1229">
                  <c:v>99.523469778707664</c:v>
                </c:pt>
                <c:pt idx="1230">
                  <c:v>99.522751667391105</c:v>
                </c:pt>
                <c:pt idx="1231">
                  <c:v>99.522033556074547</c:v>
                </c:pt>
                <c:pt idx="1232">
                  <c:v>99.521336565679093</c:v>
                </c:pt>
                <c:pt idx="1233">
                  <c:v>99.520618454362548</c:v>
                </c:pt>
                <c:pt idx="1234">
                  <c:v>99.51990034304599</c:v>
                </c:pt>
                <c:pt idx="1235">
                  <c:v>99.51990034304599</c:v>
                </c:pt>
                <c:pt idx="1236">
                  <c:v>99.519203352650521</c:v>
                </c:pt>
                <c:pt idx="1237">
                  <c:v>99.518485241333977</c:v>
                </c:pt>
                <c:pt idx="1238">
                  <c:v>99.517767130017432</c:v>
                </c:pt>
                <c:pt idx="1239">
                  <c:v>99.51707013962195</c:v>
                </c:pt>
                <c:pt idx="1240">
                  <c:v>99.515633916988861</c:v>
                </c:pt>
                <c:pt idx="1241">
                  <c:v>99.514936926593393</c:v>
                </c:pt>
                <c:pt idx="1242">
                  <c:v>99.514218815276863</c:v>
                </c:pt>
                <c:pt idx="1243">
                  <c:v>99.513500703960304</c:v>
                </c:pt>
                <c:pt idx="1244">
                  <c:v>99.512085602248291</c:v>
                </c:pt>
                <c:pt idx="1245">
                  <c:v>99.511367490931733</c:v>
                </c:pt>
                <c:pt idx="1246">
                  <c:v>99.51067050053625</c:v>
                </c:pt>
                <c:pt idx="1247">
                  <c:v>99.509952389219691</c:v>
                </c:pt>
                <c:pt idx="1248">
                  <c:v>99.509234277903175</c:v>
                </c:pt>
                <c:pt idx="1249">
                  <c:v>99.508537287507679</c:v>
                </c:pt>
                <c:pt idx="1250">
                  <c:v>99.507819176191148</c:v>
                </c:pt>
                <c:pt idx="1251">
                  <c:v>99.506404074479121</c:v>
                </c:pt>
                <c:pt idx="1252">
                  <c:v>99.505685963162577</c:v>
                </c:pt>
                <c:pt idx="1253">
                  <c:v>99.504967851846033</c:v>
                </c:pt>
                <c:pt idx="1254">
                  <c:v>99.504270861450564</c:v>
                </c:pt>
                <c:pt idx="1255">
                  <c:v>99.503552750134006</c:v>
                </c:pt>
                <c:pt idx="1256">
                  <c:v>99.502834638817475</c:v>
                </c:pt>
                <c:pt idx="1257">
                  <c:v>99.501419537105434</c:v>
                </c:pt>
                <c:pt idx="1258">
                  <c:v>99.50070142578889</c:v>
                </c:pt>
                <c:pt idx="1259">
                  <c:v>99.499286324076877</c:v>
                </c:pt>
                <c:pt idx="1260">
                  <c:v>99.498568212760333</c:v>
                </c:pt>
                <c:pt idx="1261">
                  <c:v>99.497153111048306</c:v>
                </c:pt>
                <c:pt idx="1262">
                  <c:v>99.496434999731761</c:v>
                </c:pt>
                <c:pt idx="1263">
                  <c:v>99.495019898019748</c:v>
                </c:pt>
                <c:pt idx="1264">
                  <c:v>99.494301786703204</c:v>
                </c:pt>
                <c:pt idx="1265">
                  <c:v>99.493583675386645</c:v>
                </c:pt>
                <c:pt idx="1266">
                  <c:v>99.492168573674633</c:v>
                </c:pt>
                <c:pt idx="1267">
                  <c:v>99.491450462358074</c:v>
                </c:pt>
                <c:pt idx="1268">
                  <c:v>99.490753471962606</c:v>
                </c:pt>
                <c:pt idx="1269">
                  <c:v>99.490035360646061</c:v>
                </c:pt>
                <c:pt idx="1270">
                  <c:v>99.488620258934048</c:v>
                </c:pt>
                <c:pt idx="1271">
                  <c:v>99.487902147617504</c:v>
                </c:pt>
                <c:pt idx="1272">
                  <c:v>99.48718403630096</c:v>
                </c:pt>
                <c:pt idx="1273">
                  <c:v>99.485768934588947</c:v>
                </c:pt>
                <c:pt idx="1274">
                  <c:v>99.485050823272388</c:v>
                </c:pt>
                <c:pt idx="1275">
                  <c:v>99.483635721560375</c:v>
                </c:pt>
                <c:pt idx="1276">
                  <c:v>99.482917610243831</c:v>
                </c:pt>
                <c:pt idx="1277">
                  <c:v>99.481502508531776</c:v>
                </c:pt>
                <c:pt idx="1278">
                  <c:v>99.480087406819777</c:v>
                </c:pt>
                <c:pt idx="1279">
                  <c:v>99.479369295503218</c:v>
                </c:pt>
                <c:pt idx="1280">
                  <c:v>99.478651184186688</c:v>
                </c:pt>
                <c:pt idx="1281">
                  <c:v>99.477236082474661</c:v>
                </c:pt>
                <c:pt idx="1282">
                  <c:v>99.476517971158131</c:v>
                </c:pt>
                <c:pt idx="1283">
                  <c:v>99.47510286944609</c:v>
                </c:pt>
                <c:pt idx="1284">
                  <c:v>99.474384758129546</c:v>
                </c:pt>
                <c:pt idx="1285">
                  <c:v>99.473687767734091</c:v>
                </c:pt>
                <c:pt idx="1286">
                  <c:v>99.472251545100974</c:v>
                </c:pt>
                <c:pt idx="1287">
                  <c:v>99.47153343378443</c:v>
                </c:pt>
                <c:pt idx="1288">
                  <c:v>99.470118332072417</c:v>
                </c:pt>
                <c:pt idx="1289">
                  <c:v>99.468703230360404</c:v>
                </c:pt>
                <c:pt idx="1290">
                  <c:v>99.467985119043846</c:v>
                </c:pt>
                <c:pt idx="1291">
                  <c:v>99.466570017331833</c:v>
                </c:pt>
                <c:pt idx="1292">
                  <c:v>99.46513379469873</c:v>
                </c:pt>
                <c:pt idx="1293">
                  <c:v>99.464436804303276</c:v>
                </c:pt>
                <c:pt idx="1294">
                  <c:v>99.463000581670158</c:v>
                </c:pt>
                <c:pt idx="1295">
                  <c:v>99.461585479958146</c:v>
                </c:pt>
                <c:pt idx="1296">
                  <c:v>99.460170378246119</c:v>
                </c:pt>
                <c:pt idx="1297">
                  <c:v>99.458734155613044</c:v>
                </c:pt>
                <c:pt idx="1298">
                  <c:v>99.457319053901031</c:v>
                </c:pt>
                <c:pt idx="1299">
                  <c:v>99.45590395218899</c:v>
                </c:pt>
                <c:pt idx="1300">
                  <c:v>99.454467729555901</c:v>
                </c:pt>
                <c:pt idx="1301">
                  <c:v>99.453770739160419</c:v>
                </c:pt>
                <c:pt idx="1302">
                  <c:v>99.45233451652733</c:v>
                </c:pt>
                <c:pt idx="1303">
                  <c:v>99.450919414815303</c:v>
                </c:pt>
                <c:pt idx="1304">
                  <c:v>99.449504313103304</c:v>
                </c:pt>
                <c:pt idx="1305">
                  <c:v>99.448068090470201</c:v>
                </c:pt>
                <c:pt idx="1306">
                  <c:v>99.446652988758174</c:v>
                </c:pt>
                <c:pt idx="1307">
                  <c:v>99.444519775729617</c:v>
                </c:pt>
                <c:pt idx="1308">
                  <c:v>99.443083553096528</c:v>
                </c:pt>
                <c:pt idx="1309">
                  <c:v>99.441668451384501</c:v>
                </c:pt>
                <c:pt idx="1310">
                  <c:v>99.440253349672474</c:v>
                </c:pt>
                <c:pt idx="1311">
                  <c:v>99.438817127039385</c:v>
                </c:pt>
                <c:pt idx="1312">
                  <c:v>99.437402025327373</c:v>
                </c:pt>
                <c:pt idx="1313">
                  <c:v>99.435268812298801</c:v>
                </c:pt>
                <c:pt idx="1314">
                  <c:v>99.433853710586774</c:v>
                </c:pt>
                <c:pt idx="1315">
                  <c:v>99.432417487953671</c:v>
                </c:pt>
                <c:pt idx="1316">
                  <c:v>99.431002386241687</c:v>
                </c:pt>
                <c:pt idx="1317">
                  <c:v>99.429587284529646</c:v>
                </c:pt>
                <c:pt idx="1318">
                  <c:v>99.428151061896557</c:v>
                </c:pt>
                <c:pt idx="1319">
                  <c:v>99.426735960184516</c:v>
                </c:pt>
                <c:pt idx="1320">
                  <c:v>99.425320858472503</c:v>
                </c:pt>
                <c:pt idx="1321">
                  <c:v>99.423884635839414</c:v>
                </c:pt>
                <c:pt idx="1322">
                  <c:v>99.422469534127387</c:v>
                </c:pt>
                <c:pt idx="1323">
                  <c:v>99.421054432415389</c:v>
                </c:pt>
                <c:pt idx="1324">
                  <c:v>99.419618209782286</c:v>
                </c:pt>
                <c:pt idx="1325">
                  <c:v>99.418203108070273</c:v>
                </c:pt>
                <c:pt idx="1326">
                  <c:v>99.416069895041701</c:v>
                </c:pt>
                <c:pt idx="1327">
                  <c:v>99.414633672408598</c:v>
                </c:pt>
                <c:pt idx="1328">
                  <c:v>99.413218570696571</c:v>
                </c:pt>
                <c:pt idx="1329">
                  <c:v>99.411803468984559</c:v>
                </c:pt>
                <c:pt idx="1330">
                  <c:v>99.410367246351456</c:v>
                </c:pt>
                <c:pt idx="1331">
                  <c:v>99.408952144639443</c:v>
                </c:pt>
                <c:pt idx="1332">
                  <c:v>99.40753704292743</c:v>
                </c:pt>
                <c:pt idx="1333">
                  <c:v>99.406100820294313</c:v>
                </c:pt>
                <c:pt idx="1334">
                  <c:v>99.404685718582314</c:v>
                </c:pt>
                <c:pt idx="1335">
                  <c:v>99.402552505553757</c:v>
                </c:pt>
                <c:pt idx="1336">
                  <c:v>99.401137403841716</c:v>
                </c:pt>
                <c:pt idx="1337">
                  <c:v>99.399701181208627</c:v>
                </c:pt>
                <c:pt idx="1338">
                  <c:v>99.398286079496586</c:v>
                </c:pt>
                <c:pt idx="1339">
                  <c:v>99.396870977784573</c:v>
                </c:pt>
                <c:pt idx="1340">
                  <c:v>99.394737764756016</c:v>
                </c:pt>
                <c:pt idx="1341">
                  <c:v>99.393301542122941</c:v>
                </c:pt>
                <c:pt idx="1342">
                  <c:v>99.39116832909437</c:v>
                </c:pt>
                <c:pt idx="1343">
                  <c:v>99.389753227382343</c:v>
                </c:pt>
                <c:pt idx="1344">
                  <c:v>99.387620014353772</c:v>
                </c:pt>
                <c:pt idx="1345">
                  <c:v>99.3854868013252</c:v>
                </c:pt>
                <c:pt idx="1346">
                  <c:v>99.384050578692126</c:v>
                </c:pt>
                <c:pt idx="1347">
                  <c:v>99.38191736566354</c:v>
                </c:pt>
                <c:pt idx="1348">
                  <c:v>99.380502263951527</c:v>
                </c:pt>
                <c:pt idx="1349">
                  <c:v>99.37836905092297</c:v>
                </c:pt>
                <c:pt idx="1350">
                  <c:v>99.376235837894399</c:v>
                </c:pt>
                <c:pt idx="1351">
                  <c:v>99.374820736182386</c:v>
                </c:pt>
                <c:pt idx="1352">
                  <c:v>99.372687523153814</c:v>
                </c:pt>
                <c:pt idx="1353">
                  <c:v>99.370554310125243</c:v>
                </c:pt>
                <c:pt idx="1354">
                  <c:v>99.368421097096672</c:v>
                </c:pt>
                <c:pt idx="1355">
                  <c:v>99.3662878840681</c:v>
                </c:pt>
                <c:pt idx="1356">
                  <c:v>99.364851661435026</c:v>
                </c:pt>
                <c:pt idx="1357">
                  <c:v>99.36271844840644</c:v>
                </c:pt>
                <c:pt idx="1358">
                  <c:v>99.360585235377869</c:v>
                </c:pt>
                <c:pt idx="1359">
                  <c:v>99.358452022349312</c:v>
                </c:pt>
                <c:pt idx="1360">
                  <c:v>99.357036920637299</c:v>
                </c:pt>
                <c:pt idx="1361">
                  <c:v>99.354903707608727</c:v>
                </c:pt>
                <c:pt idx="1362">
                  <c:v>99.35277049458017</c:v>
                </c:pt>
                <c:pt idx="1363">
                  <c:v>99.351334271947053</c:v>
                </c:pt>
                <c:pt idx="1364">
                  <c:v>99.349201058918496</c:v>
                </c:pt>
                <c:pt idx="1365">
                  <c:v>99.347067845889939</c:v>
                </c:pt>
                <c:pt idx="1366">
                  <c:v>99.344934632861367</c:v>
                </c:pt>
                <c:pt idx="1367">
                  <c:v>99.34280141983281</c:v>
                </c:pt>
                <c:pt idx="1368">
                  <c:v>99.341386318120755</c:v>
                </c:pt>
                <c:pt idx="1369">
                  <c:v>99.339253105092197</c:v>
                </c:pt>
                <c:pt idx="1370">
                  <c:v>99.33711989206364</c:v>
                </c:pt>
                <c:pt idx="1371">
                  <c:v>99.335704790351627</c:v>
                </c:pt>
                <c:pt idx="1372">
                  <c:v>99.33355045640198</c:v>
                </c:pt>
                <c:pt idx="1373">
                  <c:v>99.331417243373423</c:v>
                </c:pt>
                <c:pt idx="1374">
                  <c:v>99.329284030344851</c:v>
                </c:pt>
                <c:pt idx="1375">
                  <c:v>99.327868928632839</c:v>
                </c:pt>
                <c:pt idx="1376">
                  <c:v>99.325735715604267</c:v>
                </c:pt>
                <c:pt idx="1377">
                  <c:v>99.32360250257571</c:v>
                </c:pt>
                <c:pt idx="1378">
                  <c:v>99.322187400863669</c:v>
                </c:pt>
                <c:pt idx="1379">
                  <c:v>99.320054187835112</c:v>
                </c:pt>
                <c:pt idx="1380">
                  <c:v>99.318617965202009</c:v>
                </c:pt>
                <c:pt idx="1381">
                  <c:v>99.316484752173466</c:v>
                </c:pt>
                <c:pt idx="1382">
                  <c:v>99.314351539144894</c:v>
                </c:pt>
                <c:pt idx="1383">
                  <c:v>99.312218326116323</c:v>
                </c:pt>
                <c:pt idx="1384">
                  <c:v>99.310085113087752</c:v>
                </c:pt>
                <c:pt idx="1385">
                  <c:v>99.307951900059194</c:v>
                </c:pt>
                <c:pt idx="1386">
                  <c:v>99.305818687030609</c:v>
                </c:pt>
                <c:pt idx="1387">
                  <c:v>99.303685474002052</c:v>
                </c:pt>
                <c:pt idx="1388">
                  <c:v>99.30155226097348</c:v>
                </c:pt>
                <c:pt idx="1389">
                  <c:v>99.298700936628364</c:v>
                </c:pt>
                <c:pt idx="1390">
                  <c:v>99.296567723599779</c:v>
                </c:pt>
                <c:pt idx="1391">
                  <c:v>99.294434510571222</c:v>
                </c:pt>
                <c:pt idx="1392">
                  <c:v>99.292301297542679</c:v>
                </c:pt>
                <c:pt idx="1393">
                  <c:v>99.290168084514093</c:v>
                </c:pt>
                <c:pt idx="1394">
                  <c:v>99.287337881090053</c:v>
                </c:pt>
                <c:pt idx="1395">
                  <c:v>99.285204668061482</c:v>
                </c:pt>
                <c:pt idx="1396">
                  <c:v>99.28235334371638</c:v>
                </c:pt>
                <c:pt idx="1397">
                  <c:v>99.280220130687809</c:v>
                </c:pt>
                <c:pt idx="1398">
                  <c:v>99.277368806342679</c:v>
                </c:pt>
                <c:pt idx="1399">
                  <c:v>99.275235593314122</c:v>
                </c:pt>
                <c:pt idx="1400">
                  <c:v>99.272384268969034</c:v>
                </c:pt>
                <c:pt idx="1401">
                  <c:v>99.270251055940435</c:v>
                </c:pt>
                <c:pt idx="1402">
                  <c:v>99.267420852516409</c:v>
                </c:pt>
                <c:pt idx="1403">
                  <c:v>99.265287639487838</c:v>
                </c:pt>
                <c:pt idx="1404">
                  <c:v>99.262436315142736</c:v>
                </c:pt>
                <c:pt idx="1405">
                  <c:v>99.25958499079762</c:v>
                </c:pt>
                <c:pt idx="1406">
                  <c:v>99.25675478737358</c:v>
                </c:pt>
                <c:pt idx="1407">
                  <c:v>99.25390346302845</c:v>
                </c:pt>
                <c:pt idx="1408">
                  <c:v>99.251770249999907</c:v>
                </c:pt>
                <c:pt idx="1409">
                  <c:v>99.248918925654777</c:v>
                </c:pt>
                <c:pt idx="1410">
                  <c:v>99.246785712626206</c:v>
                </c:pt>
                <c:pt idx="1411">
                  <c:v>99.244652499597635</c:v>
                </c:pt>
                <c:pt idx="1412">
                  <c:v>99.242519286569078</c:v>
                </c:pt>
                <c:pt idx="1413">
                  <c:v>99.239667962223947</c:v>
                </c:pt>
                <c:pt idx="1414">
                  <c:v>99.23753474919539</c:v>
                </c:pt>
                <c:pt idx="1415">
                  <c:v>99.235401536166833</c:v>
                </c:pt>
                <c:pt idx="1416">
                  <c:v>99.233268323138262</c:v>
                </c:pt>
                <c:pt idx="1417">
                  <c:v>99.231135110109705</c:v>
                </c:pt>
                <c:pt idx="1418">
                  <c:v>99.229001897081133</c:v>
                </c:pt>
                <c:pt idx="1419">
                  <c:v>99.226171693657079</c:v>
                </c:pt>
                <c:pt idx="1420">
                  <c:v>99.224038480628536</c:v>
                </c:pt>
                <c:pt idx="1421">
                  <c:v>99.221187156283406</c:v>
                </c:pt>
                <c:pt idx="1422">
                  <c:v>99.219053943254849</c:v>
                </c:pt>
                <c:pt idx="1423">
                  <c:v>99.216202618909719</c:v>
                </c:pt>
                <c:pt idx="1424">
                  <c:v>99.214069405881162</c:v>
                </c:pt>
                <c:pt idx="1425">
                  <c:v>99.21193619285259</c:v>
                </c:pt>
                <c:pt idx="1426">
                  <c:v>99.209084868507475</c:v>
                </c:pt>
                <c:pt idx="1427">
                  <c:v>99.206951655478917</c:v>
                </c:pt>
                <c:pt idx="1428">
                  <c:v>99.204121452054878</c:v>
                </c:pt>
                <c:pt idx="1429">
                  <c:v>99.201270127709748</c:v>
                </c:pt>
                <c:pt idx="1430">
                  <c:v>99.19841880336466</c:v>
                </c:pt>
                <c:pt idx="1431">
                  <c:v>99.196285590336089</c:v>
                </c:pt>
                <c:pt idx="1432">
                  <c:v>99.193434265990959</c:v>
                </c:pt>
                <c:pt idx="1433">
                  <c:v>99.190604062566933</c:v>
                </c:pt>
                <c:pt idx="1434">
                  <c:v>99.187752738221818</c:v>
                </c:pt>
                <c:pt idx="1435">
                  <c:v>99.184204423481233</c:v>
                </c:pt>
                <c:pt idx="1436">
                  <c:v>99.181353099136103</c:v>
                </c:pt>
                <c:pt idx="1437">
                  <c:v>99.178501774791002</c:v>
                </c:pt>
                <c:pt idx="1438">
                  <c:v>99.174953460050418</c:v>
                </c:pt>
                <c:pt idx="1439">
                  <c:v>99.172102135705302</c:v>
                </c:pt>
                <c:pt idx="1440">
                  <c:v>99.168553820964718</c:v>
                </c:pt>
                <c:pt idx="1441">
                  <c:v>99.165702496619588</c:v>
                </c:pt>
                <c:pt idx="1442">
                  <c:v>99.162154181879018</c:v>
                </c:pt>
                <c:pt idx="1443">
                  <c:v>99.159302857533888</c:v>
                </c:pt>
                <c:pt idx="1444">
                  <c:v>99.156451533188786</c:v>
                </c:pt>
                <c:pt idx="1445">
                  <c:v>99.152903218448202</c:v>
                </c:pt>
                <c:pt idx="1446">
                  <c:v>99.150051894103072</c:v>
                </c:pt>
                <c:pt idx="1447">
                  <c:v>99.146503579362502</c:v>
                </c:pt>
                <c:pt idx="1448">
                  <c:v>99.143652255017386</c:v>
                </c:pt>
                <c:pt idx="1449">
                  <c:v>99.140103940276774</c:v>
                </c:pt>
                <c:pt idx="1450">
                  <c:v>99.137252615931686</c:v>
                </c:pt>
                <c:pt idx="1451">
                  <c:v>99.133704301191088</c:v>
                </c:pt>
                <c:pt idx="1452">
                  <c:v>99.130134865529456</c:v>
                </c:pt>
                <c:pt idx="1453">
                  <c:v>99.127304662105402</c:v>
                </c:pt>
                <c:pt idx="1454">
                  <c:v>99.124453337760272</c:v>
                </c:pt>
                <c:pt idx="1455">
                  <c:v>99.121602013415171</c:v>
                </c:pt>
                <c:pt idx="1456">
                  <c:v>99.118053698674586</c:v>
                </c:pt>
                <c:pt idx="1457">
                  <c:v>99.115202374329471</c:v>
                </c:pt>
                <c:pt idx="1458">
                  <c:v>99.112351049984355</c:v>
                </c:pt>
                <c:pt idx="1459">
                  <c:v>99.108802735243756</c:v>
                </c:pt>
                <c:pt idx="1460">
                  <c:v>99.105951410898669</c:v>
                </c:pt>
                <c:pt idx="1461">
                  <c:v>99.103121207474615</c:v>
                </c:pt>
                <c:pt idx="1462">
                  <c:v>99.099551771812941</c:v>
                </c:pt>
                <c:pt idx="1463">
                  <c:v>99.096721568388915</c:v>
                </c:pt>
                <c:pt idx="1464">
                  <c:v>99.093870244043799</c:v>
                </c:pt>
                <c:pt idx="1465">
                  <c:v>99.091018919698698</c:v>
                </c:pt>
                <c:pt idx="1466">
                  <c:v>99.088188716274644</c:v>
                </c:pt>
                <c:pt idx="1467">
                  <c:v>99.084619280612998</c:v>
                </c:pt>
                <c:pt idx="1468">
                  <c:v>99.081767956267868</c:v>
                </c:pt>
                <c:pt idx="1469">
                  <c:v>99.078219641527284</c:v>
                </c:pt>
                <c:pt idx="1470">
                  <c:v>99.074671326786699</c:v>
                </c:pt>
                <c:pt idx="1471">
                  <c:v>99.071820002441584</c:v>
                </c:pt>
                <c:pt idx="1472">
                  <c:v>99.068271687700985</c:v>
                </c:pt>
                <c:pt idx="1473">
                  <c:v>99.065420363355898</c:v>
                </c:pt>
                <c:pt idx="1474">
                  <c:v>99.062569039010768</c:v>
                </c:pt>
                <c:pt idx="1475">
                  <c:v>99.059738835586714</c:v>
                </c:pt>
                <c:pt idx="1476">
                  <c:v>99.056169399925068</c:v>
                </c:pt>
                <c:pt idx="1477">
                  <c:v>99.053318075579938</c:v>
                </c:pt>
                <c:pt idx="1478">
                  <c:v>99.049769760839354</c:v>
                </c:pt>
                <c:pt idx="1479">
                  <c:v>99.046918436494252</c:v>
                </c:pt>
                <c:pt idx="1480">
                  <c:v>99.043370121753654</c:v>
                </c:pt>
                <c:pt idx="1481">
                  <c:v>99.03982180701307</c:v>
                </c:pt>
                <c:pt idx="1482">
                  <c:v>99.036970482667968</c:v>
                </c:pt>
                <c:pt idx="1483">
                  <c:v>99.03342216792737</c:v>
                </c:pt>
                <c:pt idx="1484">
                  <c:v>99.029852732265724</c:v>
                </c:pt>
                <c:pt idx="1485">
                  <c:v>99.027001407920608</c:v>
                </c:pt>
                <c:pt idx="1486">
                  <c:v>99.023453093180009</c:v>
                </c:pt>
                <c:pt idx="1487">
                  <c:v>99.019904778439439</c:v>
                </c:pt>
                <c:pt idx="1488">
                  <c:v>99.016335342777751</c:v>
                </c:pt>
                <c:pt idx="1489">
                  <c:v>99.012787028037181</c:v>
                </c:pt>
                <c:pt idx="1490">
                  <c:v>99.009935703692065</c:v>
                </c:pt>
                <c:pt idx="1491">
                  <c:v>99.006387388951495</c:v>
                </c:pt>
                <c:pt idx="1492">
                  <c:v>99.002817953289806</c:v>
                </c:pt>
                <c:pt idx="1493">
                  <c:v>98.999269638549237</c:v>
                </c:pt>
                <c:pt idx="1494">
                  <c:v>98.996418314204121</c:v>
                </c:pt>
                <c:pt idx="1495">
                  <c:v>98.992869999463522</c:v>
                </c:pt>
                <c:pt idx="1496">
                  <c:v>98.989321684722938</c:v>
                </c:pt>
                <c:pt idx="1497">
                  <c:v>98.985752249061278</c:v>
                </c:pt>
                <c:pt idx="1498">
                  <c:v>98.982203934320694</c:v>
                </c:pt>
                <c:pt idx="1499">
                  <c:v>98.97865561958011</c:v>
                </c:pt>
                <c:pt idx="1500">
                  <c:v>98.975086183918464</c:v>
                </c:pt>
                <c:pt idx="1501">
                  <c:v>98.971537869177851</c:v>
                </c:pt>
                <c:pt idx="1502">
                  <c:v>98.967968433516205</c:v>
                </c:pt>
                <c:pt idx="1503">
                  <c:v>98.964420118775607</c:v>
                </c:pt>
                <c:pt idx="1504">
                  <c:v>98.960871804035037</c:v>
                </c:pt>
                <c:pt idx="1505">
                  <c:v>98.957302368373362</c:v>
                </c:pt>
                <c:pt idx="1506">
                  <c:v>98.953754053632778</c:v>
                </c:pt>
                <c:pt idx="1507">
                  <c:v>98.95020573889218</c:v>
                </c:pt>
                <c:pt idx="1508">
                  <c:v>98.946636303230534</c:v>
                </c:pt>
                <c:pt idx="1509">
                  <c:v>98.943087988489935</c:v>
                </c:pt>
                <c:pt idx="1510">
                  <c:v>98.939518552828275</c:v>
                </c:pt>
                <c:pt idx="1511">
                  <c:v>98.935970238087691</c:v>
                </c:pt>
                <c:pt idx="1512">
                  <c:v>98.932421923347107</c:v>
                </c:pt>
                <c:pt idx="1513">
                  <c:v>98.928852487685432</c:v>
                </c:pt>
                <c:pt idx="1514">
                  <c:v>98.925304172944877</c:v>
                </c:pt>
                <c:pt idx="1515">
                  <c:v>98.921755858204278</c:v>
                </c:pt>
                <c:pt idx="1516">
                  <c:v>98.918186422542604</c:v>
                </c:pt>
                <c:pt idx="1517">
                  <c:v>98.91463810780202</c:v>
                </c:pt>
                <c:pt idx="1518">
                  <c:v>98.910371681744905</c:v>
                </c:pt>
                <c:pt idx="1519">
                  <c:v>98.906802246083245</c:v>
                </c:pt>
                <c:pt idx="1520">
                  <c:v>98.903253931342633</c:v>
                </c:pt>
                <c:pt idx="1521">
                  <c:v>98.898987505285504</c:v>
                </c:pt>
                <c:pt idx="1522">
                  <c:v>98.89543919054492</c:v>
                </c:pt>
                <c:pt idx="1523">
                  <c:v>98.89186975488326</c:v>
                </c:pt>
                <c:pt idx="1524">
                  <c:v>98.888321440142661</c:v>
                </c:pt>
                <c:pt idx="1525">
                  <c:v>98.884752004481015</c:v>
                </c:pt>
                <c:pt idx="1526">
                  <c:v>98.881921801056976</c:v>
                </c:pt>
                <c:pt idx="1527">
                  <c:v>98.87835236539533</c:v>
                </c:pt>
                <c:pt idx="1528">
                  <c:v>98.874085939338158</c:v>
                </c:pt>
                <c:pt idx="1529">
                  <c:v>98.870537624597603</c:v>
                </c:pt>
                <c:pt idx="1530">
                  <c:v>98.866989309857018</c:v>
                </c:pt>
                <c:pt idx="1531">
                  <c:v>98.8627017628788</c:v>
                </c:pt>
                <c:pt idx="1532">
                  <c:v>98.859153448138215</c:v>
                </c:pt>
                <c:pt idx="1533">
                  <c:v>98.854887022081073</c:v>
                </c:pt>
                <c:pt idx="1534">
                  <c:v>98.851338707340503</c:v>
                </c:pt>
                <c:pt idx="1535">
                  <c:v>98.84707228128336</c:v>
                </c:pt>
                <c:pt idx="1536">
                  <c:v>98.843502845621686</c:v>
                </c:pt>
                <c:pt idx="1537">
                  <c:v>98.839236419564571</c:v>
                </c:pt>
                <c:pt idx="1538">
                  <c:v>98.835688104823959</c:v>
                </c:pt>
                <c:pt idx="1539">
                  <c:v>98.831421678766844</c:v>
                </c:pt>
                <c:pt idx="1540">
                  <c:v>98.82785224310517</c:v>
                </c:pt>
                <c:pt idx="1541">
                  <c:v>98.823585817048055</c:v>
                </c:pt>
                <c:pt idx="1542">
                  <c:v>98.820037502307457</c:v>
                </c:pt>
                <c:pt idx="1543">
                  <c:v>98.815771076250314</c:v>
                </c:pt>
                <c:pt idx="1544">
                  <c:v>98.8115046501932</c:v>
                </c:pt>
                <c:pt idx="1545">
                  <c:v>98.80793521453154</c:v>
                </c:pt>
                <c:pt idx="1546">
                  <c:v>98.803668788474397</c:v>
                </c:pt>
                <c:pt idx="1547">
                  <c:v>98.800120473733813</c:v>
                </c:pt>
                <c:pt idx="1548">
                  <c:v>98.795854047676684</c:v>
                </c:pt>
                <c:pt idx="1549">
                  <c:v>98.791587621619541</c:v>
                </c:pt>
                <c:pt idx="1550">
                  <c:v>98.786603084245854</c:v>
                </c:pt>
                <c:pt idx="1551">
                  <c:v>98.782336658188726</c:v>
                </c:pt>
                <c:pt idx="1552">
                  <c:v>98.778070232131597</c:v>
                </c:pt>
                <c:pt idx="1553">
                  <c:v>98.774521917391013</c:v>
                </c:pt>
                <c:pt idx="1554">
                  <c:v>98.770952481729353</c:v>
                </c:pt>
                <c:pt idx="1555">
                  <c:v>98.766686055672224</c:v>
                </c:pt>
                <c:pt idx="1556">
                  <c:v>98.763137740931612</c:v>
                </c:pt>
                <c:pt idx="1557">
                  <c:v>98.758871314874483</c:v>
                </c:pt>
                <c:pt idx="1558">
                  <c:v>98.755301879212837</c:v>
                </c:pt>
                <c:pt idx="1559">
                  <c:v>98.751035453155694</c:v>
                </c:pt>
                <c:pt idx="1560">
                  <c:v>98.746769027098566</c:v>
                </c:pt>
                <c:pt idx="1561">
                  <c:v>98.742502601041437</c:v>
                </c:pt>
                <c:pt idx="1562">
                  <c:v>98.738236174984308</c:v>
                </c:pt>
                <c:pt idx="1563">
                  <c:v>98.733969748927151</c:v>
                </c:pt>
                <c:pt idx="1564">
                  <c:v>98.729703322870023</c:v>
                </c:pt>
                <c:pt idx="1565">
                  <c:v>98.725436896812909</c:v>
                </c:pt>
                <c:pt idx="1566">
                  <c:v>98.721170470755766</c:v>
                </c:pt>
                <c:pt idx="1567">
                  <c:v>98.716904044698637</c:v>
                </c:pt>
                <c:pt idx="1568">
                  <c:v>98.71263761864148</c:v>
                </c:pt>
                <c:pt idx="1569">
                  <c:v>98.708371192584352</c:v>
                </c:pt>
                <c:pt idx="1570">
                  <c:v>98.704822877843782</c:v>
                </c:pt>
                <c:pt idx="1571">
                  <c:v>98.700556451786625</c:v>
                </c:pt>
                <c:pt idx="1572">
                  <c:v>98.696268904808434</c:v>
                </c:pt>
                <c:pt idx="1573">
                  <c:v>98.692002478751306</c:v>
                </c:pt>
                <c:pt idx="1574">
                  <c:v>98.687736052694163</c:v>
                </c:pt>
                <c:pt idx="1575">
                  <c:v>98.683469626637034</c:v>
                </c:pt>
                <c:pt idx="1576">
                  <c:v>98.679203200579892</c:v>
                </c:pt>
                <c:pt idx="1577">
                  <c:v>98.675654885839322</c:v>
                </c:pt>
                <c:pt idx="1578">
                  <c:v>98.670670348465634</c:v>
                </c:pt>
                <c:pt idx="1579">
                  <c:v>98.666403922408492</c:v>
                </c:pt>
                <c:pt idx="1580">
                  <c:v>98.662137496351363</c:v>
                </c:pt>
                <c:pt idx="1581">
                  <c:v>98.657152958977676</c:v>
                </c:pt>
                <c:pt idx="1582">
                  <c:v>98.652886532920562</c:v>
                </c:pt>
                <c:pt idx="1583">
                  <c:v>98.64862010686339</c:v>
                </c:pt>
                <c:pt idx="1584">
                  <c:v>98.644353680806276</c:v>
                </c:pt>
                <c:pt idx="1585">
                  <c:v>98.640087254749147</c:v>
                </c:pt>
                <c:pt idx="1586">
                  <c:v>98.635820828692005</c:v>
                </c:pt>
                <c:pt idx="1587">
                  <c:v>98.631554402634876</c:v>
                </c:pt>
                <c:pt idx="1588">
                  <c:v>98.627287976577747</c:v>
                </c:pt>
                <c:pt idx="1589">
                  <c:v>98.622303439204046</c:v>
                </c:pt>
                <c:pt idx="1590">
                  <c:v>98.618037013146918</c:v>
                </c:pt>
                <c:pt idx="1591">
                  <c:v>98.613770587089803</c:v>
                </c:pt>
                <c:pt idx="1592">
                  <c:v>98.608786049716116</c:v>
                </c:pt>
                <c:pt idx="1593">
                  <c:v>98.604519623658987</c:v>
                </c:pt>
                <c:pt idx="1594">
                  <c:v>98.600253197601845</c:v>
                </c:pt>
                <c:pt idx="1595">
                  <c:v>98.595289781149248</c:v>
                </c:pt>
                <c:pt idx="1596">
                  <c:v>98.591023355092105</c:v>
                </c:pt>
                <c:pt idx="1597">
                  <c:v>98.586038817718432</c:v>
                </c:pt>
                <c:pt idx="1598">
                  <c:v>98.581772391661275</c:v>
                </c:pt>
                <c:pt idx="1599">
                  <c:v>98.577505965604146</c:v>
                </c:pt>
                <c:pt idx="1600">
                  <c:v>98.572521428230473</c:v>
                </c:pt>
                <c:pt idx="1601">
                  <c:v>98.5675368908568</c:v>
                </c:pt>
                <c:pt idx="1602">
                  <c:v>98.562552353483127</c:v>
                </c:pt>
                <c:pt idx="1603">
                  <c:v>98.55758893703053</c:v>
                </c:pt>
                <c:pt idx="1604">
                  <c:v>98.553322510973359</c:v>
                </c:pt>
                <c:pt idx="1605">
                  <c:v>98.5483379735997</c:v>
                </c:pt>
                <c:pt idx="1606">
                  <c:v>98.543353436226013</c:v>
                </c:pt>
                <c:pt idx="1607">
                  <c:v>98.539087010168885</c:v>
                </c:pt>
                <c:pt idx="1608">
                  <c:v>98.534102472795198</c:v>
                </c:pt>
                <c:pt idx="1609">
                  <c:v>98.529139056342601</c:v>
                </c:pt>
                <c:pt idx="1610">
                  <c:v>98.524872630285458</c:v>
                </c:pt>
                <c:pt idx="1611">
                  <c:v>98.519888092911785</c:v>
                </c:pt>
                <c:pt idx="1612">
                  <c:v>98.514903555538098</c:v>
                </c:pt>
                <c:pt idx="1613">
                  <c:v>98.509940139085501</c:v>
                </c:pt>
                <c:pt idx="1614">
                  <c:v>98.505652592107296</c:v>
                </c:pt>
                <c:pt idx="1615">
                  <c:v>98.500689175654685</c:v>
                </c:pt>
                <c:pt idx="1616">
                  <c:v>98.495704638280998</c:v>
                </c:pt>
                <c:pt idx="1617">
                  <c:v>98.490720100907311</c:v>
                </c:pt>
                <c:pt idx="1618">
                  <c:v>98.486453674850196</c:v>
                </c:pt>
                <c:pt idx="1619">
                  <c:v>98.481490258397571</c:v>
                </c:pt>
                <c:pt idx="1620">
                  <c:v>98.477202711419366</c:v>
                </c:pt>
                <c:pt idx="1621">
                  <c:v>98.472239294966769</c:v>
                </c:pt>
                <c:pt idx="1622">
                  <c:v>98.467254757593082</c:v>
                </c:pt>
                <c:pt idx="1623">
                  <c:v>98.462988331535939</c:v>
                </c:pt>
                <c:pt idx="1624">
                  <c:v>98.458003794162266</c:v>
                </c:pt>
                <c:pt idx="1625">
                  <c:v>98.453737368105124</c:v>
                </c:pt>
                <c:pt idx="1626">
                  <c:v>98.448752830731451</c:v>
                </c:pt>
                <c:pt idx="1627">
                  <c:v>98.444486404674308</c:v>
                </c:pt>
                <c:pt idx="1628">
                  <c:v>98.440219978617179</c:v>
                </c:pt>
                <c:pt idx="1629">
                  <c:v>98.435256562164568</c:v>
                </c:pt>
                <c:pt idx="1630">
                  <c:v>98.430272024790895</c:v>
                </c:pt>
                <c:pt idx="1631">
                  <c:v>98.426005598733752</c:v>
                </c:pt>
                <c:pt idx="1632">
                  <c:v>98.421021061360065</c:v>
                </c:pt>
                <c:pt idx="1633">
                  <c:v>98.416754635302937</c:v>
                </c:pt>
                <c:pt idx="1634">
                  <c:v>98.411770097929249</c:v>
                </c:pt>
                <c:pt idx="1635">
                  <c:v>98.407503671872121</c:v>
                </c:pt>
                <c:pt idx="1636">
                  <c:v>98.402540255419524</c:v>
                </c:pt>
                <c:pt idx="1637">
                  <c:v>98.398273829362381</c:v>
                </c:pt>
                <c:pt idx="1638">
                  <c:v>98.393289291988708</c:v>
                </c:pt>
                <c:pt idx="1639">
                  <c:v>98.38902286593158</c:v>
                </c:pt>
                <c:pt idx="1640">
                  <c:v>98.384038328557892</c:v>
                </c:pt>
                <c:pt idx="1641">
                  <c:v>98.379771902500764</c:v>
                </c:pt>
                <c:pt idx="1642">
                  <c:v>98.375505476443621</c:v>
                </c:pt>
                <c:pt idx="1643">
                  <c:v>98.370520939069962</c:v>
                </c:pt>
                <c:pt idx="1644">
                  <c:v>98.366254513012791</c:v>
                </c:pt>
                <c:pt idx="1645">
                  <c:v>98.361269975639118</c:v>
                </c:pt>
                <c:pt idx="1646">
                  <c:v>98.356306559186507</c:v>
                </c:pt>
                <c:pt idx="1647">
                  <c:v>98.352040133129378</c:v>
                </c:pt>
                <c:pt idx="1648">
                  <c:v>98.347055595755705</c:v>
                </c:pt>
                <c:pt idx="1649">
                  <c:v>98.342071058382032</c:v>
                </c:pt>
                <c:pt idx="1650">
                  <c:v>98.337086521008359</c:v>
                </c:pt>
                <c:pt idx="1651">
                  <c:v>98.332820094951217</c:v>
                </c:pt>
                <c:pt idx="1652">
                  <c:v>98.327856678498591</c:v>
                </c:pt>
                <c:pt idx="1653">
                  <c:v>98.322872141124947</c:v>
                </c:pt>
                <c:pt idx="1654">
                  <c:v>98.317887603751245</c:v>
                </c:pt>
                <c:pt idx="1655">
                  <c:v>98.312903066377572</c:v>
                </c:pt>
                <c:pt idx="1656">
                  <c:v>98.307939649924961</c:v>
                </c:pt>
                <c:pt idx="1657">
                  <c:v>98.303673223867833</c:v>
                </c:pt>
                <c:pt idx="1658">
                  <c:v>98.298688686494145</c:v>
                </c:pt>
                <c:pt idx="1659">
                  <c:v>98.294422260437003</c:v>
                </c:pt>
                <c:pt idx="1660">
                  <c:v>98.28943772306333</c:v>
                </c:pt>
                <c:pt idx="1661">
                  <c:v>98.285171297006187</c:v>
                </c:pt>
                <c:pt idx="1662">
                  <c:v>98.280186759632514</c:v>
                </c:pt>
                <c:pt idx="1663">
                  <c:v>98.275920333575385</c:v>
                </c:pt>
                <c:pt idx="1664">
                  <c:v>98.27095691712276</c:v>
                </c:pt>
                <c:pt idx="1665">
                  <c:v>98.265972379749101</c:v>
                </c:pt>
                <c:pt idx="1666">
                  <c:v>98.260987842375428</c:v>
                </c:pt>
                <c:pt idx="1667">
                  <c:v>98.255306314606244</c:v>
                </c:pt>
                <c:pt idx="1668">
                  <c:v>98.250321777232571</c:v>
                </c:pt>
                <c:pt idx="1669">
                  <c:v>98.245337239858884</c:v>
                </c:pt>
                <c:pt idx="1670">
                  <c:v>98.240373823406287</c:v>
                </c:pt>
                <c:pt idx="1671">
                  <c:v>98.235389286032614</c:v>
                </c:pt>
                <c:pt idx="1672">
                  <c:v>98.230404748658941</c:v>
                </c:pt>
                <c:pt idx="1673">
                  <c:v>98.224723220889771</c:v>
                </c:pt>
                <c:pt idx="1674">
                  <c:v>98.219738683516098</c:v>
                </c:pt>
                <c:pt idx="1675">
                  <c:v>98.214754146142411</c:v>
                </c:pt>
                <c:pt idx="1676">
                  <c:v>98.2097907296898</c:v>
                </c:pt>
                <c:pt idx="1677">
                  <c:v>98.204806192316113</c:v>
                </c:pt>
                <c:pt idx="1678">
                  <c:v>98.200539766258984</c:v>
                </c:pt>
                <c:pt idx="1679">
                  <c:v>98.195555228885297</c:v>
                </c:pt>
                <c:pt idx="1680">
                  <c:v>98.190570691511624</c:v>
                </c:pt>
                <c:pt idx="1681">
                  <c:v>98.185607275058999</c:v>
                </c:pt>
                <c:pt idx="1682">
                  <c:v>98.18062273768534</c:v>
                </c:pt>
                <c:pt idx="1683">
                  <c:v>98.175638200311667</c:v>
                </c:pt>
                <c:pt idx="1684">
                  <c:v>98.17065366293798</c:v>
                </c:pt>
                <c:pt idx="1685">
                  <c:v>98.165690246485383</c:v>
                </c:pt>
                <c:pt idx="1686">
                  <c:v>98.159987597795151</c:v>
                </c:pt>
                <c:pt idx="1687">
                  <c:v>98.15502418134254</c:v>
                </c:pt>
                <c:pt idx="1688">
                  <c:v>98.150039643968853</c:v>
                </c:pt>
                <c:pt idx="1689">
                  <c:v>98.145055106595194</c:v>
                </c:pt>
                <c:pt idx="1690">
                  <c:v>98.140788680538023</c:v>
                </c:pt>
                <c:pt idx="1691">
                  <c:v>98.13580414316435</c:v>
                </c:pt>
                <c:pt idx="1692">
                  <c:v>98.131537717107221</c:v>
                </c:pt>
                <c:pt idx="1693">
                  <c:v>98.127271291050093</c:v>
                </c:pt>
                <c:pt idx="1694">
                  <c:v>98.122307874597482</c:v>
                </c:pt>
                <c:pt idx="1695">
                  <c:v>98.118020327619277</c:v>
                </c:pt>
                <c:pt idx="1696">
                  <c:v>98.113056911166666</c:v>
                </c:pt>
                <c:pt idx="1697">
                  <c:v>98.108072373792993</c:v>
                </c:pt>
                <c:pt idx="1698">
                  <c:v>98.103087836419306</c:v>
                </c:pt>
                <c:pt idx="1699">
                  <c:v>98.098124419966709</c:v>
                </c:pt>
                <c:pt idx="1700">
                  <c:v>98.093139882593022</c:v>
                </c:pt>
                <c:pt idx="1701">
                  <c:v>98.088873456535879</c:v>
                </c:pt>
                <c:pt idx="1702">
                  <c:v>98.083888919162206</c:v>
                </c:pt>
                <c:pt idx="1703">
                  <c:v>98.079622493105077</c:v>
                </c:pt>
                <c:pt idx="1704">
                  <c:v>98.07463795573139</c:v>
                </c:pt>
                <c:pt idx="1705">
                  <c:v>98.069674539278779</c:v>
                </c:pt>
                <c:pt idx="1706">
                  <c:v>98.065386992300574</c:v>
                </c:pt>
                <c:pt idx="1707">
                  <c:v>98.060423575847963</c:v>
                </c:pt>
                <c:pt idx="1708">
                  <c:v>98.05543903847429</c:v>
                </c:pt>
                <c:pt idx="1709">
                  <c:v>98.050454501100617</c:v>
                </c:pt>
                <c:pt idx="1710">
                  <c:v>98.045491084647992</c:v>
                </c:pt>
                <c:pt idx="1711">
                  <c:v>98.040506547274333</c:v>
                </c:pt>
                <c:pt idx="1712">
                  <c:v>98.03552200990066</c:v>
                </c:pt>
                <c:pt idx="1713">
                  <c:v>98.030537472526973</c:v>
                </c:pt>
                <c:pt idx="1714">
                  <c:v>98.025574056074376</c:v>
                </c:pt>
                <c:pt idx="1715">
                  <c:v>98.020589518700675</c:v>
                </c:pt>
                <c:pt idx="1716">
                  <c:v>98.015604981326987</c:v>
                </c:pt>
                <c:pt idx="1717">
                  <c:v>98.0106204439533</c:v>
                </c:pt>
                <c:pt idx="1718">
                  <c:v>98.005657027500689</c:v>
                </c:pt>
                <c:pt idx="1719">
                  <c:v>98.000672490127016</c:v>
                </c:pt>
                <c:pt idx="1720">
                  <c:v>97.995687952753343</c:v>
                </c:pt>
                <c:pt idx="1721">
                  <c:v>97.991421526696215</c:v>
                </c:pt>
                <c:pt idx="1722">
                  <c:v>97.987155100639072</c:v>
                </c:pt>
                <c:pt idx="1723">
                  <c:v>97.982170563265385</c:v>
                </c:pt>
                <c:pt idx="1724">
                  <c:v>97.97790413720827</c:v>
                </c:pt>
                <c:pt idx="1725">
                  <c:v>97.972940720755659</c:v>
                </c:pt>
                <c:pt idx="1726">
                  <c:v>97.968674294698531</c:v>
                </c:pt>
                <c:pt idx="1727">
                  <c:v>97.963689757324843</c:v>
                </c:pt>
                <c:pt idx="1728">
                  <c:v>97.958705219951156</c:v>
                </c:pt>
                <c:pt idx="1729">
                  <c:v>97.953720682577455</c:v>
                </c:pt>
                <c:pt idx="1730">
                  <c:v>97.948757266124858</c:v>
                </c:pt>
                <c:pt idx="1731">
                  <c:v>97.943772728751185</c:v>
                </c:pt>
                <c:pt idx="1732">
                  <c:v>97.938788191377512</c:v>
                </c:pt>
                <c:pt idx="1733">
                  <c:v>97.933824774924886</c:v>
                </c:pt>
                <c:pt idx="1734">
                  <c:v>97.928840237551242</c:v>
                </c:pt>
                <c:pt idx="1735">
                  <c:v>97.924573811494085</c:v>
                </c:pt>
                <c:pt idx="1736">
                  <c:v>97.919589274120426</c:v>
                </c:pt>
                <c:pt idx="1737">
                  <c:v>97.915322848063269</c:v>
                </c:pt>
                <c:pt idx="1738">
                  <c:v>97.910338310689596</c:v>
                </c:pt>
                <c:pt idx="1739">
                  <c:v>97.906071884632453</c:v>
                </c:pt>
                <c:pt idx="1740">
                  <c:v>97.901087347258766</c:v>
                </c:pt>
                <c:pt idx="1741">
                  <c:v>97.896820921201638</c:v>
                </c:pt>
                <c:pt idx="1742">
                  <c:v>97.891857504749026</c:v>
                </c:pt>
                <c:pt idx="1743">
                  <c:v>97.887591078691898</c:v>
                </c:pt>
                <c:pt idx="1744">
                  <c:v>97.882606541318239</c:v>
                </c:pt>
                <c:pt idx="1745">
                  <c:v>97.877622003944538</c:v>
                </c:pt>
                <c:pt idx="1746">
                  <c:v>97.872637466570851</c:v>
                </c:pt>
                <c:pt idx="1747">
                  <c:v>97.868371040513722</c:v>
                </c:pt>
                <c:pt idx="1748">
                  <c:v>97.863407624061111</c:v>
                </c:pt>
                <c:pt idx="1749">
                  <c:v>97.858423086687424</c:v>
                </c:pt>
                <c:pt idx="1750">
                  <c:v>97.853438549313751</c:v>
                </c:pt>
                <c:pt idx="1751">
                  <c:v>97.849172123256622</c:v>
                </c:pt>
                <c:pt idx="1752">
                  <c:v>97.844187585882935</c:v>
                </c:pt>
                <c:pt idx="1753">
                  <c:v>97.83992115982582</c:v>
                </c:pt>
                <c:pt idx="1754">
                  <c:v>97.834957743373195</c:v>
                </c:pt>
                <c:pt idx="1755">
                  <c:v>97.830691317316067</c:v>
                </c:pt>
                <c:pt idx="1756">
                  <c:v>97.825706779942408</c:v>
                </c:pt>
                <c:pt idx="1757">
                  <c:v>97.821440353885265</c:v>
                </c:pt>
                <c:pt idx="1758">
                  <c:v>97.817173927828136</c:v>
                </c:pt>
                <c:pt idx="1759">
                  <c:v>97.812907501770979</c:v>
                </c:pt>
                <c:pt idx="1760">
                  <c:v>97.808641075713851</c:v>
                </c:pt>
                <c:pt idx="1761">
                  <c:v>97.804374649656722</c:v>
                </c:pt>
                <c:pt idx="1762">
                  <c:v>97.799390112283049</c:v>
                </c:pt>
                <c:pt idx="1763">
                  <c:v>97.795123686225921</c:v>
                </c:pt>
                <c:pt idx="1764">
                  <c:v>97.790857260168778</c:v>
                </c:pt>
                <c:pt idx="1765">
                  <c:v>97.786590834111635</c:v>
                </c:pt>
                <c:pt idx="1766">
                  <c:v>97.782324408054507</c:v>
                </c:pt>
                <c:pt idx="1767">
                  <c:v>97.778057981997364</c:v>
                </c:pt>
                <c:pt idx="1768">
                  <c:v>97.773791555940221</c:v>
                </c:pt>
                <c:pt idx="1769">
                  <c:v>97.769525129883107</c:v>
                </c:pt>
                <c:pt idx="1770">
                  <c:v>97.765258703825964</c:v>
                </c:pt>
                <c:pt idx="1771">
                  <c:v>97.760274166452291</c:v>
                </c:pt>
                <c:pt idx="1772">
                  <c:v>97.756007740395162</c:v>
                </c:pt>
                <c:pt idx="1773">
                  <c:v>97.751023203021489</c:v>
                </c:pt>
                <c:pt idx="1774">
                  <c:v>97.746756776964332</c:v>
                </c:pt>
                <c:pt idx="1775">
                  <c:v>97.742490350907204</c:v>
                </c:pt>
                <c:pt idx="1776">
                  <c:v>97.738223924850075</c:v>
                </c:pt>
                <c:pt idx="1777">
                  <c:v>97.733239387476388</c:v>
                </c:pt>
                <c:pt idx="1778">
                  <c:v>97.728972961419259</c:v>
                </c:pt>
                <c:pt idx="1779">
                  <c:v>97.724706535362145</c:v>
                </c:pt>
                <c:pt idx="1780">
                  <c:v>97.720440109304974</c:v>
                </c:pt>
                <c:pt idx="1781">
                  <c:v>97.71617368324786</c:v>
                </c:pt>
                <c:pt idx="1782">
                  <c:v>97.711907257190717</c:v>
                </c:pt>
                <c:pt idx="1783">
                  <c:v>97.706922719817044</c:v>
                </c:pt>
                <c:pt idx="1784">
                  <c:v>97.702656293759915</c:v>
                </c:pt>
                <c:pt idx="1785">
                  <c:v>97.698389867702787</c:v>
                </c:pt>
                <c:pt idx="1786">
                  <c:v>97.693405330329114</c:v>
                </c:pt>
                <c:pt idx="1787">
                  <c:v>97.689138904271971</c:v>
                </c:pt>
                <c:pt idx="1788">
                  <c:v>97.684872478214828</c:v>
                </c:pt>
                <c:pt idx="1789">
                  <c:v>97.680606052157685</c:v>
                </c:pt>
                <c:pt idx="1790">
                  <c:v>97.675621514783998</c:v>
                </c:pt>
                <c:pt idx="1791">
                  <c:v>97.67135508872687</c:v>
                </c:pt>
                <c:pt idx="1792">
                  <c:v>97.666391672274273</c:v>
                </c:pt>
                <c:pt idx="1793">
                  <c:v>97.66212524621713</c:v>
                </c:pt>
                <c:pt idx="1794">
                  <c:v>97.657140708843457</c:v>
                </c:pt>
                <c:pt idx="1795">
                  <c:v>97.652156171469784</c:v>
                </c:pt>
                <c:pt idx="1796">
                  <c:v>97.647889745412641</c:v>
                </c:pt>
                <c:pt idx="1797">
                  <c:v>97.643623319355513</c:v>
                </c:pt>
                <c:pt idx="1798">
                  <c:v>97.639356893298384</c:v>
                </c:pt>
                <c:pt idx="1799">
                  <c:v>97.634372355924697</c:v>
                </c:pt>
                <c:pt idx="1800">
                  <c:v>97.630105929867568</c:v>
                </c:pt>
                <c:pt idx="1801">
                  <c:v>97.625839503810425</c:v>
                </c:pt>
                <c:pt idx="1802">
                  <c:v>97.622291189069841</c:v>
                </c:pt>
                <c:pt idx="1803">
                  <c:v>97.618024763012713</c:v>
                </c:pt>
                <c:pt idx="1804">
                  <c:v>97.613758336955556</c:v>
                </c:pt>
                <c:pt idx="1805">
                  <c:v>97.609491910898427</c:v>
                </c:pt>
                <c:pt idx="1806">
                  <c:v>97.605225484841299</c:v>
                </c:pt>
                <c:pt idx="1807">
                  <c:v>97.600240947467626</c:v>
                </c:pt>
                <c:pt idx="1808">
                  <c:v>97.595974521410483</c:v>
                </c:pt>
                <c:pt idx="1809">
                  <c:v>97.591708095353354</c:v>
                </c:pt>
                <c:pt idx="1810">
                  <c:v>97.587441669296211</c:v>
                </c:pt>
                <c:pt idx="1811">
                  <c:v>97.583175243239083</c:v>
                </c:pt>
                <c:pt idx="1812">
                  <c:v>97.578908817181954</c:v>
                </c:pt>
                <c:pt idx="1813">
                  <c:v>97.574642391124826</c:v>
                </c:pt>
                <c:pt idx="1814">
                  <c:v>97.570354844146607</c:v>
                </c:pt>
                <c:pt idx="1815">
                  <c:v>97.566088418089493</c:v>
                </c:pt>
                <c:pt idx="1816">
                  <c:v>97.561821992032321</c:v>
                </c:pt>
                <c:pt idx="1817">
                  <c:v>97.557555565975221</c:v>
                </c:pt>
                <c:pt idx="1818">
                  <c:v>97.553289139918078</c:v>
                </c:pt>
                <c:pt idx="1819">
                  <c:v>97.54902271386095</c:v>
                </c:pt>
                <c:pt idx="1820">
                  <c:v>97.544756287803807</c:v>
                </c:pt>
                <c:pt idx="1821">
                  <c:v>97.540489861746678</c:v>
                </c:pt>
                <c:pt idx="1822">
                  <c:v>97.535505324372991</c:v>
                </c:pt>
                <c:pt idx="1823">
                  <c:v>97.531238898315848</c:v>
                </c:pt>
                <c:pt idx="1824">
                  <c:v>97.526972472258734</c:v>
                </c:pt>
                <c:pt idx="1825">
                  <c:v>97.522009055806123</c:v>
                </c:pt>
                <c:pt idx="1826">
                  <c:v>97.517742629749009</c:v>
                </c:pt>
                <c:pt idx="1827">
                  <c:v>97.512758092375307</c:v>
                </c:pt>
                <c:pt idx="1828">
                  <c:v>97.508491666318179</c:v>
                </c:pt>
                <c:pt idx="1829">
                  <c:v>97.504225240261036</c:v>
                </c:pt>
                <c:pt idx="1830">
                  <c:v>97.499240702887363</c:v>
                </c:pt>
                <c:pt idx="1831">
                  <c:v>97.494974276830206</c:v>
                </c:pt>
                <c:pt idx="1832">
                  <c:v>97.490707850773077</c:v>
                </c:pt>
                <c:pt idx="1833">
                  <c:v>97.485723313399404</c:v>
                </c:pt>
                <c:pt idx="1834">
                  <c:v>97.481456887342262</c:v>
                </c:pt>
                <c:pt idx="1835">
                  <c:v>97.476472349968589</c:v>
                </c:pt>
                <c:pt idx="1836">
                  <c:v>97.47220592391146</c:v>
                </c:pt>
                <c:pt idx="1837">
                  <c:v>97.467242507458849</c:v>
                </c:pt>
                <c:pt idx="1838">
                  <c:v>97.46297608140172</c:v>
                </c:pt>
                <c:pt idx="1839">
                  <c:v>97.457991544028047</c:v>
                </c:pt>
                <c:pt idx="1840">
                  <c:v>97.453725117970919</c:v>
                </c:pt>
                <c:pt idx="1841">
                  <c:v>97.449458691913776</c:v>
                </c:pt>
                <c:pt idx="1842">
                  <c:v>97.445192265856633</c:v>
                </c:pt>
                <c:pt idx="1843">
                  <c:v>97.44092583979949</c:v>
                </c:pt>
                <c:pt idx="1844">
                  <c:v>97.436659413742362</c:v>
                </c:pt>
                <c:pt idx="1845">
                  <c:v>97.431674876368689</c:v>
                </c:pt>
                <c:pt idx="1846">
                  <c:v>97.42740845031156</c:v>
                </c:pt>
                <c:pt idx="1847">
                  <c:v>97.423142024254417</c:v>
                </c:pt>
                <c:pt idx="1848">
                  <c:v>97.418875598197289</c:v>
                </c:pt>
                <c:pt idx="1849">
                  <c:v>97.41460917214016</c:v>
                </c:pt>
                <c:pt idx="1850">
                  <c:v>97.410342746083018</c:v>
                </c:pt>
                <c:pt idx="1851">
                  <c:v>97.406076320025889</c:v>
                </c:pt>
                <c:pt idx="1852">
                  <c:v>97.401091782652216</c:v>
                </c:pt>
                <c:pt idx="1853">
                  <c:v>97.396107245278515</c:v>
                </c:pt>
                <c:pt idx="1854">
                  <c:v>97.391840819221386</c:v>
                </c:pt>
                <c:pt idx="1855">
                  <c:v>97.386856281847713</c:v>
                </c:pt>
                <c:pt idx="1856">
                  <c:v>97.381892865395088</c:v>
                </c:pt>
                <c:pt idx="1857">
                  <c:v>97.376908328021415</c:v>
                </c:pt>
                <c:pt idx="1858">
                  <c:v>97.372641901964286</c:v>
                </c:pt>
                <c:pt idx="1859">
                  <c:v>97.367657364590599</c:v>
                </c:pt>
                <c:pt idx="1860">
                  <c:v>97.362672827216926</c:v>
                </c:pt>
                <c:pt idx="1861">
                  <c:v>97.357709410764315</c:v>
                </c:pt>
                <c:pt idx="1862">
                  <c:v>97.352724873390628</c:v>
                </c:pt>
                <c:pt idx="1863">
                  <c:v>97.348458447333513</c:v>
                </c:pt>
                <c:pt idx="1864">
                  <c:v>97.343473909959826</c:v>
                </c:pt>
                <c:pt idx="1865">
                  <c:v>97.338489372586139</c:v>
                </c:pt>
                <c:pt idx="1866">
                  <c:v>97.332807844816998</c:v>
                </c:pt>
                <c:pt idx="1867">
                  <c:v>97.32782330744331</c:v>
                </c:pt>
                <c:pt idx="1868">
                  <c:v>97.322141779674155</c:v>
                </c:pt>
                <c:pt idx="1869">
                  <c:v>97.317157242300468</c:v>
                </c:pt>
                <c:pt idx="1870">
                  <c:v>97.311475714531326</c:v>
                </c:pt>
                <c:pt idx="1871">
                  <c:v>97.306491177157653</c:v>
                </c:pt>
                <c:pt idx="1872">
                  <c:v>97.30150663978398</c:v>
                </c:pt>
                <c:pt idx="1873">
                  <c:v>97.295825112014796</c:v>
                </c:pt>
                <c:pt idx="1874">
                  <c:v>97.290840574641123</c:v>
                </c:pt>
                <c:pt idx="1875">
                  <c:v>97.285856037267465</c:v>
                </c:pt>
                <c:pt idx="1876">
                  <c:v>97.280892620814839</c:v>
                </c:pt>
                <c:pt idx="1877">
                  <c:v>97.275189972124608</c:v>
                </c:pt>
                <c:pt idx="1878">
                  <c:v>97.270226555671996</c:v>
                </c:pt>
                <c:pt idx="1879">
                  <c:v>97.265242018298324</c:v>
                </c:pt>
                <c:pt idx="1880">
                  <c:v>97.259539369608106</c:v>
                </c:pt>
                <c:pt idx="1881">
                  <c:v>97.253857841838936</c:v>
                </c:pt>
                <c:pt idx="1882">
                  <c:v>97.248176314069795</c:v>
                </c:pt>
                <c:pt idx="1883">
                  <c:v>97.243191776696094</c:v>
                </c:pt>
                <c:pt idx="1884">
                  <c:v>97.237489128005876</c:v>
                </c:pt>
                <c:pt idx="1885">
                  <c:v>97.231807600236721</c:v>
                </c:pt>
                <c:pt idx="1886">
                  <c:v>97.226126072467579</c:v>
                </c:pt>
                <c:pt idx="1887">
                  <c:v>97.220423423777348</c:v>
                </c:pt>
                <c:pt idx="1888">
                  <c:v>97.214741896008178</c:v>
                </c:pt>
                <c:pt idx="1889">
                  <c:v>97.209757358634505</c:v>
                </c:pt>
                <c:pt idx="1890">
                  <c:v>97.204075830865349</c:v>
                </c:pt>
                <c:pt idx="1891">
                  <c:v>97.198373182175118</c:v>
                </c:pt>
                <c:pt idx="1892">
                  <c:v>97.192691654405976</c:v>
                </c:pt>
                <c:pt idx="1893">
                  <c:v>97.187010126636821</c:v>
                </c:pt>
                <c:pt idx="1894">
                  <c:v>97.181307477946604</c:v>
                </c:pt>
                <c:pt idx="1895">
                  <c:v>97.175625950177448</c:v>
                </c:pt>
                <c:pt idx="1896">
                  <c:v>97.169923301487188</c:v>
                </c:pt>
                <c:pt idx="1897">
                  <c:v>97.164241773718047</c:v>
                </c:pt>
                <c:pt idx="1898">
                  <c:v>97.157842134632347</c:v>
                </c:pt>
                <c:pt idx="1899">
                  <c:v>97.152139485942129</c:v>
                </c:pt>
                <c:pt idx="1900">
                  <c:v>97.145739846856443</c:v>
                </c:pt>
                <c:pt idx="1901">
                  <c:v>97.139340207770715</c:v>
                </c:pt>
                <c:pt idx="1902">
                  <c:v>97.132940568685029</c:v>
                </c:pt>
                <c:pt idx="1903">
                  <c:v>97.126540929599329</c:v>
                </c:pt>
                <c:pt idx="1904">
                  <c:v>97.119423179197085</c:v>
                </c:pt>
                <c:pt idx="1905">
                  <c:v>97.113023540111371</c:v>
                </c:pt>
                <c:pt idx="1906">
                  <c:v>97.106623901025685</c:v>
                </c:pt>
                <c:pt idx="1907">
                  <c:v>97.100942373256501</c:v>
                </c:pt>
                <c:pt idx="1908">
                  <c:v>97.094542734170815</c:v>
                </c:pt>
                <c:pt idx="1909">
                  <c:v>97.088840085480598</c:v>
                </c:pt>
                <c:pt idx="1910">
                  <c:v>97.082440446394884</c:v>
                </c:pt>
                <c:pt idx="1911">
                  <c:v>97.075343816913716</c:v>
                </c:pt>
                <c:pt idx="1912">
                  <c:v>97.068923056906939</c:v>
                </c:pt>
                <c:pt idx="1913">
                  <c:v>97.062523417821239</c:v>
                </c:pt>
                <c:pt idx="1914">
                  <c:v>97.055426788340085</c:v>
                </c:pt>
                <c:pt idx="1915">
                  <c:v>97.049027149254357</c:v>
                </c:pt>
                <c:pt idx="1916">
                  <c:v>97.041909398852113</c:v>
                </c:pt>
                <c:pt idx="1917">
                  <c:v>97.034791648449868</c:v>
                </c:pt>
                <c:pt idx="1918">
                  <c:v>97.02767389804761</c:v>
                </c:pt>
                <c:pt idx="1919">
                  <c:v>97.020577268566456</c:v>
                </c:pt>
                <c:pt idx="1920">
                  <c:v>97.012741406847653</c:v>
                </c:pt>
                <c:pt idx="1921">
                  <c:v>97.005623656445422</c:v>
                </c:pt>
                <c:pt idx="1922">
                  <c:v>96.99852702696424</c:v>
                </c:pt>
                <c:pt idx="1923">
                  <c:v>96.990691165245451</c:v>
                </c:pt>
                <c:pt idx="1924">
                  <c:v>96.983573414843192</c:v>
                </c:pt>
                <c:pt idx="1925">
                  <c:v>96.975758674045466</c:v>
                </c:pt>
                <c:pt idx="1926">
                  <c:v>96.968640923643207</c:v>
                </c:pt>
                <c:pt idx="1927">
                  <c:v>96.960826182845494</c:v>
                </c:pt>
                <c:pt idx="1928">
                  <c:v>96.952990321126705</c:v>
                </c:pt>
                <c:pt idx="1929">
                  <c:v>96.945893691645551</c:v>
                </c:pt>
                <c:pt idx="1930">
                  <c:v>96.938775941243293</c:v>
                </c:pt>
                <c:pt idx="1931">
                  <c:v>96.93094007952449</c:v>
                </c:pt>
                <c:pt idx="1932">
                  <c:v>96.922407227410218</c:v>
                </c:pt>
                <c:pt idx="1933">
                  <c:v>96.913874375295933</c:v>
                </c:pt>
                <c:pt idx="1934">
                  <c:v>96.90534152318169</c:v>
                </c:pt>
                <c:pt idx="1935">
                  <c:v>96.896808671067419</c:v>
                </c:pt>
                <c:pt idx="1936">
                  <c:v>96.888275818953147</c:v>
                </c:pt>
                <c:pt idx="1937">
                  <c:v>96.879024855522346</c:v>
                </c:pt>
                <c:pt idx="1938">
                  <c:v>96.86977389209153</c:v>
                </c:pt>
                <c:pt idx="1939">
                  <c:v>96.86054404958179</c:v>
                </c:pt>
                <c:pt idx="1940">
                  <c:v>96.851293086150974</c:v>
                </c:pt>
                <c:pt idx="1941">
                  <c:v>96.842042122720144</c:v>
                </c:pt>
                <c:pt idx="1942">
                  <c:v>96.832791159289329</c:v>
                </c:pt>
                <c:pt idx="1943">
                  <c:v>96.823540195858527</c:v>
                </c:pt>
                <c:pt idx="1944">
                  <c:v>96.814310353348787</c:v>
                </c:pt>
                <c:pt idx="1945">
                  <c:v>96.804341278601413</c:v>
                </c:pt>
                <c:pt idx="1946">
                  <c:v>96.795090315170597</c:v>
                </c:pt>
                <c:pt idx="1947">
                  <c:v>96.785142361344327</c:v>
                </c:pt>
                <c:pt idx="1948">
                  <c:v>96.775194407518057</c:v>
                </c:pt>
                <c:pt idx="1949">
                  <c:v>96.765943444087227</c:v>
                </c:pt>
                <c:pt idx="1950">
                  <c:v>96.755974369339853</c:v>
                </c:pt>
                <c:pt idx="1951">
                  <c:v>96.746026415513569</c:v>
                </c:pt>
                <c:pt idx="1952">
                  <c:v>96.736057340766195</c:v>
                </c:pt>
                <c:pt idx="1953">
                  <c:v>96.726109386939925</c:v>
                </c:pt>
                <c:pt idx="1954">
                  <c:v>96.715443321797096</c:v>
                </c:pt>
                <c:pt idx="1955">
                  <c:v>96.704777256654239</c:v>
                </c:pt>
                <c:pt idx="1956">
                  <c:v>96.694111191511425</c:v>
                </c:pt>
                <c:pt idx="1957">
                  <c:v>96.683424005447506</c:v>
                </c:pt>
                <c:pt idx="1958">
                  <c:v>96.672757940304663</c:v>
                </c:pt>
                <c:pt idx="1959">
                  <c:v>96.661373763845305</c:v>
                </c:pt>
                <c:pt idx="1960">
                  <c:v>96.650707698702448</c:v>
                </c:pt>
                <c:pt idx="1961">
                  <c:v>96.639344643164151</c:v>
                </c:pt>
                <c:pt idx="1962">
                  <c:v>96.627960466704778</c:v>
                </c:pt>
                <c:pt idx="1963">
                  <c:v>96.616576290245391</c:v>
                </c:pt>
                <c:pt idx="1964">
                  <c:v>96.605192113786003</c:v>
                </c:pt>
                <c:pt idx="1965">
                  <c:v>96.593807937326631</c:v>
                </c:pt>
                <c:pt idx="1966">
                  <c:v>96.582444881788319</c:v>
                </c:pt>
                <c:pt idx="1967">
                  <c:v>96.570342594012388</c:v>
                </c:pt>
                <c:pt idx="1968">
                  <c:v>96.558958417553001</c:v>
                </c:pt>
                <c:pt idx="1969">
                  <c:v>96.546159139381601</c:v>
                </c:pt>
                <c:pt idx="1970">
                  <c:v>96.534077972526759</c:v>
                </c:pt>
                <c:pt idx="1971">
                  <c:v>96.521257573434283</c:v>
                </c:pt>
                <c:pt idx="1972">
                  <c:v>96.508458295262869</c:v>
                </c:pt>
                <c:pt idx="1973">
                  <c:v>96.494940905774925</c:v>
                </c:pt>
                <c:pt idx="1974">
                  <c:v>96.480726525891512</c:v>
                </c:pt>
                <c:pt idx="1975">
                  <c:v>96.466491025087024</c:v>
                </c:pt>
                <c:pt idx="1976">
                  <c:v>96.451558533887024</c:v>
                </c:pt>
                <c:pt idx="1977">
                  <c:v>96.437344154003625</c:v>
                </c:pt>
                <c:pt idx="1978">
                  <c:v>96.42241166280364</c:v>
                </c:pt>
                <c:pt idx="1979">
                  <c:v>96.408176161999137</c:v>
                </c:pt>
                <c:pt idx="1980">
                  <c:v>96.393243670799194</c:v>
                </c:pt>
                <c:pt idx="1981">
                  <c:v>96.378311179599223</c:v>
                </c:pt>
                <c:pt idx="1982">
                  <c:v>96.363378688399266</c:v>
                </c:pt>
                <c:pt idx="1983">
                  <c:v>96.348425076278204</c:v>
                </c:pt>
                <c:pt idx="1984">
                  <c:v>96.332795594682764</c:v>
                </c:pt>
                <c:pt idx="1985">
                  <c:v>96.317144992166263</c:v>
                </c:pt>
                <c:pt idx="1986">
                  <c:v>96.301494389649733</c:v>
                </c:pt>
                <c:pt idx="1987">
                  <c:v>96.285843787133217</c:v>
                </c:pt>
                <c:pt idx="1988">
                  <c:v>96.269475073300157</c:v>
                </c:pt>
                <c:pt idx="1989">
                  <c:v>96.253127480388173</c:v>
                </c:pt>
                <c:pt idx="1990">
                  <c:v>96.236758766555113</c:v>
                </c:pt>
                <c:pt idx="1991">
                  <c:v>96.219693062326556</c:v>
                </c:pt>
                <c:pt idx="1992">
                  <c:v>96.201909246781497</c:v>
                </c:pt>
                <c:pt idx="1993">
                  <c:v>96.18412543123641</c:v>
                </c:pt>
                <c:pt idx="1994">
                  <c:v>96.166362736612399</c:v>
                </c:pt>
                <c:pt idx="1995">
                  <c:v>96.148578921067312</c:v>
                </c:pt>
                <c:pt idx="1996">
                  <c:v>96.130076994205709</c:v>
                </c:pt>
                <c:pt idx="1997">
                  <c:v>96.112293178660607</c:v>
                </c:pt>
                <c:pt idx="1998">
                  <c:v>96.093812372720052</c:v>
                </c:pt>
                <c:pt idx="1999">
                  <c:v>96.075310445858435</c:v>
                </c:pt>
                <c:pt idx="2000">
                  <c:v>96.056111528601321</c:v>
                </c:pt>
                <c:pt idx="2001">
                  <c:v>96.037609601739689</c:v>
                </c:pt>
                <c:pt idx="2002">
                  <c:v>96.018410684482603</c:v>
                </c:pt>
                <c:pt idx="2003">
                  <c:v>95.998493655908931</c:v>
                </c:pt>
                <c:pt idx="2004">
                  <c:v>95.978576627335286</c:v>
                </c:pt>
                <c:pt idx="2005">
                  <c:v>95.958659598761656</c:v>
                </c:pt>
                <c:pt idx="2006">
                  <c:v>95.938045579792515</c:v>
                </c:pt>
                <c:pt idx="2007">
                  <c:v>95.918128551218857</c:v>
                </c:pt>
                <c:pt idx="2008">
                  <c:v>95.897493411328682</c:v>
                </c:pt>
                <c:pt idx="2009">
                  <c:v>95.876161281042982</c:v>
                </c:pt>
                <c:pt idx="2010">
                  <c:v>95.85482915075734</c:v>
                </c:pt>
                <c:pt idx="2011">
                  <c:v>95.833475899550606</c:v>
                </c:pt>
                <c:pt idx="2012">
                  <c:v>95.811446778869453</c:v>
                </c:pt>
                <c:pt idx="2013">
                  <c:v>95.788678425950678</c:v>
                </c:pt>
                <c:pt idx="2014">
                  <c:v>95.766628184348477</c:v>
                </c:pt>
                <c:pt idx="2015">
                  <c:v>95.743859831429702</c:v>
                </c:pt>
                <c:pt idx="2016">
                  <c:v>95.721112599432018</c:v>
                </c:pt>
                <c:pt idx="2017">
                  <c:v>95.69764725611779</c:v>
                </c:pt>
                <c:pt idx="2018">
                  <c:v>95.674160791882485</c:v>
                </c:pt>
                <c:pt idx="2019">
                  <c:v>95.650695448568229</c:v>
                </c:pt>
                <c:pt idx="2020">
                  <c:v>95.626511993937456</c:v>
                </c:pt>
                <c:pt idx="2021">
                  <c:v>95.60161042799011</c:v>
                </c:pt>
                <c:pt idx="2022">
                  <c:v>95.577426973359337</c:v>
                </c:pt>
                <c:pt idx="2023">
                  <c:v>95.552546528333096</c:v>
                </c:pt>
                <c:pt idx="2024">
                  <c:v>95.526926851069206</c:v>
                </c:pt>
                <c:pt idx="2025">
                  <c:v>95.502046406042965</c:v>
                </c:pt>
                <c:pt idx="2026">
                  <c:v>95.475729738383592</c:v>
                </c:pt>
                <c:pt idx="2027">
                  <c:v>95.449413070724248</c:v>
                </c:pt>
                <c:pt idx="2028">
                  <c:v>95.423096403064889</c:v>
                </c:pt>
                <c:pt idx="2029">
                  <c:v>95.396779735405545</c:v>
                </c:pt>
                <c:pt idx="2030">
                  <c:v>95.369047966034174</c:v>
                </c:pt>
                <c:pt idx="2031">
                  <c:v>95.342013187058299</c:v>
                </c:pt>
                <c:pt idx="2032">
                  <c:v>95.313563306370384</c:v>
                </c:pt>
                <c:pt idx="2033">
                  <c:v>95.285831536998998</c:v>
                </c:pt>
                <c:pt idx="2034">
                  <c:v>95.25666354499451</c:v>
                </c:pt>
                <c:pt idx="2035">
                  <c:v>95.228213664306608</c:v>
                </c:pt>
                <c:pt idx="2036">
                  <c:v>95.198327560985604</c:v>
                </c:pt>
                <c:pt idx="2037">
                  <c:v>95.167744467269117</c:v>
                </c:pt>
                <c:pt idx="2038">
                  <c:v>95.13716137355263</c:v>
                </c:pt>
                <c:pt idx="2039">
                  <c:v>95.107296391152701</c:v>
                </c:pt>
                <c:pt idx="2040">
                  <c:v>95.077431408752773</c:v>
                </c:pt>
                <c:pt idx="2041">
                  <c:v>95.047545305431754</c:v>
                </c:pt>
                <c:pt idx="2042">
                  <c:v>95.016962211715281</c:v>
                </c:pt>
                <c:pt idx="2043">
                  <c:v>94.98637911799878</c:v>
                </c:pt>
                <c:pt idx="2044">
                  <c:v>94.95509903388681</c:v>
                </c:pt>
                <c:pt idx="2045">
                  <c:v>94.923797828853793</c:v>
                </c:pt>
                <c:pt idx="2046">
                  <c:v>94.892496623820762</c:v>
                </c:pt>
                <c:pt idx="2047">
                  <c:v>94.859780317075732</c:v>
                </c:pt>
                <c:pt idx="2048">
                  <c:v>94.827064010330659</c:v>
                </c:pt>
                <c:pt idx="2049">
                  <c:v>94.794347703585615</c:v>
                </c:pt>
                <c:pt idx="2050">
                  <c:v>94.760913285524012</c:v>
                </c:pt>
                <c:pt idx="2051">
                  <c:v>94.728196978778954</c:v>
                </c:pt>
                <c:pt idx="2052">
                  <c:v>94.694065570321911</c:v>
                </c:pt>
                <c:pt idx="2053">
                  <c:v>94.660631152260294</c:v>
                </c:pt>
                <c:pt idx="2054">
                  <c:v>94.626499743803237</c:v>
                </c:pt>
                <c:pt idx="2055">
                  <c:v>94.591629103108531</c:v>
                </c:pt>
                <c:pt idx="2056">
                  <c:v>94.556779583334915</c:v>
                </c:pt>
                <c:pt idx="2057">
                  <c:v>94.521233073165817</c:v>
                </c:pt>
                <c:pt idx="2058">
                  <c:v>94.484947330759127</c:v>
                </c:pt>
                <c:pt idx="2059">
                  <c:v>94.449379699668953</c:v>
                </c:pt>
                <c:pt idx="2060">
                  <c:v>94.413115078183324</c:v>
                </c:pt>
                <c:pt idx="2061">
                  <c:v>94.376132345381123</c:v>
                </c:pt>
                <c:pt idx="2062">
                  <c:v>94.33914961257895</c:v>
                </c:pt>
                <c:pt idx="2063">
                  <c:v>94.301448768460233</c:v>
                </c:pt>
                <c:pt idx="2064">
                  <c:v>94.263747924341473</c:v>
                </c:pt>
                <c:pt idx="2065">
                  <c:v>94.22604708022277</c:v>
                </c:pt>
                <c:pt idx="2066">
                  <c:v>94.188367357025101</c:v>
                </c:pt>
                <c:pt idx="2067">
                  <c:v>94.14994840158981</c:v>
                </c:pt>
                <c:pt idx="2068">
                  <c:v>94.111550567075611</c:v>
                </c:pt>
                <c:pt idx="2069">
                  <c:v>94.073131611640335</c:v>
                </c:pt>
                <c:pt idx="2070">
                  <c:v>94.035430767521589</c:v>
                </c:pt>
                <c:pt idx="2071">
                  <c:v>93.997032933007389</c:v>
                </c:pt>
                <c:pt idx="2072">
                  <c:v>93.958613977572114</c:v>
                </c:pt>
                <c:pt idx="2073">
                  <c:v>93.919498031741369</c:v>
                </c:pt>
                <c:pt idx="2074">
                  <c:v>93.88110019722717</c:v>
                </c:pt>
                <c:pt idx="2075">
                  <c:v>93.841984251396411</c:v>
                </c:pt>
                <c:pt idx="2076">
                  <c:v>93.802150194249094</c:v>
                </c:pt>
                <c:pt idx="2077">
                  <c:v>93.763034248418364</c:v>
                </c:pt>
                <c:pt idx="2078">
                  <c:v>93.723200191271076</c:v>
                </c:pt>
                <c:pt idx="2079">
                  <c:v>93.681951032411746</c:v>
                </c:pt>
                <c:pt idx="2080">
                  <c:v>93.639983762235886</c:v>
                </c:pt>
                <c:pt idx="2081">
                  <c:v>93.598016492060012</c:v>
                </c:pt>
                <c:pt idx="2082">
                  <c:v>93.55676733320071</c:v>
                </c:pt>
                <c:pt idx="2083">
                  <c:v>93.514800063024822</c:v>
                </c:pt>
                <c:pt idx="2084">
                  <c:v>93.473550904165521</c:v>
                </c:pt>
                <c:pt idx="2085">
                  <c:v>93.431583633989646</c:v>
                </c:pt>
                <c:pt idx="2086">
                  <c:v>93.390334475130317</c:v>
                </c:pt>
                <c:pt idx="2087">
                  <c:v>93.349085316271001</c:v>
                </c:pt>
                <c:pt idx="2088">
                  <c:v>93.307118046095155</c:v>
                </c:pt>
                <c:pt idx="2089">
                  <c:v>93.265868887235825</c:v>
                </c:pt>
                <c:pt idx="2090">
                  <c:v>93.225316718771964</c:v>
                </c:pt>
                <c:pt idx="2091">
                  <c:v>93.184067559912663</c:v>
                </c:pt>
                <c:pt idx="2092">
                  <c:v>93.142818401053347</c:v>
                </c:pt>
                <c:pt idx="2093">
                  <c:v>93.102266232589486</c:v>
                </c:pt>
                <c:pt idx="2094">
                  <c:v>93.061017073730184</c:v>
                </c:pt>
                <c:pt idx="2095">
                  <c:v>93.019767914870869</c:v>
                </c:pt>
                <c:pt idx="2096">
                  <c:v>92.97780064469498</c:v>
                </c:pt>
                <c:pt idx="2097">
                  <c:v>92.936551485835679</c:v>
                </c:pt>
                <c:pt idx="2098">
                  <c:v>92.895302326976363</c:v>
                </c:pt>
                <c:pt idx="2099">
                  <c:v>92.853335056800489</c:v>
                </c:pt>
                <c:pt idx="2100">
                  <c:v>92.812085897941159</c:v>
                </c:pt>
                <c:pt idx="2101">
                  <c:v>92.770836739081858</c:v>
                </c:pt>
                <c:pt idx="2102">
                  <c:v>92.729587580222528</c:v>
                </c:pt>
                <c:pt idx="2103">
                  <c:v>92.688317300442151</c:v>
                </c:pt>
                <c:pt idx="2104">
                  <c:v>92.64778625289938</c:v>
                </c:pt>
                <c:pt idx="2105">
                  <c:v>92.607234084435547</c:v>
                </c:pt>
                <c:pt idx="2106">
                  <c:v>92.565287935180734</c:v>
                </c:pt>
                <c:pt idx="2107">
                  <c:v>92.52332066500486</c:v>
                </c:pt>
                <c:pt idx="2108">
                  <c:v>92.481353394829014</c:v>
                </c:pt>
                <c:pt idx="2109">
                  <c:v>92.439386124653169</c:v>
                </c:pt>
                <c:pt idx="2110">
                  <c:v>92.398136965793825</c:v>
                </c:pt>
                <c:pt idx="2111">
                  <c:v>92.35545158430142</c:v>
                </c:pt>
                <c:pt idx="2112">
                  <c:v>92.313505435046636</c:v>
                </c:pt>
                <c:pt idx="2113">
                  <c:v>92.271538164870762</c:v>
                </c:pt>
                <c:pt idx="2114">
                  <c:v>92.228852783378343</c:v>
                </c:pt>
                <c:pt idx="2115">
                  <c:v>92.186885513202483</c:v>
                </c:pt>
                <c:pt idx="2116">
                  <c:v>92.144939363947699</c:v>
                </c:pt>
                <c:pt idx="2117">
                  <c:v>92.103669084167294</c:v>
                </c:pt>
                <c:pt idx="2118">
                  <c:v>92.062419925307964</c:v>
                </c:pt>
                <c:pt idx="2119">
                  <c:v>92.021170766448662</c:v>
                </c:pt>
                <c:pt idx="2120">
                  <c:v>91.980639718905891</c:v>
                </c:pt>
                <c:pt idx="2121">
                  <c:v>91.94008755044203</c:v>
                </c:pt>
                <c:pt idx="2122">
                  <c:v>91.899556502899259</c:v>
                </c:pt>
                <c:pt idx="2123">
                  <c:v>91.859722445751984</c:v>
                </c:pt>
                <c:pt idx="2124">
                  <c:v>91.819170277288123</c:v>
                </c:pt>
                <c:pt idx="2125">
                  <c:v>91.779336220140834</c:v>
                </c:pt>
                <c:pt idx="2126">
                  <c:v>91.738805172598063</c:v>
                </c:pt>
                <c:pt idx="2127">
                  <c:v>91.698253004134216</c:v>
                </c:pt>
                <c:pt idx="2128">
                  <c:v>91.657003845274872</c:v>
                </c:pt>
                <c:pt idx="2129">
                  <c:v>91.617169788127597</c:v>
                </c:pt>
                <c:pt idx="2130">
                  <c:v>91.577356851901385</c:v>
                </c:pt>
                <c:pt idx="2131">
                  <c:v>91.537522794754082</c:v>
                </c:pt>
                <c:pt idx="2132">
                  <c:v>91.498406848923324</c:v>
                </c:pt>
                <c:pt idx="2133">
                  <c:v>91.458572791776021</c:v>
                </c:pt>
                <c:pt idx="2134">
                  <c:v>91.418738734628718</c:v>
                </c:pt>
                <c:pt idx="2135">
                  <c:v>91.378904677481415</c:v>
                </c:pt>
                <c:pt idx="2136">
                  <c:v>91.340506842967244</c:v>
                </c:pt>
                <c:pt idx="2137">
                  <c:v>91.302805998848484</c:v>
                </c:pt>
                <c:pt idx="2138">
                  <c:v>91.265105154729739</c:v>
                </c:pt>
                <c:pt idx="2139">
                  <c:v>91.22812242192758</c:v>
                </c:pt>
                <c:pt idx="2140">
                  <c:v>91.190421577808834</c:v>
                </c:pt>
                <c:pt idx="2141">
                  <c:v>91.153438845006633</c:v>
                </c:pt>
                <c:pt idx="2142">
                  <c:v>91.11573800088793</c:v>
                </c:pt>
                <c:pt idx="2143">
                  <c:v>91.078058277690261</c:v>
                </c:pt>
                <c:pt idx="2144">
                  <c:v>91.041054423967012</c:v>
                </c:pt>
                <c:pt idx="2145">
                  <c:v>91.004071691164825</c:v>
                </c:pt>
                <c:pt idx="2146">
                  <c:v>90.967807069679196</c:v>
                </c:pt>
                <c:pt idx="2147">
                  <c:v>90.930824336877009</c:v>
                </c:pt>
                <c:pt idx="2148">
                  <c:v>90.893841604074822</c:v>
                </c:pt>
                <c:pt idx="2149">
                  <c:v>90.857555861668104</c:v>
                </c:pt>
                <c:pt idx="2150">
                  <c:v>90.821291240182461</c:v>
                </c:pt>
                <c:pt idx="2151">
                  <c:v>90.785005497775757</c:v>
                </c:pt>
                <c:pt idx="2152">
                  <c:v>90.748740876290128</c:v>
                </c:pt>
                <c:pt idx="2153">
                  <c:v>90.713173245199968</c:v>
                </c:pt>
                <c:pt idx="2154">
                  <c:v>90.677605614109794</c:v>
                </c:pt>
                <c:pt idx="2155">
                  <c:v>90.642059103940696</c:v>
                </c:pt>
                <c:pt idx="2156">
                  <c:v>90.60720958416708</c:v>
                </c:pt>
                <c:pt idx="2157">
                  <c:v>90.573057054788933</c:v>
                </c:pt>
                <c:pt idx="2158">
                  <c:v>90.538207535015331</c:v>
                </c:pt>
                <c:pt idx="2159">
                  <c:v>90.503358015241687</c:v>
                </c:pt>
                <c:pt idx="2160">
                  <c:v>90.468508495468086</c:v>
                </c:pt>
                <c:pt idx="2161">
                  <c:v>90.43365897569447</c:v>
                </c:pt>
                <c:pt idx="2162">
                  <c:v>90.399506446316309</c:v>
                </c:pt>
                <c:pt idx="2163">
                  <c:v>90.364656926542722</c:v>
                </c:pt>
                <c:pt idx="2164">
                  <c:v>90.331243629402195</c:v>
                </c:pt>
                <c:pt idx="2165">
                  <c:v>90.297809211340592</c:v>
                </c:pt>
                <c:pt idx="2166">
                  <c:v>90.264374793278975</c:v>
                </c:pt>
                <c:pt idx="2167">
                  <c:v>90.231658486533945</c:v>
                </c:pt>
                <c:pt idx="2168">
                  <c:v>90.198942179788887</c:v>
                </c:pt>
                <c:pt idx="2169">
                  <c:v>90.165507761727298</c:v>
                </c:pt>
                <c:pt idx="2170">
                  <c:v>90.13350956629877</c:v>
                </c:pt>
                <c:pt idx="2171">
                  <c:v>90.10079325955374</c:v>
                </c:pt>
                <c:pt idx="2172">
                  <c:v>90.06877394320415</c:v>
                </c:pt>
                <c:pt idx="2173">
                  <c:v>90.03677574777565</c:v>
                </c:pt>
                <c:pt idx="2174">
                  <c:v>90.00477755234715</c:v>
                </c:pt>
                <c:pt idx="2175">
                  <c:v>89.973476347314133</c:v>
                </c:pt>
                <c:pt idx="2176">
                  <c:v>89.942175142281087</c:v>
                </c:pt>
                <c:pt idx="2177">
                  <c:v>89.910873937248056</c:v>
                </c:pt>
                <c:pt idx="2178">
                  <c:v>89.880290843531569</c:v>
                </c:pt>
                <c:pt idx="2179">
                  <c:v>89.849707749815082</c:v>
                </c:pt>
                <c:pt idx="2180">
                  <c:v>89.819124656098609</c:v>
                </c:pt>
                <c:pt idx="2181">
                  <c:v>89.788541562382107</c:v>
                </c:pt>
                <c:pt idx="2182">
                  <c:v>89.75795846866562</c:v>
                </c:pt>
                <c:pt idx="2183">
                  <c:v>89.727375374949148</c:v>
                </c:pt>
                <c:pt idx="2184">
                  <c:v>89.696792281232646</c:v>
                </c:pt>
                <c:pt idx="2185">
                  <c:v>89.666927298832732</c:v>
                </c:pt>
                <c:pt idx="2186">
                  <c:v>89.637062316432775</c:v>
                </c:pt>
                <c:pt idx="2187">
                  <c:v>89.607894324428344</c:v>
                </c:pt>
                <c:pt idx="2188">
                  <c:v>89.578726332423869</c:v>
                </c:pt>
                <c:pt idx="2189">
                  <c:v>89.548861350023927</c:v>
                </c:pt>
                <c:pt idx="2190">
                  <c:v>89.519693358019467</c:v>
                </c:pt>
                <c:pt idx="2191">
                  <c:v>89.490525366015007</c:v>
                </c:pt>
                <c:pt idx="2192">
                  <c:v>89.461378494931594</c:v>
                </c:pt>
                <c:pt idx="2193">
                  <c:v>89.432928614243693</c:v>
                </c:pt>
                <c:pt idx="2194">
                  <c:v>89.404478733555763</c:v>
                </c:pt>
                <c:pt idx="2195">
                  <c:v>89.376028852867847</c:v>
                </c:pt>
                <c:pt idx="2196">
                  <c:v>89.347578972179932</c:v>
                </c:pt>
                <c:pt idx="2197">
                  <c:v>89.319826081887499</c:v>
                </c:pt>
                <c:pt idx="2198">
                  <c:v>89.292812423832672</c:v>
                </c:pt>
                <c:pt idx="2199">
                  <c:v>89.265059533540239</c:v>
                </c:pt>
                <c:pt idx="2200">
                  <c:v>89.237327764168867</c:v>
                </c:pt>
                <c:pt idx="2201">
                  <c:v>89.210292985192979</c:v>
                </c:pt>
                <c:pt idx="2202">
                  <c:v>89.182561215821593</c:v>
                </c:pt>
                <c:pt idx="2203">
                  <c:v>89.155526436845705</c:v>
                </c:pt>
                <c:pt idx="2204">
                  <c:v>89.128512778790864</c:v>
                </c:pt>
                <c:pt idx="2205">
                  <c:v>89.102196111131533</c:v>
                </c:pt>
                <c:pt idx="2206">
                  <c:v>89.075161332155645</c:v>
                </c:pt>
                <c:pt idx="2207">
                  <c:v>89.048126553179713</c:v>
                </c:pt>
                <c:pt idx="2208">
                  <c:v>89.021809885520398</c:v>
                </c:pt>
                <c:pt idx="2209">
                  <c:v>88.995493217861039</c:v>
                </c:pt>
                <c:pt idx="2210">
                  <c:v>88.968479559806212</c:v>
                </c:pt>
                <c:pt idx="2211">
                  <c:v>88.942162892146854</c:v>
                </c:pt>
                <c:pt idx="2212">
                  <c:v>88.915128113170965</c:v>
                </c:pt>
                <c:pt idx="2213">
                  <c:v>88.888811445511635</c:v>
                </c:pt>
                <c:pt idx="2214">
                  <c:v>88.861776666535718</c:v>
                </c:pt>
                <c:pt idx="2215">
                  <c:v>88.83545999887636</c:v>
                </c:pt>
                <c:pt idx="2216">
                  <c:v>88.80986144253356</c:v>
                </c:pt>
                <c:pt idx="2217">
                  <c:v>88.784980997507304</c:v>
                </c:pt>
                <c:pt idx="2218">
                  <c:v>88.760079431559973</c:v>
                </c:pt>
                <c:pt idx="2219">
                  <c:v>88.734480875217187</c:v>
                </c:pt>
                <c:pt idx="2220">
                  <c:v>88.7102974205864</c:v>
                </c:pt>
                <c:pt idx="2221">
                  <c:v>88.685395854639054</c:v>
                </c:pt>
                <c:pt idx="2222">
                  <c:v>88.660494288691737</c:v>
                </c:pt>
                <c:pt idx="2223">
                  <c:v>88.635613843665482</c:v>
                </c:pt>
                <c:pt idx="2224">
                  <c:v>88.61071227771815</c:v>
                </c:pt>
                <c:pt idx="2225">
                  <c:v>88.585810711770819</c:v>
                </c:pt>
                <c:pt idx="2226">
                  <c:v>88.561627257140017</c:v>
                </c:pt>
                <c:pt idx="2227">
                  <c:v>88.537464923430335</c:v>
                </c:pt>
                <c:pt idx="2228">
                  <c:v>88.513281468799548</c:v>
                </c:pt>
                <c:pt idx="2229">
                  <c:v>88.489098014168761</c:v>
                </c:pt>
                <c:pt idx="2230">
                  <c:v>88.464196448221415</c:v>
                </c:pt>
                <c:pt idx="2231">
                  <c:v>88.440012993590642</c:v>
                </c:pt>
                <c:pt idx="2232">
                  <c:v>88.417244640671882</c:v>
                </c:pt>
                <c:pt idx="2233">
                  <c:v>88.394497408674198</c:v>
                </c:pt>
                <c:pt idx="2234">
                  <c:v>88.371729055755424</c:v>
                </c:pt>
                <c:pt idx="2235">
                  <c:v>88.34898182375774</c:v>
                </c:pt>
                <c:pt idx="2236">
                  <c:v>88.326213470838979</c:v>
                </c:pt>
                <c:pt idx="2237">
                  <c:v>88.30416322923675</c:v>
                </c:pt>
                <c:pt idx="2238">
                  <c:v>88.282112987634548</c:v>
                </c:pt>
                <c:pt idx="2239">
                  <c:v>88.260062746032318</c:v>
                </c:pt>
                <c:pt idx="2240">
                  <c:v>88.237315514034648</c:v>
                </c:pt>
                <c:pt idx="2241">
                  <c:v>88.214547161115874</c:v>
                </c:pt>
                <c:pt idx="2242">
                  <c:v>88.1917788081971</c:v>
                </c:pt>
                <c:pt idx="2243">
                  <c:v>88.168313464882885</c:v>
                </c:pt>
                <c:pt idx="2244">
                  <c:v>88.146263223280656</c:v>
                </c:pt>
                <c:pt idx="2245">
                  <c:v>88.123515991282972</c:v>
                </c:pt>
                <c:pt idx="2246">
                  <c:v>88.101465749680756</c:v>
                </c:pt>
                <c:pt idx="2247">
                  <c:v>88.079415508078554</c:v>
                </c:pt>
                <c:pt idx="2248">
                  <c:v>88.057365266476339</c:v>
                </c:pt>
                <c:pt idx="2249">
                  <c:v>88.035315024874095</c:v>
                </c:pt>
                <c:pt idx="2250">
                  <c:v>88.013264783271893</c:v>
                </c:pt>
                <c:pt idx="2251">
                  <c:v>87.991932652986222</c:v>
                </c:pt>
                <c:pt idx="2252">
                  <c:v>87.970579401779474</c:v>
                </c:pt>
                <c:pt idx="2253">
                  <c:v>87.949247271493803</c:v>
                </c:pt>
                <c:pt idx="2254">
                  <c:v>87.927915141208132</c:v>
                </c:pt>
                <c:pt idx="2255">
                  <c:v>87.907280001317929</c:v>
                </c:pt>
                <c:pt idx="2256">
                  <c:v>87.885947871032272</c:v>
                </c:pt>
                <c:pt idx="2257">
                  <c:v>87.865312731142083</c:v>
                </c:pt>
                <c:pt idx="2258">
                  <c:v>87.843980600856426</c:v>
                </c:pt>
                <c:pt idx="2259">
                  <c:v>87.822648470570755</c:v>
                </c:pt>
                <c:pt idx="2260">
                  <c:v>87.802013330680523</c:v>
                </c:pt>
                <c:pt idx="2261">
                  <c:v>87.780681200394866</c:v>
                </c:pt>
                <c:pt idx="2262">
                  <c:v>87.760046060504678</c:v>
                </c:pt>
                <c:pt idx="2263">
                  <c:v>87.739432041535565</c:v>
                </c:pt>
                <c:pt idx="2264">
                  <c:v>87.718796901645362</c:v>
                </c:pt>
                <c:pt idx="2265">
                  <c:v>87.698879873071718</c:v>
                </c:pt>
                <c:pt idx="2266">
                  <c:v>87.678962844498059</c:v>
                </c:pt>
                <c:pt idx="2267">
                  <c:v>87.659066936845491</c:v>
                </c:pt>
                <c:pt idx="2268">
                  <c:v>87.639149908271847</c:v>
                </c:pt>
                <c:pt idx="2269">
                  <c:v>87.618514768381644</c:v>
                </c:pt>
                <c:pt idx="2270">
                  <c:v>87.598597739808</c:v>
                </c:pt>
                <c:pt idx="2271">
                  <c:v>87.578680711234341</c:v>
                </c:pt>
                <c:pt idx="2272">
                  <c:v>87.558763682660697</c:v>
                </c:pt>
                <c:pt idx="2273">
                  <c:v>87.539564765403583</c:v>
                </c:pt>
                <c:pt idx="2274">
                  <c:v>87.520365848146483</c:v>
                </c:pt>
                <c:pt idx="2275">
                  <c:v>87.501166930889369</c:v>
                </c:pt>
                <c:pt idx="2276">
                  <c:v>87.481946892711207</c:v>
                </c:pt>
                <c:pt idx="2277">
                  <c:v>87.462747975454107</c:v>
                </c:pt>
                <c:pt idx="2278">
                  <c:v>87.443549058197007</c:v>
                </c:pt>
                <c:pt idx="2279">
                  <c:v>87.424350140939907</c:v>
                </c:pt>
                <c:pt idx="2280">
                  <c:v>87.405151223682807</c:v>
                </c:pt>
                <c:pt idx="2281">
                  <c:v>87.386649296821162</c:v>
                </c:pt>
                <c:pt idx="2282">
                  <c:v>87.368147369959544</c:v>
                </c:pt>
                <c:pt idx="2283">
                  <c:v>87.34894845270243</c:v>
                </c:pt>
                <c:pt idx="2284">
                  <c:v>87.330467646761889</c:v>
                </c:pt>
                <c:pt idx="2285">
                  <c:v>87.311965719900272</c:v>
                </c:pt>
                <c:pt idx="2286">
                  <c:v>87.29346379303864</c:v>
                </c:pt>
                <c:pt idx="2287">
                  <c:v>87.274982987098085</c:v>
                </c:pt>
                <c:pt idx="2288">
                  <c:v>87.256481060236439</c:v>
                </c:pt>
                <c:pt idx="2289">
                  <c:v>87.237282142979339</c:v>
                </c:pt>
                <c:pt idx="2290">
                  <c:v>87.218801337038784</c:v>
                </c:pt>
                <c:pt idx="2291">
                  <c:v>87.200299410177166</c:v>
                </c:pt>
                <c:pt idx="2292">
                  <c:v>87.181797483315535</c:v>
                </c:pt>
                <c:pt idx="2293">
                  <c:v>87.163316677374979</c:v>
                </c:pt>
                <c:pt idx="2294">
                  <c:v>87.145532861829892</c:v>
                </c:pt>
                <c:pt idx="2295">
                  <c:v>87.127030934968261</c:v>
                </c:pt>
                <c:pt idx="2296">
                  <c:v>87.109268240344235</c:v>
                </c:pt>
                <c:pt idx="2297">
                  <c:v>87.090766313482618</c:v>
                </c:pt>
                <c:pt idx="2298">
                  <c:v>87.072982497937545</c:v>
                </c:pt>
                <c:pt idx="2299">
                  <c:v>87.055198682392458</c:v>
                </c:pt>
                <c:pt idx="2300">
                  <c:v>87.037414866847385</c:v>
                </c:pt>
                <c:pt idx="2301">
                  <c:v>87.01893406090683</c:v>
                </c:pt>
                <c:pt idx="2302">
                  <c:v>87.001150245361742</c:v>
                </c:pt>
                <c:pt idx="2303">
                  <c:v>86.983366429816641</c:v>
                </c:pt>
                <c:pt idx="2304">
                  <c:v>86.966300725588113</c:v>
                </c:pt>
                <c:pt idx="2305">
                  <c:v>86.94851691004304</c:v>
                </c:pt>
                <c:pt idx="2306">
                  <c:v>86.931451205814497</c:v>
                </c:pt>
                <c:pt idx="2307">
                  <c:v>86.914385501585969</c:v>
                </c:pt>
                <c:pt idx="2308">
                  <c:v>86.897298676436378</c:v>
                </c:pt>
                <c:pt idx="2309">
                  <c:v>86.88095108352438</c:v>
                </c:pt>
                <c:pt idx="2310">
                  <c:v>86.864582369691306</c:v>
                </c:pt>
                <c:pt idx="2311">
                  <c:v>86.848234776779321</c:v>
                </c:pt>
                <c:pt idx="2312">
                  <c:v>86.83258417426282</c:v>
                </c:pt>
                <c:pt idx="2313">
                  <c:v>86.816215460429746</c:v>
                </c:pt>
                <c:pt idx="2314">
                  <c:v>86.800585978834306</c:v>
                </c:pt>
                <c:pt idx="2315">
                  <c:v>86.784217265001232</c:v>
                </c:pt>
                <c:pt idx="2316">
                  <c:v>86.76856666248473</c:v>
                </c:pt>
                <c:pt idx="2317">
                  <c:v>86.752219069572732</c:v>
                </c:pt>
                <c:pt idx="2318">
                  <c:v>86.735850355739657</c:v>
                </c:pt>
                <c:pt idx="2319">
                  <c:v>86.719502762827673</c:v>
                </c:pt>
                <c:pt idx="2320">
                  <c:v>86.703852160311172</c:v>
                </c:pt>
                <c:pt idx="2321">
                  <c:v>86.687483446478097</c:v>
                </c:pt>
                <c:pt idx="2322">
                  <c:v>86.67183284396161</c:v>
                </c:pt>
                <c:pt idx="2323">
                  <c:v>86.654767139733053</c:v>
                </c:pt>
                <c:pt idx="2324">
                  <c:v>86.638419546821083</c:v>
                </c:pt>
                <c:pt idx="2325">
                  <c:v>86.622050832988023</c:v>
                </c:pt>
                <c:pt idx="2326">
                  <c:v>86.604985128759481</c:v>
                </c:pt>
                <c:pt idx="2327">
                  <c:v>86.588616414926406</c:v>
                </c:pt>
                <c:pt idx="2328">
                  <c:v>86.572268822014422</c:v>
                </c:pt>
                <c:pt idx="2329">
                  <c:v>86.555900108181376</c:v>
                </c:pt>
                <c:pt idx="2330">
                  <c:v>86.539552515269364</c:v>
                </c:pt>
                <c:pt idx="2331">
                  <c:v>86.523183801436303</c:v>
                </c:pt>
                <c:pt idx="2332">
                  <c:v>86.506836208524334</c:v>
                </c:pt>
                <c:pt idx="2333">
                  <c:v>86.490467494691259</c:v>
                </c:pt>
                <c:pt idx="2334">
                  <c:v>86.474816892174758</c:v>
                </c:pt>
                <c:pt idx="2335">
                  <c:v>86.457751187946201</c:v>
                </c:pt>
                <c:pt idx="2336">
                  <c:v>86.441403595034231</c:v>
                </c:pt>
                <c:pt idx="2337">
                  <c:v>86.425034881201157</c:v>
                </c:pt>
                <c:pt idx="2338">
                  <c:v>86.409384278684627</c:v>
                </c:pt>
                <c:pt idx="2339">
                  <c:v>86.393036685772657</c:v>
                </c:pt>
                <c:pt idx="2340">
                  <c:v>86.377386083256141</c:v>
                </c:pt>
                <c:pt idx="2341">
                  <c:v>86.361735480739611</c:v>
                </c:pt>
                <c:pt idx="2342">
                  <c:v>86.34608487822311</c:v>
                </c:pt>
                <c:pt idx="2343">
                  <c:v>86.330434275706594</c:v>
                </c:pt>
                <c:pt idx="2344">
                  <c:v>86.315501784506623</c:v>
                </c:pt>
                <c:pt idx="2345">
                  <c:v>86.299851181990107</c:v>
                </c:pt>
                <c:pt idx="2346">
                  <c:v>86.284200579473591</c:v>
                </c:pt>
                <c:pt idx="2347">
                  <c:v>86.26854997695709</c:v>
                </c:pt>
                <c:pt idx="2348">
                  <c:v>86.253617485757118</c:v>
                </c:pt>
                <c:pt idx="2349">
                  <c:v>86.237966883240617</c:v>
                </c:pt>
                <c:pt idx="2350">
                  <c:v>86.223752503357161</c:v>
                </c:pt>
                <c:pt idx="2351">
                  <c:v>86.208820012157219</c:v>
                </c:pt>
                <c:pt idx="2352">
                  <c:v>86.193887520957233</c:v>
                </c:pt>
                <c:pt idx="2353">
                  <c:v>86.17965202015273</c:v>
                </c:pt>
                <c:pt idx="2354">
                  <c:v>86.164719528952773</c:v>
                </c:pt>
                <c:pt idx="2355">
                  <c:v>86.15048402814827</c:v>
                </c:pt>
                <c:pt idx="2356">
                  <c:v>86.136269648264843</c:v>
                </c:pt>
                <c:pt idx="2357">
                  <c:v>86.12203414746034</c:v>
                </c:pt>
                <c:pt idx="2358">
                  <c:v>86.107819767576927</c:v>
                </c:pt>
                <c:pt idx="2359">
                  <c:v>86.093584266772439</c:v>
                </c:pt>
                <c:pt idx="2360">
                  <c:v>86.079369886889012</c:v>
                </c:pt>
                <c:pt idx="2361">
                  <c:v>86.065134386084509</c:v>
                </c:pt>
                <c:pt idx="2362">
                  <c:v>86.050201894884566</c:v>
                </c:pt>
                <c:pt idx="2363">
                  <c:v>86.035269403684595</c:v>
                </c:pt>
                <c:pt idx="2364">
                  <c:v>86.020336912484609</c:v>
                </c:pt>
                <c:pt idx="2365">
                  <c:v>86.005404421284652</c:v>
                </c:pt>
                <c:pt idx="2366">
                  <c:v>85.990450809163605</c:v>
                </c:pt>
                <c:pt idx="2367">
                  <c:v>85.975518317963633</c:v>
                </c:pt>
                <c:pt idx="2368">
                  <c:v>85.961303938080221</c:v>
                </c:pt>
                <c:pt idx="2369">
                  <c:v>85.946371446880249</c:v>
                </c:pt>
                <c:pt idx="2370">
                  <c:v>85.931417834759202</c:v>
                </c:pt>
                <c:pt idx="2371">
                  <c:v>85.917203454875789</c:v>
                </c:pt>
                <c:pt idx="2372">
                  <c:v>85.902270963675818</c:v>
                </c:pt>
                <c:pt idx="2373">
                  <c:v>85.887317351554771</c:v>
                </c:pt>
                <c:pt idx="2374">
                  <c:v>85.873102971671358</c:v>
                </c:pt>
                <c:pt idx="2375">
                  <c:v>85.858170480471372</c:v>
                </c:pt>
                <c:pt idx="2376">
                  <c:v>85.843934979666898</c:v>
                </c:pt>
                <c:pt idx="2377">
                  <c:v>85.829720599783457</c:v>
                </c:pt>
                <c:pt idx="2378">
                  <c:v>85.815485098978968</c:v>
                </c:pt>
                <c:pt idx="2379">
                  <c:v>85.801270719095541</c:v>
                </c:pt>
                <c:pt idx="2380">
                  <c:v>85.787035218291038</c:v>
                </c:pt>
                <c:pt idx="2381">
                  <c:v>85.772102727091095</c:v>
                </c:pt>
                <c:pt idx="2382">
                  <c:v>85.757888347207668</c:v>
                </c:pt>
                <c:pt idx="2383">
                  <c:v>85.74365284640318</c:v>
                </c:pt>
                <c:pt idx="2384">
                  <c:v>85.729438466519753</c:v>
                </c:pt>
                <c:pt idx="2385">
                  <c:v>85.715921077031794</c:v>
                </c:pt>
                <c:pt idx="2386">
                  <c:v>85.701685576227305</c:v>
                </c:pt>
                <c:pt idx="2387">
                  <c:v>85.688168186739361</c:v>
                </c:pt>
                <c:pt idx="2388">
                  <c:v>85.674671918172493</c:v>
                </c:pt>
                <c:pt idx="2389">
                  <c:v>85.66115452868452</c:v>
                </c:pt>
                <c:pt idx="2390">
                  <c:v>85.647637139196576</c:v>
                </c:pt>
                <c:pt idx="2391">
                  <c:v>85.634119749708645</c:v>
                </c:pt>
                <c:pt idx="2392">
                  <c:v>85.620602360220701</c:v>
                </c:pt>
                <c:pt idx="2393">
                  <c:v>85.606387980337288</c:v>
                </c:pt>
                <c:pt idx="2394">
                  <c:v>85.592870590849316</c:v>
                </c:pt>
                <c:pt idx="2395">
                  <c:v>85.58007131267793</c:v>
                </c:pt>
                <c:pt idx="2396">
                  <c:v>85.566553923189971</c:v>
                </c:pt>
                <c:pt idx="2397">
                  <c:v>85.553036533702013</c:v>
                </c:pt>
                <c:pt idx="2398">
                  <c:v>85.539519144214069</c:v>
                </c:pt>
                <c:pt idx="2399">
                  <c:v>85.526719866042669</c:v>
                </c:pt>
                <c:pt idx="2400">
                  <c:v>85.513202476554724</c:v>
                </c:pt>
                <c:pt idx="2401">
                  <c:v>85.50040319838331</c:v>
                </c:pt>
                <c:pt idx="2402">
                  <c:v>85.48688580889538</c:v>
                </c:pt>
                <c:pt idx="2403">
                  <c:v>85.473368419407421</c:v>
                </c:pt>
                <c:pt idx="2404">
                  <c:v>85.460569141236036</c:v>
                </c:pt>
                <c:pt idx="2405">
                  <c:v>85.447051751748077</c:v>
                </c:pt>
                <c:pt idx="2406">
                  <c:v>85.433555483181195</c:v>
                </c:pt>
                <c:pt idx="2407">
                  <c:v>85.420038093693236</c:v>
                </c:pt>
                <c:pt idx="2408">
                  <c:v>85.40652070420532</c:v>
                </c:pt>
                <c:pt idx="2409">
                  <c:v>85.393721426033892</c:v>
                </c:pt>
                <c:pt idx="2410">
                  <c:v>85.380204036545962</c:v>
                </c:pt>
                <c:pt idx="2411">
                  <c:v>85.366686647058003</c:v>
                </c:pt>
                <c:pt idx="2412">
                  <c:v>85.353887368886603</c:v>
                </c:pt>
                <c:pt idx="2413">
                  <c:v>85.340369979398659</c:v>
                </c:pt>
                <c:pt idx="2414">
                  <c:v>85.3268525899107</c:v>
                </c:pt>
                <c:pt idx="2415">
                  <c:v>85.313356321343832</c:v>
                </c:pt>
                <c:pt idx="2416">
                  <c:v>85.299838931855874</c:v>
                </c:pt>
                <c:pt idx="2417">
                  <c:v>85.287039653684488</c:v>
                </c:pt>
                <c:pt idx="2418">
                  <c:v>85.274219254592026</c:v>
                </c:pt>
                <c:pt idx="2419">
                  <c:v>85.261419976420598</c:v>
                </c:pt>
                <c:pt idx="2420">
                  <c:v>85.248620698249184</c:v>
                </c:pt>
                <c:pt idx="2421">
                  <c:v>85.235821420077812</c:v>
                </c:pt>
                <c:pt idx="2422">
                  <c:v>85.223022141906398</c:v>
                </c:pt>
                <c:pt idx="2423">
                  <c:v>85.209504752418468</c:v>
                </c:pt>
                <c:pt idx="2424">
                  <c:v>85.196705474247054</c:v>
                </c:pt>
                <c:pt idx="2425">
                  <c:v>85.183906196075654</c:v>
                </c:pt>
                <c:pt idx="2426">
                  <c:v>85.170388806587709</c:v>
                </c:pt>
                <c:pt idx="2427">
                  <c:v>85.157589528416295</c:v>
                </c:pt>
                <c:pt idx="2428">
                  <c:v>85.144072138928337</c:v>
                </c:pt>
                <c:pt idx="2429">
                  <c:v>85.131272860756951</c:v>
                </c:pt>
                <c:pt idx="2430">
                  <c:v>85.118473582585537</c:v>
                </c:pt>
                <c:pt idx="2431">
                  <c:v>85.105653183493089</c:v>
                </c:pt>
                <c:pt idx="2432">
                  <c:v>85.092853905321675</c:v>
                </c:pt>
                <c:pt idx="2433">
                  <c:v>85.080054627150261</c:v>
                </c:pt>
                <c:pt idx="2434">
                  <c:v>85.067973460295406</c:v>
                </c:pt>
                <c:pt idx="2435">
                  <c:v>85.055153061202944</c:v>
                </c:pt>
                <c:pt idx="2436">
                  <c:v>85.043071894348088</c:v>
                </c:pt>
                <c:pt idx="2437">
                  <c:v>85.030969606572143</c:v>
                </c:pt>
                <c:pt idx="2438">
                  <c:v>85.018170328400743</c:v>
                </c:pt>
                <c:pt idx="2439">
                  <c:v>85.006089161545887</c:v>
                </c:pt>
                <c:pt idx="2440">
                  <c:v>84.993986873769984</c:v>
                </c:pt>
                <c:pt idx="2441">
                  <c:v>84.98118759559857</c:v>
                </c:pt>
                <c:pt idx="2442">
                  <c:v>84.969106428743714</c:v>
                </c:pt>
                <c:pt idx="2443">
                  <c:v>84.957004140967783</c:v>
                </c:pt>
                <c:pt idx="2444">
                  <c:v>84.944204862796397</c:v>
                </c:pt>
                <c:pt idx="2445">
                  <c:v>84.932123695941527</c:v>
                </c:pt>
                <c:pt idx="2446">
                  <c:v>84.919303296849051</c:v>
                </c:pt>
                <c:pt idx="2447">
                  <c:v>84.906504018677637</c:v>
                </c:pt>
                <c:pt idx="2448">
                  <c:v>84.893704740506251</c:v>
                </c:pt>
                <c:pt idx="2449">
                  <c:v>84.881623573651396</c:v>
                </c:pt>
                <c:pt idx="2450">
                  <c:v>84.869521285875464</c:v>
                </c:pt>
                <c:pt idx="2451">
                  <c:v>84.857440119020609</c:v>
                </c:pt>
                <c:pt idx="2452">
                  <c:v>84.845337831244677</c:v>
                </c:pt>
                <c:pt idx="2453">
                  <c:v>84.833256664389836</c:v>
                </c:pt>
                <c:pt idx="2454">
                  <c:v>84.82115437661389</c:v>
                </c:pt>
                <c:pt idx="2455">
                  <c:v>84.809073209759049</c:v>
                </c:pt>
                <c:pt idx="2456">
                  <c:v>84.797689033299648</c:v>
                </c:pt>
                <c:pt idx="2457">
                  <c:v>84.78558674552373</c:v>
                </c:pt>
                <c:pt idx="2458">
                  <c:v>84.774223689985433</c:v>
                </c:pt>
                <c:pt idx="2459">
                  <c:v>84.762121402209502</c:v>
                </c:pt>
                <c:pt idx="2460">
                  <c:v>84.750040235354646</c:v>
                </c:pt>
                <c:pt idx="2461">
                  <c:v>84.737937947578729</c:v>
                </c:pt>
                <c:pt idx="2462">
                  <c:v>84.725856780723873</c:v>
                </c:pt>
                <c:pt idx="2463">
                  <c:v>84.714472604264472</c:v>
                </c:pt>
                <c:pt idx="2464">
                  <c:v>84.702370316488569</c:v>
                </c:pt>
                <c:pt idx="2465">
                  <c:v>84.690289149633699</c:v>
                </c:pt>
                <c:pt idx="2466">
                  <c:v>84.677489871462313</c:v>
                </c:pt>
                <c:pt idx="2467">
                  <c:v>84.665387583686353</c:v>
                </c:pt>
                <c:pt idx="2468">
                  <c:v>84.654024528148071</c:v>
                </c:pt>
                <c:pt idx="2469">
                  <c:v>84.641922240372139</c:v>
                </c:pt>
                <c:pt idx="2470">
                  <c:v>84.630538063912766</c:v>
                </c:pt>
                <c:pt idx="2471">
                  <c:v>84.619153887453365</c:v>
                </c:pt>
                <c:pt idx="2472">
                  <c:v>84.608487822310522</c:v>
                </c:pt>
                <c:pt idx="2473">
                  <c:v>84.597124766772239</c:v>
                </c:pt>
                <c:pt idx="2474">
                  <c:v>84.585740590312867</c:v>
                </c:pt>
                <c:pt idx="2475">
                  <c:v>84.574356413853451</c:v>
                </c:pt>
                <c:pt idx="2476">
                  <c:v>84.562254126077534</c:v>
                </c:pt>
                <c:pt idx="2477">
                  <c:v>84.550891070539237</c:v>
                </c:pt>
                <c:pt idx="2478">
                  <c:v>84.539506894079835</c:v>
                </c:pt>
                <c:pt idx="2479">
                  <c:v>84.528122717620462</c:v>
                </c:pt>
                <c:pt idx="2480">
                  <c:v>84.516041550765607</c:v>
                </c:pt>
                <c:pt idx="2481">
                  <c:v>84.503939262989675</c:v>
                </c:pt>
                <c:pt idx="2482">
                  <c:v>84.492555086530302</c:v>
                </c:pt>
                <c:pt idx="2483">
                  <c:v>84.481170910070915</c:v>
                </c:pt>
                <c:pt idx="2484">
                  <c:v>84.469089743216045</c:v>
                </c:pt>
                <c:pt idx="2485">
                  <c:v>84.457705566756687</c:v>
                </c:pt>
                <c:pt idx="2486">
                  <c:v>84.447039501613858</c:v>
                </c:pt>
                <c:pt idx="2487">
                  <c:v>84.435655325154471</c:v>
                </c:pt>
                <c:pt idx="2488">
                  <c:v>84.424271148695084</c:v>
                </c:pt>
                <c:pt idx="2489">
                  <c:v>84.412908093156773</c:v>
                </c:pt>
                <c:pt idx="2490">
                  <c:v>84.401523916697386</c:v>
                </c:pt>
                <c:pt idx="2491">
                  <c:v>84.390857851554557</c:v>
                </c:pt>
                <c:pt idx="2492">
                  <c:v>84.380191786411714</c:v>
                </c:pt>
                <c:pt idx="2493">
                  <c:v>84.368807609952341</c:v>
                </c:pt>
                <c:pt idx="2494">
                  <c:v>84.357423433492968</c:v>
                </c:pt>
                <c:pt idx="2495">
                  <c:v>84.346039257033581</c:v>
                </c:pt>
                <c:pt idx="2496">
                  <c:v>84.335373191890753</c:v>
                </c:pt>
                <c:pt idx="2497">
                  <c:v>84.323989015431366</c:v>
                </c:pt>
                <c:pt idx="2498">
                  <c:v>84.312604838971978</c:v>
                </c:pt>
                <c:pt idx="2499">
                  <c:v>84.301241783433682</c:v>
                </c:pt>
                <c:pt idx="2500">
                  <c:v>84.28985760697428</c:v>
                </c:pt>
                <c:pt idx="2501">
                  <c:v>84.279191541831452</c:v>
                </c:pt>
                <c:pt idx="2502">
                  <c:v>84.267807365372079</c:v>
                </c:pt>
                <c:pt idx="2503">
                  <c:v>84.25714130022925</c:v>
                </c:pt>
                <c:pt idx="2504">
                  <c:v>84.246475235086422</c:v>
                </c:pt>
                <c:pt idx="2505">
                  <c:v>84.235788049022503</c:v>
                </c:pt>
                <c:pt idx="2506">
                  <c:v>84.225121983879674</c:v>
                </c:pt>
                <c:pt idx="2507">
                  <c:v>84.215174030053376</c:v>
                </c:pt>
                <c:pt idx="2508">
                  <c:v>84.204507964910533</c:v>
                </c:pt>
                <c:pt idx="2509">
                  <c:v>84.193841899767705</c:v>
                </c:pt>
                <c:pt idx="2510">
                  <c:v>84.182457723308332</c:v>
                </c:pt>
                <c:pt idx="2511">
                  <c:v>84.171791658165503</c:v>
                </c:pt>
                <c:pt idx="2512">
                  <c:v>84.16112559302266</c:v>
                </c:pt>
                <c:pt idx="2513">
                  <c:v>84.150438406958756</c:v>
                </c:pt>
                <c:pt idx="2514">
                  <c:v>84.139772341815913</c:v>
                </c:pt>
                <c:pt idx="2515">
                  <c:v>84.129824387989629</c:v>
                </c:pt>
                <c:pt idx="2516">
                  <c:v>84.119158322846786</c:v>
                </c:pt>
                <c:pt idx="2517">
                  <c:v>84.108492257703958</c:v>
                </c:pt>
                <c:pt idx="2518">
                  <c:v>84.097805071640053</c:v>
                </c:pt>
                <c:pt idx="2519">
                  <c:v>84.087857117813755</c:v>
                </c:pt>
                <c:pt idx="2520">
                  <c:v>84.077191052670941</c:v>
                </c:pt>
                <c:pt idx="2521">
                  <c:v>84.067221977923566</c:v>
                </c:pt>
                <c:pt idx="2522">
                  <c:v>84.057274024097282</c:v>
                </c:pt>
                <c:pt idx="2523">
                  <c:v>84.047326070270984</c:v>
                </c:pt>
                <c:pt idx="2524">
                  <c:v>84.037356995523623</c:v>
                </c:pt>
                <c:pt idx="2525">
                  <c:v>84.027409041697339</c:v>
                </c:pt>
                <c:pt idx="2526">
                  <c:v>84.017439966949979</c:v>
                </c:pt>
                <c:pt idx="2527">
                  <c:v>84.007492013123681</c:v>
                </c:pt>
                <c:pt idx="2528">
                  <c:v>83.997522938376335</c:v>
                </c:pt>
                <c:pt idx="2529">
                  <c:v>83.988271974945519</c:v>
                </c:pt>
                <c:pt idx="2530">
                  <c:v>83.978324021119221</c:v>
                </c:pt>
                <c:pt idx="2531">
                  <c:v>83.968376067292951</c:v>
                </c:pt>
                <c:pt idx="2532">
                  <c:v>83.958406992545576</c:v>
                </c:pt>
                <c:pt idx="2533">
                  <c:v>83.948459038719292</c:v>
                </c:pt>
                <c:pt idx="2534">
                  <c:v>83.938489963971946</c:v>
                </c:pt>
                <c:pt idx="2535">
                  <c:v>83.928542010145648</c:v>
                </c:pt>
                <c:pt idx="2536">
                  <c:v>83.918572935398288</c:v>
                </c:pt>
                <c:pt idx="2537">
                  <c:v>83.908624981572004</c:v>
                </c:pt>
                <c:pt idx="2538">
                  <c:v>83.899374018141188</c:v>
                </c:pt>
                <c:pt idx="2539">
                  <c:v>83.889426064314904</c:v>
                </c:pt>
                <c:pt idx="2540">
                  <c:v>83.880175100884074</c:v>
                </c:pt>
                <c:pt idx="2541">
                  <c:v>83.870206026136714</c:v>
                </c:pt>
                <c:pt idx="2542">
                  <c:v>83.860976183626974</c:v>
                </c:pt>
                <c:pt idx="2543">
                  <c:v>83.851007108879614</c:v>
                </c:pt>
                <c:pt idx="2544">
                  <c:v>83.84105915505333</c:v>
                </c:pt>
                <c:pt idx="2545">
                  <c:v>83.83109008030597</c:v>
                </c:pt>
                <c:pt idx="2546">
                  <c:v>83.821142126479671</c:v>
                </c:pt>
                <c:pt idx="2547">
                  <c:v>83.811173051732311</c:v>
                </c:pt>
                <c:pt idx="2548">
                  <c:v>83.801225097906013</c:v>
                </c:pt>
                <c:pt idx="2549">
                  <c:v>83.791974134475211</c:v>
                </c:pt>
                <c:pt idx="2550">
                  <c:v>83.782026180648927</c:v>
                </c:pt>
                <c:pt idx="2551">
                  <c:v>83.772775217218111</c:v>
                </c:pt>
                <c:pt idx="2552">
                  <c:v>83.762806142470751</c:v>
                </c:pt>
                <c:pt idx="2553">
                  <c:v>83.752858188644453</c:v>
                </c:pt>
                <c:pt idx="2554">
                  <c:v>83.742910234818169</c:v>
                </c:pt>
                <c:pt idx="2555">
                  <c:v>83.732941160070823</c:v>
                </c:pt>
                <c:pt idx="2556">
                  <c:v>83.723690196640007</c:v>
                </c:pt>
                <c:pt idx="2557">
                  <c:v>83.713742242813709</c:v>
                </c:pt>
                <c:pt idx="2558">
                  <c:v>83.704491279382907</c:v>
                </c:pt>
                <c:pt idx="2559">
                  <c:v>83.694543325556609</c:v>
                </c:pt>
                <c:pt idx="2560">
                  <c:v>83.685292362125779</c:v>
                </c:pt>
                <c:pt idx="2561">
                  <c:v>83.676041398694977</c:v>
                </c:pt>
                <c:pt idx="2562">
                  <c:v>83.666093444868693</c:v>
                </c:pt>
                <c:pt idx="2563">
                  <c:v>83.656842481437877</c:v>
                </c:pt>
                <c:pt idx="2564">
                  <c:v>83.647591518007076</c:v>
                </c:pt>
                <c:pt idx="2565">
                  <c:v>83.638340554576246</c:v>
                </c:pt>
                <c:pt idx="2566">
                  <c:v>83.629089591145416</c:v>
                </c:pt>
                <c:pt idx="2567">
                  <c:v>83.619859748635704</c:v>
                </c:pt>
                <c:pt idx="2568">
                  <c:v>83.611326896521419</c:v>
                </c:pt>
                <c:pt idx="2569">
                  <c:v>83.602794044407162</c:v>
                </c:pt>
                <c:pt idx="2570">
                  <c:v>83.593543080976346</c:v>
                </c:pt>
                <c:pt idx="2571">
                  <c:v>83.58501022886206</c:v>
                </c:pt>
                <c:pt idx="2572">
                  <c:v>83.575759265431259</c:v>
                </c:pt>
                <c:pt idx="2573">
                  <c:v>83.566508302000457</c:v>
                </c:pt>
                <c:pt idx="2574">
                  <c:v>83.557257338569642</c:v>
                </c:pt>
                <c:pt idx="2575">
                  <c:v>83.548027496059902</c:v>
                </c:pt>
                <c:pt idx="2576">
                  <c:v>83.53947352302454</c:v>
                </c:pt>
                <c:pt idx="2577">
                  <c:v>83.530243680514815</c:v>
                </c:pt>
                <c:pt idx="2578">
                  <c:v>83.522407818796012</c:v>
                </c:pt>
                <c:pt idx="2579">
                  <c:v>83.51387496668174</c:v>
                </c:pt>
                <c:pt idx="2580">
                  <c:v>83.504624003250939</c:v>
                </c:pt>
                <c:pt idx="2581">
                  <c:v>83.496091151136653</c:v>
                </c:pt>
                <c:pt idx="2582">
                  <c:v>83.487558299022396</c:v>
                </c:pt>
                <c:pt idx="2583">
                  <c:v>83.479025446908139</c:v>
                </c:pt>
                <c:pt idx="2584">
                  <c:v>83.470492594793853</c:v>
                </c:pt>
                <c:pt idx="2585">
                  <c:v>83.462656733075065</c:v>
                </c:pt>
                <c:pt idx="2586">
                  <c:v>83.454123880960793</c:v>
                </c:pt>
                <c:pt idx="2587">
                  <c:v>83.44559102884655</c:v>
                </c:pt>
                <c:pt idx="2588">
                  <c:v>83.437776288048809</c:v>
                </c:pt>
                <c:pt idx="2589">
                  <c:v>83.42994042633002</c:v>
                </c:pt>
                <c:pt idx="2590">
                  <c:v>83.421407574215749</c:v>
                </c:pt>
                <c:pt idx="2591">
                  <c:v>83.412874722101478</c:v>
                </c:pt>
                <c:pt idx="2592">
                  <c:v>83.404341869987221</c:v>
                </c:pt>
                <c:pt idx="2593">
                  <c:v>83.395090906556391</c:v>
                </c:pt>
                <c:pt idx="2594">
                  <c:v>83.386558054442133</c:v>
                </c:pt>
                <c:pt idx="2595">
                  <c:v>83.377307091011318</c:v>
                </c:pt>
                <c:pt idx="2596">
                  <c:v>83.369492350213591</c:v>
                </c:pt>
                <c:pt idx="2597">
                  <c:v>83.361677609415892</c:v>
                </c:pt>
                <c:pt idx="2598">
                  <c:v>83.353123636380516</c:v>
                </c:pt>
                <c:pt idx="2599">
                  <c:v>83.345308895582818</c:v>
                </c:pt>
                <c:pt idx="2600">
                  <c:v>83.337494154785091</c:v>
                </c:pt>
                <c:pt idx="2601">
                  <c:v>83.329658293066316</c:v>
                </c:pt>
                <c:pt idx="2602">
                  <c:v>83.321843552268575</c:v>
                </c:pt>
                <c:pt idx="2603">
                  <c:v>83.313310700154304</c:v>
                </c:pt>
                <c:pt idx="2604">
                  <c:v>83.304777848040047</c:v>
                </c:pt>
                <c:pt idx="2605">
                  <c:v>83.296941986321244</c:v>
                </c:pt>
                <c:pt idx="2606">
                  <c:v>83.289127245523517</c:v>
                </c:pt>
                <c:pt idx="2607">
                  <c:v>83.281291383804728</c:v>
                </c:pt>
                <c:pt idx="2608">
                  <c:v>83.273476643007015</c:v>
                </c:pt>
                <c:pt idx="2609">
                  <c:v>83.265640781288226</c:v>
                </c:pt>
                <c:pt idx="2610">
                  <c:v>83.257107929173941</c:v>
                </c:pt>
                <c:pt idx="2611">
                  <c:v>83.248575077059684</c:v>
                </c:pt>
                <c:pt idx="2612">
                  <c:v>83.240760336261971</c:v>
                </c:pt>
                <c:pt idx="2613">
                  <c:v>83.232227484147685</c:v>
                </c:pt>
                <c:pt idx="2614">
                  <c:v>83.224391622428897</c:v>
                </c:pt>
                <c:pt idx="2615">
                  <c:v>83.21657688163117</c:v>
                </c:pt>
                <c:pt idx="2616">
                  <c:v>83.208741019912381</c:v>
                </c:pt>
                <c:pt idx="2617">
                  <c:v>83.201644390431213</c:v>
                </c:pt>
                <c:pt idx="2618">
                  <c:v>83.194526640028982</c:v>
                </c:pt>
                <c:pt idx="2619">
                  <c:v>83.18740888962671</c:v>
                </c:pt>
                <c:pt idx="2620">
                  <c:v>83.179594148828997</c:v>
                </c:pt>
                <c:pt idx="2621">
                  <c:v>83.172476398426738</c:v>
                </c:pt>
                <c:pt idx="2622">
                  <c:v>83.164661657629026</c:v>
                </c:pt>
                <c:pt idx="2623">
                  <c:v>83.157543907226781</c:v>
                </c:pt>
                <c:pt idx="2624">
                  <c:v>83.149708045507992</c:v>
                </c:pt>
                <c:pt idx="2625">
                  <c:v>83.141893304710251</c:v>
                </c:pt>
                <c:pt idx="2626">
                  <c:v>83.134775554308021</c:v>
                </c:pt>
                <c:pt idx="2627">
                  <c:v>83.12696081351028</c:v>
                </c:pt>
                <c:pt idx="2628">
                  <c:v>83.120561174424594</c:v>
                </c:pt>
                <c:pt idx="2629">
                  <c:v>83.11344342402235</c:v>
                </c:pt>
                <c:pt idx="2630">
                  <c:v>83.105607562303547</c:v>
                </c:pt>
                <c:pt idx="2631">
                  <c:v>83.098510932822379</c:v>
                </c:pt>
                <c:pt idx="2632">
                  <c:v>83.09139318242012</c:v>
                </c:pt>
                <c:pt idx="2633">
                  <c:v>83.08427543201789</c:v>
                </c:pt>
                <c:pt idx="2634">
                  <c:v>83.077157681615645</c:v>
                </c:pt>
                <c:pt idx="2635">
                  <c:v>83.070061052134463</c:v>
                </c:pt>
                <c:pt idx="2636">
                  <c:v>83.06294330173219</c:v>
                </c:pt>
                <c:pt idx="2637">
                  <c:v>83.05582555132996</c:v>
                </c:pt>
                <c:pt idx="2638">
                  <c:v>83.048707800927716</c:v>
                </c:pt>
                <c:pt idx="2639">
                  <c:v>83.042308161842016</c:v>
                </c:pt>
                <c:pt idx="2640">
                  <c:v>83.035211532360847</c:v>
                </c:pt>
                <c:pt idx="2641">
                  <c:v>83.028093781958603</c:v>
                </c:pt>
                <c:pt idx="2642">
                  <c:v>83.020976031556344</c:v>
                </c:pt>
                <c:pt idx="2643">
                  <c:v>83.0138582811541</c:v>
                </c:pt>
                <c:pt idx="2644">
                  <c:v>83.006761651672917</c:v>
                </c:pt>
                <c:pt idx="2645">
                  <c:v>82.999643901270687</c:v>
                </c:pt>
                <c:pt idx="2646">
                  <c:v>82.992526150868429</c:v>
                </c:pt>
                <c:pt idx="2647">
                  <c:v>82.986126511782743</c:v>
                </c:pt>
                <c:pt idx="2648">
                  <c:v>82.979008761380484</c:v>
                </c:pt>
                <c:pt idx="2649">
                  <c:v>82.972609122294784</c:v>
                </c:pt>
                <c:pt idx="2650">
                  <c:v>82.966209483209084</c:v>
                </c:pt>
                <c:pt idx="2651">
                  <c:v>82.95980984412337</c:v>
                </c:pt>
                <c:pt idx="2652">
                  <c:v>82.953410205037684</c:v>
                </c:pt>
                <c:pt idx="2653">
                  <c:v>82.946292454635426</c:v>
                </c:pt>
                <c:pt idx="2654">
                  <c:v>82.939892815549726</c:v>
                </c:pt>
                <c:pt idx="2655">
                  <c:v>82.933493176464026</c:v>
                </c:pt>
                <c:pt idx="2656">
                  <c:v>82.92709353737834</c:v>
                </c:pt>
                <c:pt idx="2657">
                  <c:v>82.920693898292626</c:v>
                </c:pt>
                <c:pt idx="2658">
                  <c:v>82.91429425920694</c:v>
                </c:pt>
                <c:pt idx="2659">
                  <c:v>82.907894620121226</c:v>
                </c:pt>
                <c:pt idx="2660">
                  <c:v>82.901494981035526</c:v>
                </c:pt>
                <c:pt idx="2661">
                  <c:v>82.895095341949826</c:v>
                </c:pt>
                <c:pt idx="2662">
                  <c:v>82.888695702864126</c:v>
                </c:pt>
                <c:pt idx="2663">
                  <c:v>82.88227494285735</c:v>
                </c:pt>
                <c:pt idx="2664">
                  <c:v>82.875875303771636</c:v>
                </c:pt>
                <c:pt idx="2665">
                  <c:v>82.86947566468595</c:v>
                </c:pt>
                <c:pt idx="2666">
                  <c:v>82.86307602560025</c:v>
                </c:pt>
                <c:pt idx="2667">
                  <c:v>82.85667638651455</c:v>
                </c:pt>
                <c:pt idx="2668">
                  <c:v>82.850994858745381</c:v>
                </c:pt>
                <c:pt idx="2669">
                  <c:v>82.844595219659695</c:v>
                </c:pt>
                <c:pt idx="2670">
                  <c:v>82.838195580573995</c:v>
                </c:pt>
                <c:pt idx="2671">
                  <c:v>82.831795941488281</c:v>
                </c:pt>
                <c:pt idx="2672">
                  <c:v>82.825375181481519</c:v>
                </c:pt>
                <c:pt idx="2673">
                  <c:v>82.819693653712363</c:v>
                </c:pt>
                <c:pt idx="2674">
                  <c:v>82.813294014626663</c:v>
                </c:pt>
                <c:pt idx="2675">
                  <c:v>82.807612486857494</c:v>
                </c:pt>
                <c:pt idx="2676">
                  <c:v>82.80190983816729</c:v>
                </c:pt>
                <c:pt idx="2677">
                  <c:v>82.795510199081576</c:v>
                </c:pt>
                <c:pt idx="2678">
                  <c:v>82.789828671312421</c:v>
                </c:pt>
                <c:pt idx="2679">
                  <c:v>82.784126022622189</c:v>
                </c:pt>
                <c:pt idx="2680">
                  <c:v>82.777726383536489</c:v>
                </c:pt>
                <c:pt idx="2681">
                  <c:v>82.772044855767348</c:v>
                </c:pt>
                <c:pt idx="2682">
                  <c:v>82.766342207077102</c:v>
                </c:pt>
                <c:pt idx="2683">
                  <c:v>82.759942567991416</c:v>
                </c:pt>
                <c:pt idx="2684">
                  <c:v>82.754261040222261</c:v>
                </c:pt>
                <c:pt idx="2685">
                  <c:v>82.748579512453119</c:v>
                </c:pt>
                <c:pt idx="2686">
                  <c:v>82.742876863762888</c:v>
                </c:pt>
                <c:pt idx="2687">
                  <c:v>82.736477224677188</c:v>
                </c:pt>
                <c:pt idx="2688">
                  <c:v>82.730795696908018</c:v>
                </c:pt>
                <c:pt idx="2689">
                  <c:v>82.725093048217786</c:v>
                </c:pt>
                <c:pt idx="2690">
                  <c:v>82.719411520448645</c:v>
                </c:pt>
                <c:pt idx="2691">
                  <c:v>82.713708871758413</c:v>
                </c:pt>
                <c:pt idx="2692">
                  <c:v>82.708027343989258</c:v>
                </c:pt>
                <c:pt idx="2693">
                  <c:v>82.702345816220102</c:v>
                </c:pt>
                <c:pt idx="2694">
                  <c:v>82.696643167529885</c:v>
                </c:pt>
                <c:pt idx="2695">
                  <c:v>82.690961639760729</c:v>
                </c:pt>
                <c:pt idx="2696">
                  <c:v>82.685258991070512</c:v>
                </c:pt>
                <c:pt idx="2697">
                  <c:v>82.679577463301328</c:v>
                </c:pt>
                <c:pt idx="2698">
                  <c:v>82.673895935532187</c:v>
                </c:pt>
                <c:pt idx="2699">
                  <c:v>82.668193286841955</c:v>
                </c:pt>
                <c:pt idx="2700">
                  <c:v>82.662511759072814</c:v>
                </c:pt>
                <c:pt idx="2701">
                  <c:v>82.6561121199871</c:v>
                </c:pt>
                <c:pt idx="2702">
                  <c:v>82.651127582613427</c:v>
                </c:pt>
                <c:pt idx="2703">
                  <c:v>82.645446054844257</c:v>
                </c:pt>
                <c:pt idx="2704">
                  <c:v>82.640461517470584</c:v>
                </c:pt>
                <c:pt idx="2705">
                  <c:v>82.635476980096911</c:v>
                </c:pt>
                <c:pt idx="2706">
                  <c:v>82.629795452327755</c:v>
                </c:pt>
                <c:pt idx="2707">
                  <c:v>82.624810914954082</c:v>
                </c:pt>
                <c:pt idx="2708">
                  <c:v>82.619129387184927</c:v>
                </c:pt>
                <c:pt idx="2709">
                  <c:v>82.61414484981124</c:v>
                </c:pt>
                <c:pt idx="2710">
                  <c:v>82.609160312437552</c:v>
                </c:pt>
                <c:pt idx="2711">
                  <c:v>82.604175775063879</c:v>
                </c:pt>
                <c:pt idx="2712">
                  <c:v>82.599212358611268</c:v>
                </c:pt>
                <c:pt idx="2713">
                  <c:v>82.594227821237581</c:v>
                </c:pt>
                <c:pt idx="2714">
                  <c:v>82.589243283863908</c:v>
                </c:pt>
                <c:pt idx="2715">
                  <c:v>82.584279867411297</c:v>
                </c:pt>
                <c:pt idx="2716">
                  <c:v>82.579295330037624</c:v>
                </c:pt>
                <c:pt idx="2717">
                  <c:v>82.574310792663951</c:v>
                </c:pt>
                <c:pt idx="2718">
                  <c:v>82.56932625529025</c:v>
                </c:pt>
                <c:pt idx="2719">
                  <c:v>82.564362838837653</c:v>
                </c:pt>
                <c:pt idx="2720">
                  <c:v>82.55937830146398</c:v>
                </c:pt>
                <c:pt idx="2721">
                  <c:v>82.553675652773748</c:v>
                </c:pt>
                <c:pt idx="2722">
                  <c:v>82.548712236321151</c:v>
                </c:pt>
                <c:pt idx="2723">
                  <c:v>82.54372769894745</c:v>
                </c:pt>
                <c:pt idx="2724">
                  <c:v>82.539461272890321</c:v>
                </c:pt>
                <c:pt idx="2725">
                  <c:v>82.534476735516648</c:v>
                </c:pt>
                <c:pt idx="2726">
                  <c:v>82.529513319064023</c:v>
                </c:pt>
                <c:pt idx="2727">
                  <c:v>82.525225772085832</c:v>
                </c:pt>
                <c:pt idx="2728">
                  <c:v>82.520262355633236</c:v>
                </c:pt>
                <c:pt idx="2729">
                  <c:v>82.514559706943004</c:v>
                </c:pt>
                <c:pt idx="2730">
                  <c:v>82.509596290490393</c:v>
                </c:pt>
                <c:pt idx="2731">
                  <c:v>82.50461175311672</c:v>
                </c:pt>
                <c:pt idx="2732">
                  <c:v>82.499627215743018</c:v>
                </c:pt>
                <c:pt idx="2733">
                  <c:v>82.494642678369331</c:v>
                </c:pt>
                <c:pt idx="2734">
                  <c:v>82.490376252312217</c:v>
                </c:pt>
                <c:pt idx="2735">
                  <c:v>82.485412835859591</c:v>
                </c:pt>
                <c:pt idx="2736">
                  <c:v>82.480428298485919</c:v>
                </c:pt>
                <c:pt idx="2737">
                  <c:v>82.47616187242879</c:v>
                </c:pt>
                <c:pt idx="2738">
                  <c:v>82.471895446371661</c:v>
                </c:pt>
                <c:pt idx="2739">
                  <c:v>82.467629020314519</c:v>
                </c:pt>
                <c:pt idx="2740">
                  <c:v>82.463362594257404</c:v>
                </c:pt>
                <c:pt idx="2741">
                  <c:v>82.458378056883717</c:v>
                </c:pt>
                <c:pt idx="2742">
                  <c:v>82.45411163082656</c:v>
                </c:pt>
                <c:pt idx="2743">
                  <c:v>82.449845204769446</c:v>
                </c:pt>
                <c:pt idx="2744">
                  <c:v>82.445578778712317</c:v>
                </c:pt>
                <c:pt idx="2745">
                  <c:v>82.441312352655174</c:v>
                </c:pt>
                <c:pt idx="2746">
                  <c:v>82.4377429169935</c:v>
                </c:pt>
                <c:pt idx="2747">
                  <c:v>82.433476490936386</c:v>
                </c:pt>
                <c:pt idx="2748">
                  <c:v>82.42851307448376</c:v>
                </c:pt>
                <c:pt idx="2749">
                  <c:v>82.424246648426646</c:v>
                </c:pt>
                <c:pt idx="2750">
                  <c:v>82.419980222369503</c:v>
                </c:pt>
                <c:pt idx="2751">
                  <c:v>82.416410786707843</c:v>
                </c:pt>
                <c:pt idx="2752">
                  <c:v>82.4121443606507</c:v>
                </c:pt>
                <c:pt idx="2753">
                  <c:v>82.407877934593586</c:v>
                </c:pt>
                <c:pt idx="2754">
                  <c:v>82.402893397219913</c:v>
                </c:pt>
                <c:pt idx="2755">
                  <c:v>82.398626971162756</c:v>
                </c:pt>
                <c:pt idx="2756">
                  <c:v>82.395078656422186</c:v>
                </c:pt>
                <c:pt idx="2757">
                  <c:v>82.390812230365057</c:v>
                </c:pt>
                <c:pt idx="2758">
                  <c:v>82.387242794703383</c:v>
                </c:pt>
                <c:pt idx="2759">
                  <c:v>82.382976368646254</c:v>
                </c:pt>
                <c:pt idx="2760">
                  <c:v>82.379428053905656</c:v>
                </c:pt>
                <c:pt idx="2761">
                  <c:v>82.375161627848527</c:v>
                </c:pt>
                <c:pt idx="2762">
                  <c:v>82.370895201791399</c:v>
                </c:pt>
                <c:pt idx="2763">
                  <c:v>82.366628775734256</c:v>
                </c:pt>
                <c:pt idx="2764">
                  <c:v>82.362362349677127</c:v>
                </c:pt>
                <c:pt idx="2765">
                  <c:v>82.35737781230344</c:v>
                </c:pt>
                <c:pt idx="2766">
                  <c:v>82.353111386246312</c:v>
                </c:pt>
                <c:pt idx="2767">
                  <c:v>82.348844960189183</c:v>
                </c:pt>
                <c:pt idx="2768">
                  <c:v>82.345296645448599</c:v>
                </c:pt>
                <c:pt idx="2769">
                  <c:v>82.341030219391456</c:v>
                </c:pt>
                <c:pt idx="2770">
                  <c:v>82.337460783729782</c:v>
                </c:pt>
                <c:pt idx="2771">
                  <c:v>82.333194357672653</c:v>
                </c:pt>
                <c:pt idx="2772">
                  <c:v>82.329646042932069</c:v>
                </c:pt>
                <c:pt idx="2773">
                  <c:v>82.325379616874955</c:v>
                </c:pt>
                <c:pt idx="2774">
                  <c:v>82.321113190817798</c:v>
                </c:pt>
                <c:pt idx="2775">
                  <c:v>82.317543755156152</c:v>
                </c:pt>
                <c:pt idx="2776">
                  <c:v>82.313277329098995</c:v>
                </c:pt>
                <c:pt idx="2777">
                  <c:v>82.309729014358425</c:v>
                </c:pt>
                <c:pt idx="2778">
                  <c:v>82.305462588301296</c:v>
                </c:pt>
                <c:pt idx="2779">
                  <c:v>82.301893152639622</c:v>
                </c:pt>
                <c:pt idx="2780">
                  <c:v>82.298344837899037</c:v>
                </c:pt>
                <c:pt idx="2781">
                  <c:v>82.294796523158453</c:v>
                </c:pt>
                <c:pt idx="2782">
                  <c:v>82.291227087496807</c:v>
                </c:pt>
                <c:pt idx="2783">
                  <c:v>82.28696066143965</c:v>
                </c:pt>
                <c:pt idx="2784">
                  <c:v>82.283412346699066</c:v>
                </c:pt>
                <c:pt idx="2785">
                  <c:v>82.27984291103742</c:v>
                </c:pt>
                <c:pt idx="2786">
                  <c:v>82.276294596296822</c:v>
                </c:pt>
                <c:pt idx="2787">
                  <c:v>82.272746281556238</c:v>
                </c:pt>
                <c:pt idx="2788">
                  <c:v>82.269176845894563</c:v>
                </c:pt>
                <c:pt idx="2789">
                  <c:v>82.265628531153993</c:v>
                </c:pt>
                <c:pt idx="2790">
                  <c:v>82.262080216413409</c:v>
                </c:pt>
                <c:pt idx="2791">
                  <c:v>82.258510780751735</c:v>
                </c:pt>
                <c:pt idx="2792">
                  <c:v>82.255680577327723</c:v>
                </c:pt>
                <c:pt idx="2793">
                  <c:v>82.252111141666049</c:v>
                </c:pt>
                <c:pt idx="2794">
                  <c:v>82.248562826925451</c:v>
                </c:pt>
                <c:pt idx="2795">
                  <c:v>82.244993391263804</c:v>
                </c:pt>
                <c:pt idx="2796">
                  <c:v>82.240726965206662</c:v>
                </c:pt>
                <c:pt idx="2797">
                  <c:v>82.237178650466078</c:v>
                </c:pt>
                <c:pt idx="2798">
                  <c:v>82.234327326120976</c:v>
                </c:pt>
                <c:pt idx="2799">
                  <c:v>82.230779011380378</c:v>
                </c:pt>
                <c:pt idx="2800">
                  <c:v>82.227230696639779</c:v>
                </c:pt>
                <c:pt idx="2801">
                  <c:v>82.224379372294692</c:v>
                </c:pt>
                <c:pt idx="2802">
                  <c:v>82.220809936633017</c:v>
                </c:pt>
                <c:pt idx="2803">
                  <c:v>82.217261621892419</c:v>
                </c:pt>
                <c:pt idx="2804">
                  <c:v>82.213713307151849</c:v>
                </c:pt>
                <c:pt idx="2805">
                  <c:v>82.210143871490189</c:v>
                </c:pt>
                <c:pt idx="2806">
                  <c:v>82.206595556749591</c:v>
                </c:pt>
                <c:pt idx="2807">
                  <c:v>82.203047242008992</c:v>
                </c:pt>
                <c:pt idx="2808">
                  <c:v>82.199477806347332</c:v>
                </c:pt>
                <c:pt idx="2809">
                  <c:v>82.195929491606762</c:v>
                </c:pt>
                <c:pt idx="2810">
                  <c:v>82.192360055945088</c:v>
                </c:pt>
                <c:pt idx="2811">
                  <c:v>82.188811741204503</c:v>
                </c:pt>
                <c:pt idx="2812">
                  <c:v>82.185960416859388</c:v>
                </c:pt>
                <c:pt idx="2813">
                  <c:v>82.183130213435362</c:v>
                </c:pt>
                <c:pt idx="2814">
                  <c:v>82.179560777773702</c:v>
                </c:pt>
                <c:pt idx="2815">
                  <c:v>82.176730574349648</c:v>
                </c:pt>
                <c:pt idx="2816">
                  <c:v>82.173879250004546</c:v>
                </c:pt>
                <c:pt idx="2817">
                  <c:v>82.171027925659416</c:v>
                </c:pt>
                <c:pt idx="2818">
                  <c:v>82.167479610918846</c:v>
                </c:pt>
                <c:pt idx="2819">
                  <c:v>82.165346397890289</c:v>
                </c:pt>
                <c:pt idx="2820">
                  <c:v>82.162495073545159</c:v>
                </c:pt>
                <c:pt idx="2821">
                  <c:v>82.160361860516602</c:v>
                </c:pt>
                <c:pt idx="2822">
                  <c:v>82.157510536171486</c:v>
                </c:pt>
                <c:pt idx="2823">
                  <c:v>82.154680332747446</c:v>
                </c:pt>
                <c:pt idx="2824">
                  <c:v>82.152547119718861</c:v>
                </c:pt>
                <c:pt idx="2825">
                  <c:v>82.149695795373759</c:v>
                </c:pt>
                <c:pt idx="2826">
                  <c:v>82.146844471028629</c:v>
                </c:pt>
                <c:pt idx="2827">
                  <c:v>82.144014267604604</c:v>
                </c:pt>
                <c:pt idx="2828">
                  <c:v>82.141162943259488</c:v>
                </c:pt>
                <c:pt idx="2829">
                  <c:v>82.138311618914386</c:v>
                </c:pt>
                <c:pt idx="2830">
                  <c:v>82.136178405885801</c:v>
                </c:pt>
                <c:pt idx="2831">
                  <c:v>82.133327081540699</c:v>
                </c:pt>
                <c:pt idx="2832">
                  <c:v>82.130496878116659</c:v>
                </c:pt>
                <c:pt idx="2833">
                  <c:v>82.128363665088088</c:v>
                </c:pt>
                <c:pt idx="2834">
                  <c:v>82.125512340742972</c:v>
                </c:pt>
                <c:pt idx="2835">
                  <c:v>82.123379127714415</c:v>
                </c:pt>
                <c:pt idx="2836">
                  <c:v>82.120527803369299</c:v>
                </c:pt>
                <c:pt idx="2837">
                  <c:v>82.117697599945259</c:v>
                </c:pt>
                <c:pt idx="2838">
                  <c:v>82.114128164283599</c:v>
                </c:pt>
                <c:pt idx="2839">
                  <c:v>82.111276839938483</c:v>
                </c:pt>
                <c:pt idx="2840">
                  <c:v>82.108446636514458</c:v>
                </c:pt>
                <c:pt idx="2841">
                  <c:v>82.104877200852783</c:v>
                </c:pt>
                <c:pt idx="2842">
                  <c:v>82.102046997428729</c:v>
                </c:pt>
                <c:pt idx="2843">
                  <c:v>82.098477561767069</c:v>
                </c:pt>
                <c:pt idx="2844">
                  <c:v>82.095647358343044</c:v>
                </c:pt>
                <c:pt idx="2845">
                  <c:v>82.092077922681383</c:v>
                </c:pt>
                <c:pt idx="2846">
                  <c:v>82.088529607940799</c:v>
                </c:pt>
                <c:pt idx="2847">
                  <c:v>82.085678283595669</c:v>
                </c:pt>
                <c:pt idx="2848">
                  <c:v>82.083545070567126</c:v>
                </c:pt>
                <c:pt idx="2849">
                  <c:v>82.080693746221982</c:v>
                </c:pt>
                <c:pt idx="2850">
                  <c:v>82.077863542797942</c:v>
                </c:pt>
                <c:pt idx="2851">
                  <c:v>82.075730329769385</c:v>
                </c:pt>
                <c:pt idx="2852">
                  <c:v>82.072879005424269</c:v>
                </c:pt>
                <c:pt idx="2853">
                  <c:v>82.070745792395712</c:v>
                </c:pt>
                <c:pt idx="2854">
                  <c:v>82.067894468050596</c:v>
                </c:pt>
                <c:pt idx="2855">
                  <c:v>82.065761255022025</c:v>
                </c:pt>
                <c:pt idx="2856">
                  <c:v>82.062931051597985</c:v>
                </c:pt>
                <c:pt idx="2857">
                  <c:v>82.060797838569428</c:v>
                </c:pt>
                <c:pt idx="2858">
                  <c:v>82.057946514224298</c:v>
                </c:pt>
                <c:pt idx="2859">
                  <c:v>82.055813301195741</c:v>
                </c:pt>
                <c:pt idx="2860">
                  <c:v>82.053680088167184</c:v>
                </c:pt>
                <c:pt idx="2861">
                  <c:v>82.051546875138612</c:v>
                </c:pt>
                <c:pt idx="2862">
                  <c:v>82.048695550793497</c:v>
                </c:pt>
                <c:pt idx="2863">
                  <c:v>82.046562337764925</c:v>
                </c:pt>
                <c:pt idx="2864">
                  <c:v>82.044429124736368</c:v>
                </c:pt>
                <c:pt idx="2865">
                  <c:v>82.042295911707797</c:v>
                </c:pt>
                <c:pt idx="2866">
                  <c:v>82.040162698679225</c:v>
                </c:pt>
                <c:pt idx="2867">
                  <c:v>82.038747596967198</c:v>
                </c:pt>
                <c:pt idx="2868">
                  <c:v>82.036614383938627</c:v>
                </c:pt>
                <c:pt idx="2869">
                  <c:v>82.035178161305552</c:v>
                </c:pt>
                <c:pt idx="2870">
                  <c:v>82.033044948276967</c:v>
                </c:pt>
                <c:pt idx="2871">
                  <c:v>82.030911735248395</c:v>
                </c:pt>
                <c:pt idx="2872">
                  <c:v>82.028778522219838</c:v>
                </c:pt>
                <c:pt idx="2873">
                  <c:v>82.025927197874722</c:v>
                </c:pt>
                <c:pt idx="2874">
                  <c:v>82.023793984846165</c:v>
                </c:pt>
                <c:pt idx="2875">
                  <c:v>82.021660771817594</c:v>
                </c:pt>
                <c:pt idx="2876">
                  <c:v>82.019527558789036</c:v>
                </c:pt>
                <c:pt idx="2877">
                  <c:v>82.017394345760465</c:v>
                </c:pt>
                <c:pt idx="2878">
                  <c:v>82.015261132731879</c:v>
                </c:pt>
                <c:pt idx="2879">
                  <c:v>82.013127919703322</c:v>
                </c:pt>
                <c:pt idx="2880">
                  <c:v>82.010994706674751</c:v>
                </c:pt>
                <c:pt idx="2881">
                  <c:v>82.009579604962738</c:v>
                </c:pt>
                <c:pt idx="2882">
                  <c:v>82.007446391934167</c:v>
                </c:pt>
                <c:pt idx="2883">
                  <c:v>82.00531317890561</c:v>
                </c:pt>
                <c:pt idx="2884">
                  <c:v>82.003179965877038</c:v>
                </c:pt>
                <c:pt idx="2885">
                  <c:v>82.001046752848481</c:v>
                </c:pt>
                <c:pt idx="2886">
                  <c:v>81.998913539819924</c:v>
                </c:pt>
                <c:pt idx="2887">
                  <c:v>81.996780326791352</c:v>
                </c:pt>
                <c:pt idx="2888">
                  <c:v>81.994647113762781</c:v>
                </c:pt>
                <c:pt idx="2889">
                  <c:v>81.992513900734195</c:v>
                </c:pt>
                <c:pt idx="2890">
                  <c:v>81.991077678101121</c:v>
                </c:pt>
                <c:pt idx="2891">
                  <c:v>81.988944465072549</c:v>
                </c:pt>
                <c:pt idx="2892">
                  <c:v>81.986811252043964</c:v>
                </c:pt>
                <c:pt idx="2893">
                  <c:v>81.984678039015407</c:v>
                </c:pt>
                <c:pt idx="2894">
                  <c:v>81.983262937303394</c:v>
                </c:pt>
                <c:pt idx="2895">
                  <c:v>81.981847835591367</c:v>
                </c:pt>
                <c:pt idx="2896">
                  <c:v>81.97971462256281</c:v>
                </c:pt>
                <c:pt idx="2897">
                  <c:v>81.978278399929721</c:v>
                </c:pt>
                <c:pt idx="2898">
                  <c:v>81.976145186901135</c:v>
                </c:pt>
                <c:pt idx="2899">
                  <c:v>81.974011973872578</c:v>
                </c:pt>
                <c:pt idx="2900">
                  <c:v>81.972596872160565</c:v>
                </c:pt>
                <c:pt idx="2901">
                  <c:v>81.97046365913198</c:v>
                </c:pt>
                <c:pt idx="2902">
                  <c:v>81.968330446103423</c:v>
                </c:pt>
                <c:pt idx="2903">
                  <c:v>81.966197233074851</c:v>
                </c:pt>
                <c:pt idx="2904">
                  <c:v>81.964761010441762</c:v>
                </c:pt>
                <c:pt idx="2905">
                  <c:v>81.962627797413191</c:v>
                </c:pt>
                <c:pt idx="2906">
                  <c:v>81.96049458438462</c:v>
                </c:pt>
                <c:pt idx="2907">
                  <c:v>81.959079482672607</c:v>
                </c:pt>
                <c:pt idx="2908">
                  <c:v>81.956946269644035</c:v>
                </c:pt>
                <c:pt idx="2909">
                  <c:v>81.955531167932023</c:v>
                </c:pt>
                <c:pt idx="2910">
                  <c:v>81.953397954903437</c:v>
                </c:pt>
                <c:pt idx="2911">
                  <c:v>81.951961732270362</c:v>
                </c:pt>
                <c:pt idx="2912">
                  <c:v>81.950546630558335</c:v>
                </c:pt>
                <c:pt idx="2913">
                  <c:v>81.948413417529764</c:v>
                </c:pt>
                <c:pt idx="2914">
                  <c:v>81.946977194896689</c:v>
                </c:pt>
                <c:pt idx="2915">
                  <c:v>81.944843981868118</c:v>
                </c:pt>
                <c:pt idx="2916">
                  <c:v>81.943428880156091</c:v>
                </c:pt>
                <c:pt idx="2917">
                  <c:v>81.941295667127548</c:v>
                </c:pt>
                <c:pt idx="2918">
                  <c:v>81.939162454098962</c:v>
                </c:pt>
                <c:pt idx="2919">
                  <c:v>81.93774735238695</c:v>
                </c:pt>
                <c:pt idx="2920">
                  <c:v>81.935614139358364</c:v>
                </c:pt>
                <c:pt idx="2921">
                  <c:v>81.934177916725275</c:v>
                </c:pt>
                <c:pt idx="2922">
                  <c:v>81.932044703696718</c:v>
                </c:pt>
                <c:pt idx="2923">
                  <c:v>81.930629601984691</c:v>
                </c:pt>
                <c:pt idx="2924">
                  <c:v>81.929214500272678</c:v>
                </c:pt>
                <c:pt idx="2925">
                  <c:v>81.927081287244093</c:v>
                </c:pt>
                <c:pt idx="2926">
                  <c:v>81.925645064611018</c:v>
                </c:pt>
                <c:pt idx="2927">
                  <c:v>81.924229962898991</c:v>
                </c:pt>
                <c:pt idx="2928">
                  <c:v>81.922814861186964</c:v>
                </c:pt>
                <c:pt idx="2929">
                  <c:v>81.920660527237331</c:v>
                </c:pt>
                <c:pt idx="2930">
                  <c:v>81.919245425525304</c:v>
                </c:pt>
                <c:pt idx="2931">
                  <c:v>81.917830323813291</c:v>
                </c:pt>
                <c:pt idx="2932">
                  <c:v>81.916394101180188</c:v>
                </c:pt>
                <c:pt idx="2933">
                  <c:v>81.914260888151631</c:v>
                </c:pt>
                <c:pt idx="2934">
                  <c:v>81.912845786439618</c:v>
                </c:pt>
                <c:pt idx="2935">
                  <c:v>81.911430684727591</c:v>
                </c:pt>
                <c:pt idx="2936">
                  <c:v>81.909297471699006</c:v>
                </c:pt>
                <c:pt idx="2937">
                  <c:v>81.907861249065931</c:v>
                </c:pt>
                <c:pt idx="2938">
                  <c:v>81.906446147353904</c:v>
                </c:pt>
                <c:pt idx="2939">
                  <c:v>81.904312934325333</c:v>
                </c:pt>
                <c:pt idx="2940">
                  <c:v>81.90289783261332</c:v>
                </c:pt>
                <c:pt idx="2941">
                  <c:v>81.901461609980231</c:v>
                </c:pt>
                <c:pt idx="2942">
                  <c:v>81.900046508268204</c:v>
                </c:pt>
                <c:pt idx="2943">
                  <c:v>81.898631406556177</c:v>
                </c:pt>
                <c:pt idx="2944">
                  <c:v>81.896498193527606</c:v>
                </c:pt>
                <c:pt idx="2945">
                  <c:v>81.895061970894517</c:v>
                </c:pt>
                <c:pt idx="2946">
                  <c:v>81.893646869182504</c:v>
                </c:pt>
                <c:pt idx="2947">
                  <c:v>81.891513656153933</c:v>
                </c:pt>
                <c:pt idx="2948">
                  <c:v>81.890077433520844</c:v>
                </c:pt>
                <c:pt idx="2949">
                  <c:v>81.888662331808831</c:v>
                </c:pt>
                <c:pt idx="2950">
                  <c:v>81.887247230096818</c:v>
                </c:pt>
                <c:pt idx="2951">
                  <c:v>81.885811007463701</c:v>
                </c:pt>
                <c:pt idx="2952">
                  <c:v>81.884395905751703</c:v>
                </c:pt>
                <c:pt idx="2953">
                  <c:v>81.882262692723131</c:v>
                </c:pt>
                <c:pt idx="2954">
                  <c:v>81.88084759101109</c:v>
                </c:pt>
                <c:pt idx="2955">
                  <c:v>81.88012947969456</c:v>
                </c:pt>
                <c:pt idx="2956">
                  <c:v>81.878714377982533</c:v>
                </c:pt>
                <c:pt idx="2957">
                  <c:v>81.877278155349458</c:v>
                </c:pt>
                <c:pt idx="2958">
                  <c:v>81.875863053637417</c:v>
                </c:pt>
                <c:pt idx="2959">
                  <c:v>81.875144942320873</c:v>
                </c:pt>
                <c:pt idx="2960">
                  <c:v>81.87372984060886</c:v>
                </c:pt>
                <c:pt idx="2961">
                  <c:v>81.872314738896847</c:v>
                </c:pt>
                <c:pt idx="2962">
                  <c:v>81.870878516263744</c:v>
                </c:pt>
                <c:pt idx="2963">
                  <c:v>81.869463414551717</c:v>
                </c:pt>
                <c:pt idx="2964">
                  <c:v>81.868048312839704</c:v>
                </c:pt>
                <c:pt idx="2965">
                  <c:v>81.866612090206615</c:v>
                </c:pt>
                <c:pt idx="2966">
                  <c:v>81.865893978890057</c:v>
                </c:pt>
                <c:pt idx="2967">
                  <c:v>81.864478877178044</c:v>
                </c:pt>
                <c:pt idx="2968">
                  <c:v>81.8637607658615</c:v>
                </c:pt>
                <c:pt idx="2969">
                  <c:v>81.863063775466003</c:v>
                </c:pt>
                <c:pt idx="2970">
                  <c:v>81.861627552832928</c:v>
                </c:pt>
                <c:pt idx="2971">
                  <c:v>81.860212451120901</c:v>
                </c:pt>
                <c:pt idx="2972">
                  <c:v>81.859494339804357</c:v>
                </c:pt>
                <c:pt idx="2973">
                  <c:v>81.858797349408903</c:v>
                </c:pt>
                <c:pt idx="2974">
                  <c:v>81.8573611267758</c:v>
                </c:pt>
                <c:pt idx="2975">
                  <c:v>81.856664136380331</c:v>
                </c:pt>
                <c:pt idx="2976">
                  <c:v>81.855946025063787</c:v>
                </c:pt>
                <c:pt idx="2977">
                  <c:v>81.85453092335176</c:v>
                </c:pt>
                <c:pt idx="2978">
                  <c:v>81.853812812035201</c:v>
                </c:pt>
                <c:pt idx="2979">
                  <c:v>81.852397710323174</c:v>
                </c:pt>
                <c:pt idx="2980">
                  <c:v>81.850961487690086</c:v>
                </c:pt>
                <c:pt idx="2981">
                  <c:v>81.849546385978073</c:v>
                </c:pt>
                <c:pt idx="2982">
                  <c:v>81.847413172949501</c:v>
                </c:pt>
                <c:pt idx="2983">
                  <c:v>81.845998071237489</c:v>
                </c:pt>
                <c:pt idx="2984">
                  <c:v>81.844561848604386</c:v>
                </c:pt>
                <c:pt idx="2985">
                  <c:v>81.843864858208931</c:v>
                </c:pt>
                <c:pt idx="2986">
                  <c:v>81.842428635575828</c:v>
                </c:pt>
                <c:pt idx="2987">
                  <c:v>81.841013533863801</c:v>
                </c:pt>
                <c:pt idx="2988">
                  <c:v>81.840295422547257</c:v>
                </c:pt>
                <c:pt idx="2989">
                  <c:v>81.838880320835244</c:v>
                </c:pt>
                <c:pt idx="2990">
                  <c:v>81.8381622095187</c:v>
                </c:pt>
                <c:pt idx="2991">
                  <c:v>81.836747107806673</c:v>
                </c:pt>
                <c:pt idx="2992">
                  <c:v>81.836028996490128</c:v>
                </c:pt>
                <c:pt idx="2993">
                  <c:v>81.834613894778101</c:v>
                </c:pt>
                <c:pt idx="2994">
                  <c:v>81.833895783461557</c:v>
                </c:pt>
                <c:pt idx="2995">
                  <c:v>81.833177672145013</c:v>
                </c:pt>
                <c:pt idx="2996">
                  <c:v>81.831762570433</c:v>
                </c:pt>
                <c:pt idx="2997">
                  <c:v>81.831044459116427</c:v>
                </c:pt>
                <c:pt idx="2998">
                  <c:v>81.829629357404414</c:v>
                </c:pt>
                <c:pt idx="2999">
                  <c:v>81.828911246087884</c:v>
                </c:pt>
                <c:pt idx="3000">
                  <c:v>81.827496144375871</c:v>
                </c:pt>
                <c:pt idx="3001">
                  <c:v>81.826778033059327</c:v>
                </c:pt>
                <c:pt idx="3002">
                  <c:v>81.825362931347286</c:v>
                </c:pt>
                <c:pt idx="3003">
                  <c:v>81.823947829635273</c:v>
                </c:pt>
                <c:pt idx="3004">
                  <c:v>81.823229718318728</c:v>
                </c:pt>
                <c:pt idx="3005">
                  <c:v>81.821814616606702</c:v>
                </c:pt>
                <c:pt idx="3006">
                  <c:v>81.821096505290157</c:v>
                </c:pt>
                <c:pt idx="3007">
                  <c:v>81.820378393973613</c:v>
                </c:pt>
                <c:pt idx="3008">
                  <c:v>81.8189632922616</c:v>
                </c:pt>
                <c:pt idx="3009">
                  <c:v>81.818245180945041</c:v>
                </c:pt>
                <c:pt idx="3010">
                  <c:v>81.817548190549587</c:v>
                </c:pt>
                <c:pt idx="3011">
                  <c:v>81.816830079233029</c:v>
                </c:pt>
                <c:pt idx="3012">
                  <c:v>81.816111967916484</c:v>
                </c:pt>
                <c:pt idx="3013">
                  <c:v>81.814696866204457</c:v>
                </c:pt>
                <c:pt idx="3014">
                  <c:v>81.813978754887913</c:v>
                </c:pt>
                <c:pt idx="3015">
                  <c:v>81.8125636531759</c:v>
                </c:pt>
                <c:pt idx="3016">
                  <c:v>81.811845541859356</c:v>
                </c:pt>
                <c:pt idx="3017">
                  <c:v>81.810430440147329</c:v>
                </c:pt>
                <c:pt idx="3018">
                  <c:v>81.809712328830784</c:v>
                </c:pt>
                <c:pt idx="3019">
                  <c:v>81.808297227118757</c:v>
                </c:pt>
                <c:pt idx="3020">
                  <c:v>81.806861004485668</c:v>
                </c:pt>
                <c:pt idx="3021">
                  <c:v>81.805445902773627</c:v>
                </c:pt>
                <c:pt idx="3022">
                  <c:v>81.804030801061629</c:v>
                </c:pt>
                <c:pt idx="3023">
                  <c:v>81.802594578428526</c:v>
                </c:pt>
                <c:pt idx="3024">
                  <c:v>81.801179476716513</c:v>
                </c:pt>
                <c:pt idx="3025">
                  <c:v>81.799764375004486</c:v>
                </c:pt>
                <c:pt idx="3026">
                  <c:v>81.799046263687941</c:v>
                </c:pt>
                <c:pt idx="3027">
                  <c:v>81.797631161975929</c:v>
                </c:pt>
                <c:pt idx="3028">
                  <c:v>81.79691305065937</c:v>
                </c:pt>
                <c:pt idx="3029">
                  <c:v>81.796194939342826</c:v>
                </c:pt>
                <c:pt idx="3030">
                  <c:v>81.794779837630799</c:v>
                </c:pt>
                <c:pt idx="3031">
                  <c:v>81.794061726314254</c:v>
                </c:pt>
                <c:pt idx="3032">
                  <c:v>81.793364735918772</c:v>
                </c:pt>
                <c:pt idx="3033">
                  <c:v>81.792646624602241</c:v>
                </c:pt>
                <c:pt idx="3034">
                  <c:v>81.791928513285697</c:v>
                </c:pt>
                <c:pt idx="3035">
                  <c:v>81.79051341157367</c:v>
                </c:pt>
                <c:pt idx="3036">
                  <c:v>81.789098309861657</c:v>
                </c:pt>
                <c:pt idx="3037">
                  <c:v>81.787662087228568</c:v>
                </c:pt>
                <c:pt idx="3038">
                  <c:v>81.786965096833086</c:v>
                </c:pt>
                <c:pt idx="3039">
                  <c:v>81.786246985516527</c:v>
                </c:pt>
                <c:pt idx="3040">
                  <c:v>81.784831883804515</c:v>
                </c:pt>
                <c:pt idx="3041">
                  <c:v>81.78411377248797</c:v>
                </c:pt>
                <c:pt idx="3042">
                  <c:v>81.782677549854867</c:v>
                </c:pt>
                <c:pt idx="3043">
                  <c:v>81.781980559459399</c:v>
                </c:pt>
                <c:pt idx="3044">
                  <c:v>81.781262448142854</c:v>
                </c:pt>
                <c:pt idx="3045">
                  <c:v>81.780544336826296</c:v>
                </c:pt>
                <c:pt idx="3046">
                  <c:v>81.779847346430827</c:v>
                </c:pt>
                <c:pt idx="3047">
                  <c:v>81.779129235114283</c:v>
                </c:pt>
                <c:pt idx="3048">
                  <c:v>81.778411123797738</c:v>
                </c:pt>
                <c:pt idx="3049">
                  <c:v>81.77771413340227</c:v>
                </c:pt>
                <c:pt idx="3050">
                  <c:v>81.776996022085712</c:v>
                </c:pt>
                <c:pt idx="3051">
                  <c:v>81.776277910769167</c:v>
                </c:pt>
                <c:pt idx="3052">
                  <c:v>81.775580920373713</c:v>
                </c:pt>
                <c:pt idx="3053">
                  <c:v>81.774862809057154</c:v>
                </c:pt>
                <c:pt idx="3054">
                  <c:v>81.77414469774061</c:v>
                </c:pt>
                <c:pt idx="3055">
                  <c:v>81.773447707345142</c:v>
                </c:pt>
                <c:pt idx="3056">
                  <c:v>81.772011484712053</c:v>
                </c:pt>
                <c:pt idx="3057">
                  <c:v>81.770596383000026</c:v>
                </c:pt>
                <c:pt idx="3058">
                  <c:v>81.769878271683481</c:v>
                </c:pt>
                <c:pt idx="3059">
                  <c:v>81.769181281288013</c:v>
                </c:pt>
                <c:pt idx="3060">
                  <c:v>81.767745058654924</c:v>
                </c:pt>
                <c:pt idx="3061">
                  <c:v>81.767048068259427</c:v>
                </c:pt>
                <c:pt idx="3062">
                  <c:v>81.766329956942897</c:v>
                </c:pt>
                <c:pt idx="3063">
                  <c:v>81.765611845626353</c:v>
                </c:pt>
                <c:pt idx="3064">
                  <c:v>81.764196743914326</c:v>
                </c:pt>
                <c:pt idx="3065">
                  <c:v>81.763478632597781</c:v>
                </c:pt>
                <c:pt idx="3066">
                  <c:v>81.762781642202327</c:v>
                </c:pt>
                <c:pt idx="3067">
                  <c:v>81.762063530885754</c:v>
                </c:pt>
                <c:pt idx="3068">
                  <c:v>81.760648429173742</c:v>
                </c:pt>
                <c:pt idx="3069">
                  <c:v>81.759930317857183</c:v>
                </c:pt>
                <c:pt idx="3070">
                  <c:v>81.758515216145184</c:v>
                </c:pt>
                <c:pt idx="3071">
                  <c:v>81.757797104828626</c:v>
                </c:pt>
                <c:pt idx="3072">
                  <c:v>81.756360882195523</c:v>
                </c:pt>
                <c:pt idx="3073">
                  <c:v>81.755663891800054</c:v>
                </c:pt>
                <c:pt idx="3074">
                  <c:v>81.75494578048351</c:v>
                </c:pt>
                <c:pt idx="3075">
                  <c:v>81.754227669166951</c:v>
                </c:pt>
                <c:pt idx="3076">
                  <c:v>81.752812567454939</c:v>
                </c:pt>
                <c:pt idx="3077">
                  <c:v>81.752094456138394</c:v>
                </c:pt>
                <c:pt idx="3078">
                  <c:v>81.751397465742926</c:v>
                </c:pt>
                <c:pt idx="3079">
                  <c:v>81.749961243109823</c:v>
                </c:pt>
                <c:pt idx="3080">
                  <c:v>81.749264252714354</c:v>
                </c:pt>
                <c:pt idx="3081">
                  <c:v>81.74854614139781</c:v>
                </c:pt>
                <c:pt idx="3082">
                  <c:v>81.747828030081266</c:v>
                </c:pt>
                <c:pt idx="3083">
                  <c:v>81.747131039685797</c:v>
                </c:pt>
                <c:pt idx="3084">
                  <c:v>81.746412928369239</c:v>
                </c:pt>
                <c:pt idx="3085">
                  <c:v>81.746412928369239</c:v>
                </c:pt>
                <c:pt idx="3086">
                  <c:v>81.745694817052694</c:v>
                </c:pt>
                <c:pt idx="3087">
                  <c:v>81.744997826657226</c:v>
                </c:pt>
                <c:pt idx="3088">
                  <c:v>81.744279715340681</c:v>
                </c:pt>
                <c:pt idx="3089">
                  <c:v>81.743561604024123</c:v>
                </c:pt>
                <c:pt idx="3090">
                  <c:v>81.742864613628669</c:v>
                </c:pt>
                <c:pt idx="3091">
                  <c:v>81.74214650231211</c:v>
                </c:pt>
                <c:pt idx="3092">
                  <c:v>81.740731400600083</c:v>
                </c:pt>
                <c:pt idx="3093">
                  <c:v>81.740731400600083</c:v>
                </c:pt>
                <c:pt idx="3094">
                  <c:v>81.740013289283525</c:v>
                </c:pt>
                <c:pt idx="3095">
                  <c:v>81.739295177966994</c:v>
                </c:pt>
                <c:pt idx="3096">
                  <c:v>81.738598187571512</c:v>
                </c:pt>
                <c:pt idx="3097">
                  <c:v>81.737880076254967</c:v>
                </c:pt>
                <c:pt idx="3098">
                  <c:v>81.737161964938437</c:v>
                </c:pt>
                <c:pt idx="3099">
                  <c:v>81.73646497454294</c:v>
                </c:pt>
                <c:pt idx="3100">
                  <c:v>81.735028751909852</c:v>
                </c:pt>
                <c:pt idx="3101">
                  <c:v>81.734331761514383</c:v>
                </c:pt>
                <c:pt idx="3102">
                  <c:v>81.733613650197839</c:v>
                </c:pt>
                <c:pt idx="3103">
                  <c:v>81.732198548485826</c:v>
                </c:pt>
                <c:pt idx="3104">
                  <c:v>81.731480437169267</c:v>
                </c:pt>
                <c:pt idx="3105">
                  <c:v>81.730762325852723</c:v>
                </c:pt>
                <c:pt idx="3106">
                  <c:v>81.730762325852723</c:v>
                </c:pt>
                <c:pt idx="3107">
                  <c:v>81.73006533545724</c:v>
                </c:pt>
                <c:pt idx="3108">
                  <c:v>81.728629112824152</c:v>
                </c:pt>
                <c:pt idx="3109">
                  <c:v>81.727911001507607</c:v>
                </c:pt>
                <c:pt idx="3110">
                  <c:v>81.726495899795594</c:v>
                </c:pt>
                <c:pt idx="3111">
                  <c:v>81.725777788479036</c:v>
                </c:pt>
                <c:pt idx="3112">
                  <c:v>81.725080798083567</c:v>
                </c:pt>
                <c:pt idx="3113">
                  <c:v>81.724362686767023</c:v>
                </c:pt>
                <c:pt idx="3114">
                  <c:v>81.72294758505501</c:v>
                </c:pt>
                <c:pt idx="3115">
                  <c:v>81.722229473738452</c:v>
                </c:pt>
                <c:pt idx="3116">
                  <c:v>81.722229473738452</c:v>
                </c:pt>
                <c:pt idx="3117">
                  <c:v>81.721511362421907</c:v>
                </c:pt>
                <c:pt idx="3118">
                  <c:v>81.720814372026425</c:v>
                </c:pt>
                <c:pt idx="3119">
                  <c:v>81.719378149393336</c:v>
                </c:pt>
                <c:pt idx="3120">
                  <c:v>81.718681158997882</c:v>
                </c:pt>
                <c:pt idx="3121">
                  <c:v>81.717963047681337</c:v>
                </c:pt>
                <c:pt idx="3122">
                  <c:v>81.717244936364779</c:v>
                </c:pt>
                <c:pt idx="3123">
                  <c:v>81.716547945969324</c:v>
                </c:pt>
                <c:pt idx="3124">
                  <c:v>81.716547945969324</c:v>
                </c:pt>
                <c:pt idx="3125">
                  <c:v>81.715829834652766</c:v>
                </c:pt>
                <c:pt idx="3126">
                  <c:v>81.715829834652766</c:v>
                </c:pt>
                <c:pt idx="3127">
                  <c:v>81.715111723336221</c:v>
                </c:pt>
                <c:pt idx="3128">
                  <c:v>81.715111723336221</c:v>
                </c:pt>
                <c:pt idx="3129">
                  <c:v>81.714414732940753</c:v>
                </c:pt>
                <c:pt idx="3130">
                  <c:v>81.713696621624194</c:v>
                </c:pt>
                <c:pt idx="3131">
                  <c:v>81.71297851030765</c:v>
                </c:pt>
                <c:pt idx="3132">
                  <c:v>81.712281519912167</c:v>
                </c:pt>
                <c:pt idx="3133">
                  <c:v>81.712281519912167</c:v>
                </c:pt>
                <c:pt idx="3134">
                  <c:v>81.711563408595623</c:v>
                </c:pt>
                <c:pt idx="3135">
                  <c:v>81.710845297279093</c:v>
                </c:pt>
                <c:pt idx="3136">
                  <c:v>81.710845297279093</c:v>
                </c:pt>
                <c:pt idx="3137">
                  <c:v>81.710148306883596</c:v>
                </c:pt>
                <c:pt idx="3138">
                  <c:v>81.709430195567052</c:v>
                </c:pt>
                <c:pt idx="3139">
                  <c:v>81.709430195567052</c:v>
                </c:pt>
                <c:pt idx="3140">
                  <c:v>81.708712084250507</c:v>
                </c:pt>
                <c:pt idx="3141">
                  <c:v>81.708015093855039</c:v>
                </c:pt>
                <c:pt idx="3142">
                  <c:v>81.708015093855039</c:v>
                </c:pt>
                <c:pt idx="3143">
                  <c:v>81.708015093855039</c:v>
                </c:pt>
                <c:pt idx="3144">
                  <c:v>81.707296982538494</c:v>
                </c:pt>
                <c:pt idx="3145">
                  <c:v>81.707296982538494</c:v>
                </c:pt>
                <c:pt idx="3146">
                  <c:v>81.706578871221936</c:v>
                </c:pt>
                <c:pt idx="3147">
                  <c:v>81.706578871221936</c:v>
                </c:pt>
                <c:pt idx="3148">
                  <c:v>81.705881880826482</c:v>
                </c:pt>
                <c:pt idx="3149">
                  <c:v>81.705163769509923</c:v>
                </c:pt>
                <c:pt idx="3150">
                  <c:v>81.704445658193364</c:v>
                </c:pt>
                <c:pt idx="3151">
                  <c:v>81.70374866779791</c:v>
                </c:pt>
                <c:pt idx="3152">
                  <c:v>81.70374866779791</c:v>
                </c:pt>
                <c:pt idx="3153">
                  <c:v>81.703030556481366</c:v>
                </c:pt>
                <c:pt idx="3154">
                  <c:v>81.702312445164821</c:v>
                </c:pt>
                <c:pt idx="3155">
                  <c:v>81.701594333848263</c:v>
                </c:pt>
                <c:pt idx="3156">
                  <c:v>81.700897343452795</c:v>
                </c:pt>
                <c:pt idx="3157">
                  <c:v>81.70017923213625</c:v>
                </c:pt>
                <c:pt idx="3158">
                  <c:v>81.699461120819706</c:v>
                </c:pt>
                <c:pt idx="3159">
                  <c:v>81.699461120819706</c:v>
                </c:pt>
                <c:pt idx="3160">
                  <c:v>81.698764130424223</c:v>
                </c:pt>
                <c:pt idx="3161">
                  <c:v>81.698046019107679</c:v>
                </c:pt>
                <c:pt idx="3162">
                  <c:v>81.698046019107679</c:v>
                </c:pt>
                <c:pt idx="3163">
                  <c:v>81.697327907791134</c:v>
                </c:pt>
                <c:pt idx="3164">
                  <c:v>81.697327907791134</c:v>
                </c:pt>
                <c:pt idx="3165">
                  <c:v>81.697327907791134</c:v>
                </c:pt>
                <c:pt idx="3166">
                  <c:v>81.696630917395666</c:v>
                </c:pt>
                <c:pt idx="3167">
                  <c:v>81.695194694762563</c:v>
                </c:pt>
                <c:pt idx="3168">
                  <c:v>81.694497704367095</c:v>
                </c:pt>
                <c:pt idx="3169">
                  <c:v>81.693779593050536</c:v>
                </c:pt>
                <c:pt idx="3170">
                  <c:v>81.693061481733992</c:v>
                </c:pt>
                <c:pt idx="3171">
                  <c:v>81.692364491338523</c:v>
                </c:pt>
                <c:pt idx="3172">
                  <c:v>81.692364491338523</c:v>
                </c:pt>
                <c:pt idx="3173">
                  <c:v>81.691646380021965</c:v>
                </c:pt>
                <c:pt idx="3174">
                  <c:v>81.691646380021965</c:v>
                </c:pt>
                <c:pt idx="3175">
                  <c:v>81.690928268705434</c:v>
                </c:pt>
                <c:pt idx="3176">
                  <c:v>81.690928268705434</c:v>
                </c:pt>
                <c:pt idx="3177">
                  <c:v>81.690231278309952</c:v>
                </c:pt>
                <c:pt idx="3178">
                  <c:v>81.690231278309952</c:v>
                </c:pt>
                <c:pt idx="3179">
                  <c:v>81.690231278309952</c:v>
                </c:pt>
                <c:pt idx="3180">
                  <c:v>81.690231278309952</c:v>
                </c:pt>
                <c:pt idx="3181">
                  <c:v>81.690928268705434</c:v>
                </c:pt>
                <c:pt idx="3182">
                  <c:v>81.690928268705434</c:v>
                </c:pt>
                <c:pt idx="3183">
                  <c:v>81.690928268705434</c:v>
                </c:pt>
                <c:pt idx="3184">
                  <c:v>81.690928268705434</c:v>
                </c:pt>
                <c:pt idx="3185">
                  <c:v>81.690928268705434</c:v>
                </c:pt>
                <c:pt idx="3186">
                  <c:v>81.690928268705434</c:v>
                </c:pt>
                <c:pt idx="3187">
                  <c:v>81.692364491338523</c:v>
                </c:pt>
                <c:pt idx="3188">
                  <c:v>81.693061481733992</c:v>
                </c:pt>
                <c:pt idx="3189">
                  <c:v>81.695194694762563</c:v>
                </c:pt>
                <c:pt idx="3190">
                  <c:v>81.696630917395666</c:v>
                </c:pt>
                <c:pt idx="3191">
                  <c:v>81.698764130424223</c:v>
                </c:pt>
                <c:pt idx="3192">
                  <c:v>81.70017923213625</c:v>
                </c:pt>
                <c:pt idx="3193">
                  <c:v>81.700897343452795</c:v>
                </c:pt>
                <c:pt idx="3194">
                  <c:v>81.700897343452795</c:v>
                </c:pt>
                <c:pt idx="3195">
                  <c:v>81.699461120819706</c:v>
                </c:pt>
                <c:pt idx="3196">
                  <c:v>81.696630917395666</c:v>
                </c:pt>
                <c:pt idx="3197">
                  <c:v>81.693061481733992</c:v>
                </c:pt>
                <c:pt idx="3198">
                  <c:v>81.68737995396485</c:v>
                </c:pt>
                <c:pt idx="3199">
                  <c:v>81.680980314879136</c:v>
                </c:pt>
                <c:pt idx="3200">
                  <c:v>81.673144453160347</c:v>
                </c:pt>
                <c:pt idx="3201">
                  <c:v>81.664611601046062</c:v>
                </c:pt>
                <c:pt idx="3202">
                  <c:v>81.655381758536336</c:v>
                </c:pt>
                <c:pt idx="3203">
                  <c:v>81.644694572472432</c:v>
                </c:pt>
                <c:pt idx="3204">
                  <c:v>81.63333151693412</c:v>
                </c:pt>
                <c:pt idx="3205">
                  <c:v>81.620532238762721</c:v>
                </c:pt>
                <c:pt idx="3206">
                  <c:v>81.606296737958232</c:v>
                </c:pt>
                <c:pt idx="3207">
                  <c:v>81.590646135441716</c:v>
                </c:pt>
                <c:pt idx="3208">
                  <c:v>81.5749955329252</c:v>
                </c:pt>
                <c:pt idx="3209">
                  <c:v>81.558647940013202</c:v>
                </c:pt>
                <c:pt idx="3210">
                  <c:v>81.542279226180142</c:v>
                </c:pt>
                <c:pt idx="3211">
                  <c:v>81.525213521951599</c:v>
                </c:pt>
                <c:pt idx="3212">
                  <c:v>81.508147817723071</c:v>
                </c:pt>
                <c:pt idx="3213">
                  <c:v>81.491082113494542</c:v>
                </c:pt>
                <c:pt idx="3214">
                  <c:v>81.473995288344952</c:v>
                </c:pt>
                <c:pt idx="3215">
                  <c:v>81.456232593720912</c:v>
                </c:pt>
                <c:pt idx="3216">
                  <c:v>81.439863879887838</c:v>
                </c:pt>
                <c:pt idx="3217">
                  <c:v>81.423495166054792</c:v>
                </c:pt>
                <c:pt idx="3218">
                  <c:v>81.408562674854821</c:v>
                </c:pt>
                <c:pt idx="3219">
                  <c:v>81.394348294971394</c:v>
                </c:pt>
                <c:pt idx="3220">
                  <c:v>81.380112794166905</c:v>
                </c:pt>
                <c:pt idx="3221">
                  <c:v>81.367313515995505</c:v>
                </c:pt>
                <c:pt idx="3222">
                  <c:v>81.355232349140664</c:v>
                </c:pt>
                <c:pt idx="3223">
                  <c:v>81.343848172681263</c:v>
                </c:pt>
                <c:pt idx="3224">
                  <c:v>81.333182107538434</c:v>
                </c:pt>
                <c:pt idx="3225">
                  <c:v>81.323931144107632</c:v>
                </c:pt>
                <c:pt idx="3226">
                  <c:v>81.315398291993347</c:v>
                </c:pt>
                <c:pt idx="3227">
                  <c:v>81.307562430274558</c:v>
                </c:pt>
                <c:pt idx="3228">
                  <c:v>81.30046580079339</c:v>
                </c:pt>
                <c:pt idx="3229">
                  <c:v>81.293348050391145</c:v>
                </c:pt>
                <c:pt idx="3230">
                  <c:v>81.287645401700914</c:v>
                </c:pt>
                <c:pt idx="3231">
                  <c:v>81.282681985248303</c:v>
                </c:pt>
                <c:pt idx="3232">
                  <c:v>81.27769744787463</c:v>
                </c:pt>
                <c:pt idx="3233">
                  <c:v>81.273431021817473</c:v>
                </c:pt>
                <c:pt idx="3234">
                  <c:v>81.269164595760358</c:v>
                </c:pt>
                <c:pt idx="3235">
                  <c:v>81.265616281019774</c:v>
                </c:pt>
                <c:pt idx="3236">
                  <c:v>81.262764956674644</c:v>
                </c:pt>
                <c:pt idx="3237">
                  <c:v>81.259913632329543</c:v>
                </c:pt>
                <c:pt idx="3238">
                  <c:v>81.257062307984427</c:v>
                </c:pt>
                <c:pt idx="3239">
                  <c:v>81.25492909495587</c:v>
                </c:pt>
                <c:pt idx="3240">
                  <c:v>81.252098891531816</c:v>
                </c:pt>
                <c:pt idx="3241">
                  <c:v>81.249965678503258</c:v>
                </c:pt>
                <c:pt idx="3242">
                  <c:v>81.247832465474687</c:v>
                </c:pt>
                <c:pt idx="3243">
                  <c:v>81.24569925244613</c:v>
                </c:pt>
                <c:pt idx="3244">
                  <c:v>81.243566039417544</c:v>
                </c:pt>
                <c:pt idx="3245">
                  <c:v>81.242129816784455</c:v>
                </c:pt>
                <c:pt idx="3246">
                  <c:v>81.240714715072443</c:v>
                </c:pt>
                <c:pt idx="3247">
                  <c:v>81.23929961336043</c:v>
                </c:pt>
                <c:pt idx="3248">
                  <c:v>81.237863390727327</c:v>
                </c:pt>
                <c:pt idx="3249">
                  <c:v>81.237166400331859</c:v>
                </c:pt>
                <c:pt idx="3250">
                  <c:v>81.236448289015314</c:v>
                </c:pt>
                <c:pt idx="3251">
                  <c:v>81.235033187303301</c:v>
                </c:pt>
                <c:pt idx="3252">
                  <c:v>81.234315075986743</c:v>
                </c:pt>
                <c:pt idx="3253">
                  <c:v>81.233596964670198</c:v>
                </c:pt>
                <c:pt idx="3254">
                  <c:v>81.232878853353654</c:v>
                </c:pt>
                <c:pt idx="3255">
                  <c:v>81.232181862958157</c:v>
                </c:pt>
                <c:pt idx="3256">
                  <c:v>81.231463751641627</c:v>
                </c:pt>
                <c:pt idx="3257">
                  <c:v>81.230745640325082</c:v>
                </c:pt>
                <c:pt idx="3258">
                  <c:v>81.22933053861307</c:v>
                </c:pt>
                <c:pt idx="3259">
                  <c:v>81.228612427296511</c:v>
                </c:pt>
                <c:pt idx="3260">
                  <c:v>81.227915436901029</c:v>
                </c:pt>
                <c:pt idx="3261">
                  <c:v>81.227197325584484</c:v>
                </c:pt>
                <c:pt idx="3262">
                  <c:v>81.226479214267925</c:v>
                </c:pt>
                <c:pt idx="3263">
                  <c:v>81.225782223872471</c:v>
                </c:pt>
                <c:pt idx="3264">
                  <c:v>81.225064112555927</c:v>
                </c:pt>
                <c:pt idx="3265">
                  <c:v>81.224346001239368</c:v>
                </c:pt>
                <c:pt idx="3266">
                  <c:v>81.224346001239368</c:v>
                </c:pt>
                <c:pt idx="3267">
                  <c:v>81.2236490108439</c:v>
                </c:pt>
                <c:pt idx="3268">
                  <c:v>81.222930899527356</c:v>
                </c:pt>
                <c:pt idx="3269">
                  <c:v>81.222930899527356</c:v>
                </c:pt>
                <c:pt idx="3270">
                  <c:v>81.222212788210825</c:v>
                </c:pt>
                <c:pt idx="3271">
                  <c:v>81.222212788210825</c:v>
                </c:pt>
                <c:pt idx="3272">
                  <c:v>81.221515797815329</c:v>
                </c:pt>
                <c:pt idx="3273">
                  <c:v>81.220797686498798</c:v>
                </c:pt>
                <c:pt idx="3274">
                  <c:v>81.220797686498798</c:v>
                </c:pt>
                <c:pt idx="3275">
                  <c:v>81.22007957518224</c:v>
                </c:pt>
                <c:pt idx="3276">
                  <c:v>81.22007957518224</c:v>
                </c:pt>
                <c:pt idx="3277">
                  <c:v>81.219382584786771</c:v>
                </c:pt>
                <c:pt idx="3278">
                  <c:v>81.218664473470227</c:v>
                </c:pt>
                <c:pt idx="3279">
                  <c:v>81.217946362153668</c:v>
                </c:pt>
                <c:pt idx="3280">
                  <c:v>81.217946362153668</c:v>
                </c:pt>
                <c:pt idx="3281">
                  <c:v>81.217946362153668</c:v>
                </c:pt>
                <c:pt idx="3282">
                  <c:v>81.2172493717582</c:v>
                </c:pt>
                <c:pt idx="3283">
                  <c:v>81.2172493717582</c:v>
                </c:pt>
                <c:pt idx="3284">
                  <c:v>81.216531260441656</c:v>
                </c:pt>
                <c:pt idx="3285">
                  <c:v>81.216531260441656</c:v>
                </c:pt>
                <c:pt idx="3286">
                  <c:v>81.216531260441656</c:v>
                </c:pt>
                <c:pt idx="3287">
                  <c:v>81.215813149125111</c:v>
                </c:pt>
                <c:pt idx="3288">
                  <c:v>81.215813149125111</c:v>
                </c:pt>
                <c:pt idx="3289">
                  <c:v>81.215116158729643</c:v>
                </c:pt>
                <c:pt idx="3290">
                  <c:v>81.215116158729643</c:v>
                </c:pt>
                <c:pt idx="3291">
                  <c:v>81.214398047413084</c:v>
                </c:pt>
                <c:pt idx="3292">
                  <c:v>81.214398047413084</c:v>
                </c:pt>
                <c:pt idx="3293">
                  <c:v>81.21367993609654</c:v>
                </c:pt>
                <c:pt idx="3294">
                  <c:v>81.21367993609654</c:v>
                </c:pt>
                <c:pt idx="3295">
                  <c:v>81.212982945701071</c:v>
                </c:pt>
                <c:pt idx="3296">
                  <c:v>81.212982945701071</c:v>
                </c:pt>
                <c:pt idx="3297">
                  <c:v>81.212264834384527</c:v>
                </c:pt>
                <c:pt idx="3298">
                  <c:v>81.212264834384527</c:v>
                </c:pt>
                <c:pt idx="3299">
                  <c:v>81.212264834384527</c:v>
                </c:pt>
                <c:pt idx="3300">
                  <c:v>81.212264834384527</c:v>
                </c:pt>
                <c:pt idx="3301">
                  <c:v>81.211546723067968</c:v>
                </c:pt>
                <c:pt idx="3302">
                  <c:v>81.211546723067968</c:v>
                </c:pt>
                <c:pt idx="3303">
                  <c:v>81.211546723067968</c:v>
                </c:pt>
                <c:pt idx="3304">
                  <c:v>81.212264834384527</c:v>
                </c:pt>
                <c:pt idx="3305">
                  <c:v>81.212264834384527</c:v>
                </c:pt>
                <c:pt idx="3306">
                  <c:v>81.211546723067968</c:v>
                </c:pt>
                <c:pt idx="3307">
                  <c:v>81.211546723067968</c:v>
                </c:pt>
                <c:pt idx="3308">
                  <c:v>81.212264834384527</c:v>
                </c:pt>
                <c:pt idx="3309">
                  <c:v>81.212264834384527</c:v>
                </c:pt>
                <c:pt idx="3310">
                  <c:v>81.212264834384527</c:v>
                </c:pt>
                <c:pt idx="3311">
                  <c:v>81.212264834384527</c:v>
                </c:pt>
                <c:pt idx="3312">
                  <c:v>81.212264834384527</c:v>
                </c:pt>
                <c:pt idx="3313">
                  <c:v>81.212982945701071</c:v>
                </c:pt>
                <c:pt idx="3314">
                  <c:v>81.212982945701071</c:v>
                </c:pt>
                <c:pt idx="3315">
                  <c:v>81.212982945701071</c:v>
                </c:pt>
                <c:pt idx="3316">
                  <c:v>81.212982945701071</c:v>
                </c:pt>
                <c:pt idx="3317">
                  <c:v>81.212982945701071</c:v>
                </c:pt>
                <c:pt idx="3318">
                  <c:v>81.212982945701071</c:v>
                </c:pt>
                <c:pt idx="3319">
                  <c:v>81.212982945701071</c:v>
                </c:pt>
                <c:pt idx="3320">
                  <c:v>81.212982945701071</c:v>
                </c:pt>
                <c:pt idx="3321">
                  <c:v>81.212982945701071</c:v>
                </c:pt>
                <c:pt idx="3322">
                  <c:v>81.212982945701071</c:v>
                </c:pt>
                <c:pt idx="3323">
                  <c:v>81.212982945701071</c:v>
                </c:pt>
                <c:pt idx="3324">
                  <c:v>81.212982945701071</c:v>
                </c:pt>
                <c:pt idx="3325">
                  <c:v>81.212982945701071</c:v>
                </c:pt>
                <c:pt idx="3326">
                  <c:v>81.212982945701071</c:v>
                </c:pt>
                <c:pt idx="3327">
                  <c:v>81.212982945701071</c:v>
                </c:pt>
                <c:pt idx="3328">
                  <c:v>81.212982945701071</c:v>
                </c:pt>
                <c:pt idx="3329">
                  <c:v>81.212982945701071</c:v>
                </c:pt>
                <c:pt idx="3330">
                  <c:v>81.212982945701071</c:v>
                </c:pt>
                <c:pt idx="3331">
                  <c:v>81.212982945701071</c:v>
                </c:pt>
                <c:pt idx="3332">
                  <c:v>81.212982945701071</c:v>
                </c:pt>
                <c:pt idx="3333">
                  <c:v>81.212264834384527</c:v>
                </c:pt>
                <c:pt idx="3334">
                  <c:v>81.212264834384527</c:v>
                </c:pt>
                <c:pt idx="3335">
                  <c:v>81.211546723067968</c:v>
                </c:pt>
                <c:pt idx="3336">
                  <c:v>81.211546723067968</c:v>
                </c:pt>
                <c:pt idx="3337">
                  <c:v>81.211546723067968</c:v>
                </c:pt>
                <c:pt idx="3338">
                  <c:v>81.212264834384527</c:v>
                </c:pt>
                <c:pt idx="3339">
                  <c:v>81.212264834384527</c:v>
                </c:pt>
                <c:pt idx="3340">
                  <c:v>81.212264834384527</c:v>
                </c:pt>
                <c:pt idx="3341">
                  <c:v>81.212264834384527</c:v>
                </c:pt>
                <c:pt idx="3342">
                  <c:v>81.212264834384527</c:v>
                </c:pt>
                <c:pt idx="3343">
                  <c:v>81.212264834384527</c:v>
                </c:pt>
                <c:pt idx="3344">
                  <c:v>81.212264834384527</c:v>
                </c:pt>
                <c:pt idx="3345">
                  <c:v>81.212264834384527</c:v>
                </c:pt>
                <c:pt idx="3346">
                  <c:v>81.212264834384527</c:v>
                </c:pt>
                <c:pt idx="3347">
                  <c:v>81.212264834384527</c:v>
                </c:pt>
                <c:pt idx="3348">
                  <c:v>81.212264834384527</c:v>
                </c:pt>
                <c:pt idx="3349">
                  <c:v>81.212264834384527</c:v>
                </c:pt>
                <c:pt idx="3350">
                  <c:v>81.212264834384527</c:v>
                </c:pt>
                <c:pt idx="3351">
                  <c:v>81.212264834384527</c:v>
                </c:pt>
                <c:pt idx="3352">
                  <c:v>81.212264834384527</c:v>
                </c:pt>
                <c:pt idx="3353">
                  <c:v>81.211546723067968</c:v>
                </c:pt>
                <c:pt idx="3354">
                  <c:v>81.211546723067968</c:v>
                </c:pt>
                <c:pt idx="3355">
                  <c:v>81.211546723067968</c:v>
                </c:pt>
                <c:pt idx="3356">
                  <c:v>81.211546723067968</c:v>
                </c:pt>
                <c:pt idx="3357">
                  <c:v>81.211546723067968</c:v>
                </c:pt>
                <c:pt idx="3358">
                  <c:v>81.211546723067968</c:v>
                </c:pt>
                <c:pt idx="3359">
                  <c:v>81.211546723067968</c:v>
                </c:pt>
                <c:pt idx="3360">
                  <c:v>81.211546723067968</c:v>
                </c:pt>
                <c:pt idx="3361">
                  <c:v>81.212264834384527</c:v>
                </c:pt>
                <c:pt idx="3362">
                  <c:v>81.212264834384527</c:v>
                </c:pt>
                <c:pt idx="3363">
                  <c:v>81.212264834384527</c:v>
                </c:pt>
                <c:pt idx="3364">
                  <c:v>81.212982945701071</c:v>
                </c:pt>
                <c:pt idx="3365">
                  <c:v>81.212982945701071</c:v>
                </c:pt>
                <c:pt idx="3366">
                  <c:v>81.21367993609654</c:v>
                </c:pt>
                <c:pt idx="3367">
                  <c:v>81.214398047413084</c:v>
                </c:pt>
                <c:pt idx="3368">
                  <c:v>81.214398047413084</c:v>
                </c:pt>
                <c:pt idx="3369">
                  <c:v>81.214398047413084</c:v>
                </c:pt>
                <c:pt idx="3370">
                  <c:v>81.214398047413084</c:v>
                </c:pt>
                <c:pt idx="3371">
                  <c:v>81.214398047413084</c:v>
                </c:pt>
                <c:pt idx="3372">
                  <c:v>81.214398047413084</c:v>
                </c:pt>
                <c:pt idx="3373">
                  <c:v>81.214398047413084</c:v>
                </c:pt>
                <c:pt idx="3374">
                  <c:v>81.214398047413084</c:v>
                </c:pt>
                <c:pt idx="3375">
                  <c:v>81.21367993609654</c:v>
                </c:pt>
                <c:pt idx="3376">
                  <c:v>81.21367993609654</c:v>
                </c:pt>
                <c:pt idx="3377">
                  <c:v>81.21367993609654</c:v>
                </c:pt>
                <c:pt idx="3378">
                  <c:v>81.21367993609654</c:v>
                </c:pt>
                <c:pt idx="3379">
                  <c:v>81.21367993609654</c:v>
                </c:pt>
                <c:pt idx="3380">
                  <c:v>81.21367993609654</c:v>
                </c:pt>
                <c:pt idx="3381">
                  <c:v>81.214398047413084</c:v>
                </c:pt>
                <c:pt idx="3382">
                  <c:v>81.214398047413084</c:v>
                </c:pt>
                <c:pt idx="3383">
                  <c:v>81.214398047413084</c:v>
                </c:pt>
                <c:pt idx="3384">
                  <c:v>81.215116158729643</c:v>
                </c:pt>
                <c:pt idx="3385">
                  <c:v>81.215116158729643</c:v>
                </c:pt>
                <c:pt idx="3386">
                  <c:v>81.215116158729643</c:v>
                </c:pt>
                <c:pt idx="3387">
                  <c:v>81.215116158729643</c:v>
                </c:pt>
                <c:pt idx="3388">
                  <c:v>81.215116158729643</c:v>
                </c:pt>
                <c:pt idx="3389">
                  <c:v>81.215116158729643</c:v>
                </c:pt>
                <c:pt idx="3390">
                  <c:v>81.215813149125111</c:v>
                </c:pt>
                <c:pt idx="3391">
                  <c:v>81.215813149125111</c:v>
                </c:pt>
                <c:pt idx="3392">
                  <c:v>81.215813149125111</c:v>
                </c:pt>
                <c:pt idx="3393">
                  <c:v>81.215813149125111</c:v>
                </c:pt>
                <c:pt idx="3394">
                  <c:v>81.215813149125111</c:v>
                </c:pt>
                <c:pt idx="3395">
                  <c:v>81.215813149125111</c:v>
                </c:pt>
                <c:pt idx="3396">
                  <c:v>81.216531260441656</c:v>
                </c:pt>
                <c:pt idx="3397">
                  <c:v>81.216531260441656</c:v>
                </c:pt>
                <c:pt idx="3398">
                  <c:v>81.216531260441656</c:v>
                </c:pt>
                <c:pt idx="3399">
                  <c:v>81.2172493717582</c:v>
                </c:pt>
                <c:pt idx="3400">
                  <c:v>81.2172493717582</c:v>
                </c:pt>
                <c:pt idx="3401">
                  <c:v>81.2172493717582</c:v>
                </c:pt>
                <c:pt idx="3402">
                  <c:v>81.2172493717582</c:v>
                </c:pt>
                <c:pt idx="3403">
                  <c:v>81.217946362153668</c:v>
                </c:pt>
                <c:pt idx="3404">
                  <c:v>81.217946362153668</c:v>
                </c:pt>
                <c:pt idx="3405">
                  <c:v>81.218664473470227</c:v>
                </c:pt>
                <c:pt idx="3406">
                  <c:v>81.218664473470227</c:v>
                </c:pt>
                <c:pt idx="3407">
                  <c:v>81.218664473470227</c:v>
                </c:pt>
                <c:pt idx="3408">
                  <c:v>81.218664473470227</c:v>
                </c:pt>
                <c:pt idx="3409">
                  <c:v>81.217946362153668</c:v>
                </c:pt>
                <c:pt idx="3410">
                  <c:v>81.2172493717582</c:v>
                </c:pt>
                <c:pt idx="3411">
                  <c:v>81.2172493717582</c:v>
                </c:pt>
                <c:pt idx="3412">
                  <c:v>81.216531260441656</c:v>
                </c:pt>
                <c:pt idx="3413">
                  <c:v>81.216531260441656</c:v>
                </c:pt>
                <c:pt idx="3414">
                  <c:v>81.215813149125111</c:v>
                </c:pt>
                <c:pt idx="3415">
                  <c:v>81.215813149125111</c:v>
                </c:pt>
                <c:pt idx="3416">
                  <c:v>81.215116158729643</c:v>
                </c:pt>
                <c:pt idx="3417">
                  <c:v>81.215116158729643</c:v>
                </c:pt>
                <c:pt idx="3418">
                  <c:v>81.215116158729643</c:v>
                </c:pt>
                <c:pt idx="3419">
                  <c:v>81.215116158729643</c:v>
                </c:pt>
                <c:pt idx="3420">
                  <c:v>81.214398047413084</c:v>
                </c:pt>
                <c:pt idx="3421">
                  <c:v>81.214398047413084</c:v>
                </c:pt>
                <c:pt idx="3422">
                  <c:v>81.214398047413084</c:v>
                </c:pt>
                <c:pt idx="3423">
                  <c:v>81.214398047413084</c:v>
                </c:pt>
                <c:pt idx="3424">
                  <c:v>81.214398047413084</c:v>
                </c:pt>
                <c:pt idx="3425">
                  <c:v>81.215116158729643</c:v>
                </c:pt>
                <c:pt idx="3426">
                  <c:v>81.215116158729643</c:v>
                </c:pt>
                <c:pt idx="3427">
                  <c:v>81.215813149125111</c:v>
                </c:pt>
                <c:pt idx="3428">
                  <c:v>81.215813149125111</c:v>
                </c:pt>
                <c:pt idx="3429">
                  <c:v>81.215813149125111</c:v>
                </c:pt>
                <c:pt idx="3430">
                  <c:v>81.215813149125111</c:v>
                </c:pt>
                <c:pt idx="3431">
                  <c:v>81.215813149125111</c:v>
                </c:pt>
                <c:pt idx="3432">
                  <c:v>81.216531260441656</c:v>
                </c:pt>
                <c:pt idx="3433">
                  <c:v>81.216531260441656</c:v>
                </c:pt>
                <c:pt idx="3434">
                  <c:v>81.2172493717582</c:v>
                </c:pt>
                <c:pt idx="3435">
                  <c:v>81.217946362153668</c:v>
                </c:pt>
                <c:pt idx="3436">
                  <c:v>81.218664473470227</c:v>
                </c:pt>
                <c:pt idx="3437">
                  <c:v>81.218664473470227</c:v>
                </c:pt>
                <c:pt idx="3438">
                  <c:v>81.218664473470227</c:v>
                </c:pt>
                <c:pt idx="3439">
                  <c:v>81.218664473470227</c:v>
                </c:pt>
                <c:pt idx="3440">
                  <c:v>81.218664473470227</c:v>
                </c:pt>
                <c:pt idx="3441">
                  <c:v>81.218664473470227</c:v>
                </c:pt>
                <c:pt idx="3442">
                  <c:v>81.218664473470227</c:v>
                </c:pt>
                <c:pt idx="3443">
                  <c:v>81.218664473470227</c:v>
                </c:pt>
                <c:pt idx="3444">
                  <c:v>81.218664473470227</c:v>
                </c:pt>
                <c:pt idx="3445">
                  <c:v>81.217946362153668</c:v>
                </c:pt>
                <c:pt idx="3446">
                  <c:v>81.218664473470227</c:v>
                </c:pt>
                <c:pt idx="3447">
                  <c:v>81.218664473470227</c:v>
                </c:pt>
                <c:pt idx="3448">
                  <c:v>81.218664473470227</c:v>
                </c:pt>
                <c:pt idx="3449">
                  <c:v>81.218664473470227</c:v>
                </c:pt>
                <c:pt idx="3450">
                  <c:v>81.218664473470227</c:v>
                </c:pt>
                <c:pt idx="3451">
                  <c:v>81.218664473470227</c:v>
                </c:pt>
                <c:pt idx="3452">
                  <c:v>81.218664473470227</c:v>
                </c:pt>
                <c:pt idx="3453">
                  <c:v>81.219382584786771</c:v>
                </c:pt>
                <c:pt idx="3454">
                  <c:v>81.219382584786771</c:v>
                </c:pt>
                <c:pt idx="3455">
                  <c:v>81.219382584786771</c:v>
                </c:pt>
                <c:pt idx="3456">
                  <c:v>81.219382584786771</c:v>
                </c:pt>
                <c:pt idx="3457">
                  <c:v>81.219382584786771</c:v>
                </c:pt>
                <c:pt idx="3458">
                  <c:v>81.219382584786771</c:v>
                </c:pt>
                <c:pt idx="3459">
                  <c:v>81.218664473470227</c:v>
                </c:pt>
                <c:pt idx="3460">
                  <c:v>81.218664473470227</c:v>
                </c:pt>
                <c:pt idx="3461">
                  <c:v>81.218664473470227</c:v>
                </c:pt>
                <c:pt idx="3462">
                  <c:v>81.219382584786771</c:v>
                </c:pt>
                <c:pt idx="3463">
                  <c:v>81.219382584786771</c:v>
                </c:pt>
                <c:pt idx="3464">
                  <c:v>81.219382584786771</c:v>
                </c:pt>
                <c:pt idx="3465">
                  <c:v>81.219382584786771</c:v>
                </c:pt>
                <c:pt idx="3466">
                  <c:v>81.219382584786771</c:v>
                </c:pt>
                <c:pt idx="3467">
                  <c:v>81.22007957518224</c:v>
                </c:pt>
                <c:pt idx="3468">
                  <c:v>81.22007957518224</c:v>
                </c:pt>
                <c:pt idx="3469">
                  <c:v>81.220797686498798</c:v>
                </c:pt>
                <c:pt idx="3470">
                  <c:v>81.220797686498798</c:v>
                </c:pt>
                <c:pt idx="3471">
                  <c:v>81.220797686498798</c:v>
                </c:pt>
                <c:pt idx="3472">
                  <c:v>81.221515797815329</c:v>
                </c:pt>
                <c:pt idx="3473">
                  <c:v>81.221515797815329</c:v>
                </c:pt>
                <c:pt idx="3474">
                  <c:v>81.221515797815329</c:v>
                </c:pt>
                <c:pt idx="3475">
                  <c:v>81.221515797815329</c:v>
                </c:pt>
                <c:pt idx="3476">
                  <c:v>81.221515797815329</c:v>
                </c:pt>
                <c:pt idx="3477">
                  <c:v>81.220797686498798</c:v>
                </c:pt>
                <c:pt idx="3478">
                  <c:v>81.219382584786771</c:v>
                </c:pt>
                <c:pt idx="3479">
                  <c:v>81.217946362153668</c:v>
                </c:pt>
                <c:pt idx="3480">
                  <c:v>81.216531260441656</c:v>
                </c:pt>
                <c:pt idx="3481">
                  <c:v>81.215116158729643</c:v>
                </c:pt>
                <c:pt idx="3482">
                  <c:v>81.21367993609654</c:v>
                </c:pt>
                <c:pt idx="3483">
                  <c:v>81.21226483438452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26B-4393-93C8-5ACB5ADF4DBC}"/>
            </c:ext>
          </c:extLst>
        </c:ser>
        <c:ser>
          <c:idx val="4"/>
          <c:order val="1"/>
          <c:tx>
            <c:strRef>
              <c:f>'Fig 6'!$D$7</c:f>
              <c:strCache>
                <c:ptCount val="1"/>
                <c:pt idx="0">
                  <c:v>20BE0LU-TA</c:v>
                </c:pt>
              </c:strCache>
            </c:strRef>
          </c:tx>
          <c:spPr>
            <a:ln w="15875">
              <a:solidFill>
                <a:srgbClr val="4472C4">
                  <a:lumMod val="50000"/>
                </a:srgbClr>
              </a:solidFill>
              <a:prstDash val="dash"/>
            </a:ln>
          </c:spPr>
          <c:marker>
            <c:symbol val="none"/>
          </c:marker>
          <c:xVal>
            <c:numRef>
              <c:f>'Fig 6'!$E$9:$E$2695</c:f>
              <c:numCache>
                <c:formatCode>General</c:formatCode>
                <c:ptCount val="2687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1</c:v>
                </c:pt>
                <c:pt idx="4">
                  <c:v>101</c:v>
                </c:pt>
                <c:pt idx="5">
                  <c:v>101</c:v>
                </c:pt>
                <c:pt idx="6">
                  <c:v>102</c:v>
                </c:pt>
                <c:pt idx="7">
                  <c:v>102</c:v>
                </c:pt>
                <c:pt idx="8">
                  <c:v>102</c:v>
                </c:pt>
                <c:pt idx="9">
                  <c:v>103</c:v>
                </c:pt>
                <c:pt idx="10">
                  <c:v>103</c:v>
                </c:pt>
                <c:pt idx="11">
                  <c:v>103</c:v>
                </c:pt>
                <c:pt idx="12">
                  <c:v>104</c:v>
                </c:pt>
                <c:pt idx="13">
                  <c:v>104</c:v>
                </c:pt>
                <c:pt idx="14">
                  <c:v>104</c:v>
                </c:pt>
                <c:pt idx="15">
                  <c:v>105</c:v>
                </c:pt>
                <c:pt idx="16">
                  <c:v>105</c:v>
                </c:pt>
                <c:pt idx="17">
                  <c:v>105</c:v>
                </c:pt>
                <c:pt idx="18">
                  <c:v>106</c:v>
                </c:pt>
                <c:pt idx="19">
                  <c:v>106</c:v>
                </c:pt>
                <c:pt idx="20">
                  <c:v>106</c:v>
                </c:pt>
                <c:pt idx="21">
                  <c:v>107</c:v>
                </c:pt>
                <c:pt idx="22">
                  <c:v>107</c:v>
                </c:pt>
                <c:pt idx="23">
                  <c:v>107</c:v>
                </c:pt>
                <c:pt idx="24">
                  <c:v>108</c:v>
                </c:pt>
                <c:pt idx="25">
                  <c:v>108</c:v>
                </c:pt>
                <c:pt idx="26">
                  <c:v>108</c:v>
                </c:pt>
                <c:pt idx="27">
                  <c:v>109</c:v>
                </c:pt>
                <c:pt idx="28">
                  <c:v>109</c:v>
                </c:pt>
                <c:pt idx="29">
                  <c:v>109</c:v>
                </c:pt>
                <c:pt idx="30">
                  <c:v>110</c:v>
                </c:pt>
                <c:pt idx="31">
                  <c:v>110</c:v>
                </c:pt>
                <c:pt idx="32">
                  <c:v>110</c:v>
                </c:pt>
                <c:pt idx="33">
                  <c:v>111</c:v>
                </c:pt>
                <c:pt idx="34">
                  <c:v>111</c:v>
                </c:pt>
                <c:pt idx="35">
                  <c:v>111</c:v>
                </c:pt>
                <c:pt idx="36">
                  <c:v>112</c:v>
                </c:pt>
                <c:pt idx="37">
                  <c:v>112</c:v>
                </c:pt>
                <c:pt idx="38">
                  <c:v>112</c:v>
                </c:pt>
                <c:pt idx="39">
                  <c:v>113</c:v>
                </c:pt>
                <c:pt idx="40">
                  <c:v>113</c:v>
                </c:pt>
                <c:pt idx="41">
                  <c:v>113</c:v>
                </c:pt>
                <c:pt idx="42">
                  <c:v>114</c:v>
                </c:pt>
                <c:pt idx="43">
                  <c:v>114</c:v>
                </c:pt>
                <c:pt idx="44">
                  <c:v>114</c:v>
                </c:pt>
                <c:pt idx="45">
                  <c:v>115</c:v>
                </c:pt>
                <c:pt idx="46">
                  <c:v>115</c:v>
                </c:pt>
                <c:pt idx="47">
                  <c:v>115</c:v>
                </c:pt>
                <c:pt idx="48">
                  <c:v>116</c:v>
                </c:pt>
                <c:pt idx="49">
                  <c:v>116</c:v>
                </c:pt>
                <c:pt idx="50">
                  <c:v>116</c:v>
                </c:pt>
                <c:pt idx="51">
                  <c:v>117</c:v>
                </c:pt>
                <c:pt idx="52">
                  <c:v>117</c:v>
                </c:pt>
                <c:pt idx="53">
                  <c:v>117</c:v>
                </c:pt>
                <c:pt idx="54">
                  <c:v>118</c:v>
                </c:pt>
                <c:pt idx="55">
                  <c:v>118</c:v>
                </c:pt>
                <c:pt idx="56">
                  <c:v>118</c:v>
                </c:pt>
                <c:pt idx="57">
                  <c:v>119</c:v>
                </c:pt>
                <c:pt idx="58">
                  <c:v>119</c:v>
                </c:pt>
                <c:pt idx="59">
                  <c:v>119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0</c:v>
                </c:pt>
                <c:pt idx="364">
                  <c:v>120</c:v>
                </c:pt>
                <c:pt idx="365">
                  <c:v>120</c:v>
                </c:pt>
                <c:pt idx="366">
                  <c:v>120</c:v>
                </c:pt>
                <c:pt idx="367">
                  <c:v>120</c:v>
                </c:pt>
                <c:pt idx="368">
                  <c:v>120</c:v>
                </c:pt>
                <c:pt idx="369">
                  <c:v>120</c:v>
                </c:pt>
                <c:pt idx="370">
                  <c:v>120</c:v>
                </c:pt>
                <c:pt idx="371">
                  <c:v>120</c:v>
                </c:pt>
                <c:pt idx="372">
                  <c:v>120</c:v>
                </c:pt>
                <c:pt idx="373">
                  <c:v>120</c:v>
                </c:pt>
                <c:pt idx="374">
                  <c:v>120</c:v>
                </c:pt>
                <c:pt idx="375">
                  <c:v>120</c:v>
                </c:pt>
                <c:pt idx="376">
                  <c:v>120</c:v>
                </c:pt>
                <c:pt idx="377">
                  <c:v>120</c:v>
                </c:pt>
                <c:pt idx="378">
                  <c:v>120</c:v>
                </c:pt>
                <c:pt idx="379">
                  <c:v>120</c:v>
                </c:pt>
                <c:pt idx="380">
                  <c:v>120</c:v>
                </c:pt>
                <c:pt idx="381">
                  <c:v>120</c:v>
                </c:pt>
                <c:pt idx="382">
                  <c:v>120</c:v>
                </c:pt>
                <c:pt idx="383">
                  <c:v>120</c:v>
                </c:pt>
                <c:pt idx="384">
                  <c:v>120</c:v>
                </c:pt>
                <c:pt idx="385">
                  <c:v>120</c:v>
                </c:pt>
                <c:pt idx="386">
                  <c:v>120</c:v>
                </c:pt>
                <c:pt idx="387">
                  <c:v>120</c:v>
                </c:pt>
                <c:pt idx="388">
                  <c:v>120</c:v>
                </c:pt>
                <c:pt idx="389">
                  <c:v>120</c:v>
                </c:pt>
                <c:pt idx="390">
                  <c:v>120</c:v>
                </c:pt>
                <c:pt idx="391">
                  <c:v>120</c:v>
                </c:pt>
                <c:pt idx="392">
                  <c:v>120</c:v>
                </c:pt>
                <c:pt idx="393">
                  <c:v>120</c:v>
                </c:pt>
                <c:pt idx="394">
                  <c:v>120</c:v>
                </c:pt>
                <c:pt idx="395">
                  <c:v>120</c:v>
                </c:pt>
                <c:pt idx="396">
                  <c:v>120</c:v>
                </c:pt>
                <c:pt idx="397">
                  <c:v>120</c:v>
                </c:pt>
                <c:pt idx="398">
                  <c:v>120</c:v>
                </c:pt>
                <c:pt idx="399">
                  <c:v>120</c:v>
                </c:pt>
                <c:pt idx="400">
                  <c:v>120</c:v>
                </c:pt>
                <c:pt idx="401">
                  <c:v>120</c:v>
                </c:pt>
                <c:pt idx="402">
                  <c:v>120</c:v>
                </c:pt>
                <c:pt idx="403">
                  <c:v>120</c:v>
                </c:pt>
                <c:pt idx="404">
                  <c:v>120</c:v>
                </c:pt>
                <c:pt idx="405">
                  <c:v>120</c:v>
                </c:pt>
                <c:pt idx="406">
                  <c:v>120</c:v>
                </c:pt>
                <c:pt idx="407">
                  <c:v>120</c:v>
                </c:pt>
                <c:pt idx="408">
                  <c:v>120</c:v>
                </c:pt>
                <c:pt idx="409">
                  <c:v>120</c:v>
                </c:pt>
                <c:pt idx="410">
                  <c:v>120</c:v>
                </c:pt>
                <c:pt idx="411">
                  <c:v>120</c:v>
                </c:pt>
                <c:pt idx="412">
                  <c:v>120</c:v>
                </c:pt>
                <c:pt idx="413">
                  <c:v>120</c:v>
                </c:pt>
                <c:pt idx="414">
                  <c:v>120</c:v>
                </c:pt>
                <c:pt idx="415">
                  <c:v>120</c:v>
                </c:pt>
                <c:pt idx="416">
                  <c:v>120</c:v>
                </c:pt>
                <c:pt idx="417">
                  <c:v>120</c:v>
                </c:pt>
                <c:pt idx="418">
                  <c:v>120</c:v>
                </c:pt>
                <c:pt idx="419">
                  <c:v>120</c:v>
                </c:pt>
                <c:pt idx="420">
                  <c:v>120</c:v>
                </c:pt>
                <c:pt idx="421">
                  <c:v>120</c:v>
                </c:pt>
                <c:pt idx="422">
                  <c:v>120</c:v>
                </c:pt>
                <c:pt idx="423">
                  <c:v>120</c:v>
                </c:pt>
                <c:pt idx="424">
                  <c:v>120</c:v>
                </c:pt>
                <c:pt idx="425">
                  <c:v>120</c:v>
                </c:pt>
                <c:pt idx="426">
                  <c:v>120</c:v>
                </c:pt>
                <c:pt idx="427">
                  <c:v>120</c:v>
                </c:pt>
                <c:pt idx="428">
                  <c:v>120</c:v>
                </c:pt>
                <c:pt idx="429">
                  <c:v>120</c:v>
                </c:pt>
                <c:pt idx="430">
                  <c:v>120</c:v>
                </c:pt>
                <c:pt idx="431">
                  <c:v>120</c:v>
                </c:pt>
                <c:pt idx="432">
                  <c:v>120</c:v>
                </c:pt>
                <c:pt idx="433">
                  <c:v>120</c:v>
                </c:pt>
                <c:pt idx="434">
                  <c:v>120</c:v>
                </c:pt>
                <c:pt idx="435">
                  <c:v>120</c:v>
                </c:pt>
                <c:pt idx="436">
                  <c:v>120</c:v>
                </c:pt>
                <c:pt idx="437">
                  <c:v>120</c:v>
                </c:pt>
                <c:pt idx="438">
                  <c:v>120</c:v>
                </c:pt>
                <c:pt idx="439">
                  <c:v>120</c:v>
                </c:pt>
                <c:pt idx="440">
                  <c:v>120</c:v>
                </c:pt>
                <c:pt idx="441">
                  <c:v>120</c:v>
                </c:pt>
                <c:pt idx="442">
                  <c:v>120</c:v>
                </c:pt>
                <c:pt idx="443">
                  <c:v>120</c:v>
                </c:pt>
                <c:pt idx="444">
                  <c:v>120</c:v>
                </c:pt>
                <c:pt idx="445">
                  <c:v>120</c:v>
                </c:pt>
                <c:pt idx="446">
                  <c:v>120</c:v>
                </c:pt>
                <c:pt idx="447">
                  <c:v>120</c:v>
                </c:pt>
                <c:pt idx="448">
                  <c:v>120</c:v>
                </c:pt>
                <c:pt idx="449">
                  <c:v>120</c:v>
                </c:pt>
                <c:pt idx="450">
                  <c:v>120</c:v>
                </c:pt>
                <c:pt idx="451">
                  <c:v>120</c:v>
                </c:pt>
                <c:pt idx="452">
                  <c:v>120</c:v>
                </c:pt>
                <c:pt idx="453">
                  <c:v>120</c:v>
                </c:pt>
                <c:pt idx="454">
                  <c:v>120</c:v>
                </c:pt>
                <c:pt idx="455">
                  <c:v>120</c:v>
                </c:pt>
                <c:pt idx="456">
                  <c:v>120</c:v>
                </c:pt>
                <c:pt idx="457">
                  <c:v>120</c:v>
                </c:pt>
                <c:pt idx="458">
                  <c:v>120</c:v>
                </c:pt>
                <c:pt idx="459">
                  <c:v>120</c:v>
                </c:pt>
                <c:pt idx="460">
                  <c:v>120</c:v>
                </c:pt>
                <c:pt idx="461">
                  <c:v>120</c:v>
                </c:pt>
                <c:pt idx="462">
                  <c:v>120</c:v>
                </c:pt>
                <c:pt idx="463">
                  <c:v>120</c:v>
                </c:pt>
                <c:pt idx="464">
                  <c:v>120</c:v>
                </c:pt>
                <c:pt idx="465">
                  <c:v>120</c:v>
                </c:pt>
                <c:pt idx="466">
                  <c:v>120</c:v>
                </c:pt>
                <c:pt idx="467">
                  <c:v>120</c:v>
                </c:pt>
                <c:pt idx="468">
                  <c:v>120</c:v>
                </c:pt>
                <c:pt idx="469">
                  <c:v>120</c:v>
                </c:pt>
                <c:pt idx="470">
                  <c:v>120</c:v>
                </c:pt>
                <c:pt idx="471">
                  <c:v>120</c:v>
                </c:pt>
                <c:pt idx="472">
                  <c:v>120</c:v>
                </c:pt>
                <c:pt idx="473">
                  <c:v>120</c:v>
                </c:pt>
                <c:pt idx="474">
                  <c:v>120</c:v>
                </c:pt>
                <c:pt idx="475">
                  <c:v>120</c:v>
                </c:pt>
                <c:pt idx="476">
                  <c:v>120</c:v>
                </c:pt>
                <c:pt idx="477">
                  <c:v>120</c:v>
                </c:pt>
                <c:pt idx="478">
                  <c:v>120</c:v>
                </c:pt>
                <c:pt idx="479">
                  <c:v>120</c:v>
                </c:pt>
                <c:pt idx="480">
                  <c:v>120</c:v>
                </c:pt>
                <c:pt idx="481">
                  <c:v>120</c:v>
                </c:pt>
                <c:pt idx="482">
                  <c:v>120</c:v>
                </c:pt>
                <c:pt idx="483">
                  <c:v>120</c:v>
                </c:pt>
                <c:pt idx="484">
                  <c:v>120</c:v>
                </c:pt>
                <c:pt idx="485">
                  <c:v>120</c:v>
                </c:pt>
                <c:pt idx="486">
                  <c:v>120</c:v>
                </c:pt>
                <c:pt idx="487">
                  <c:v>120</c:v>
                </c:pt>
                <c:pt idx="488">
                  <c:v>120</c:v>
                </c:pt>
                <c:pt idx="489">
                  <c:v>120</c:v>
                </c:pt>
                <c:pt idx="490">
                  <c:v>120</c:v>
                </c:pt>
                <c:pt idx="491">
                  <c:v>120</c:v>
                </c:pt>
                <c:pt idx="492">
                  <c:v>120</c:v>
                </c:pt>
                <c:pt idx="493">
                  <c:v>120</c:v>
                </c:pt>
                <c:pt idx="494">
                  <c:v>120</c:v>
                </c:pt>
                <c:pt idx="495">
                  <c:v>120</c:v>
                </c:pt>
                <c:pt idx="496">
                  <c:v>120</c:v>
                </c:pt>
                <c:pt idx="497">
                  <c:v>120</c:v>
                </c:pt>
                <c:pt idx="498">
                  <c:v>120</c:v>
                </c:pt>
                <c:pt idx="499">
                  <c:v>120</c:v>
                </c:pt>
                <c:pt idx="500">
                  <c:v>120</c:v>
                </c:pt>
                <c:pt idx="501">
                  <c:v>120</c:v>
                </c:pt>
                <c:pt idx="502">
                  <c:v>120</c:v>
                </c:pt>
                <c:pt idx="503">
                  <c:v>120</c:v>
                </c:pt>
                <c:pt idx="504">
                  <c:v>120</c:v>
                </c:pt>
                <c:pt idx="505">
                  <c:v>120</c:v>
                </c:pt>
                <c:pt idx="506">
                  <c:v>120</c:v>
                </c:pt>
                <c:pt idx="507">
                  <c:v>120</c:v>
                </c:pt>
                <c:pt idx="508">
                  <c:v>120</c:v>
                </c:pt>
                <c:pt idx="509">
                  <c:v>120</c:v>
                </c:pt>
                <c:pt idx="510">
                  <c:v>120</c:v>
                </c:pt>
                <c:pt idx="511">
                  <c:v>120</c:v>
                </c:pt>
                <c:pt idx="512">
                  <c:v>120</c:v>
                </c:pt>
                <c:pt idx="513">
                  <c:v>120</c:v>
                </c:pt>
                <c:pt idx="514">
                  <c:v>120</c:v>
                </c:pt>
                <c:pt idx="515">
                  <c:v>120</c:v>
                </c:pt>
                <c:pt idx="516">
                  <c:v>120</c:v>
                </c:pt>
                <c:pt idx="517">
                  <c:v>120</c:v>
                </c:pt>
                <c:pt idx="518">
                  <c:v>120</c:v>
                </c:pt>
                <c:pt idx="519">
                  <c:v>120</c:v>
                </c:pt>
                <c:pt idx="520">
                  <c:v>120</c:v>
                </c:pt>
                <c:pt idx="521">
                  <c:v>120</c:v>
                </c:pt>
                <c:pt idx="522">
                  <c:v>120</c:v>
                </c:pt>
                <c:pt idx="523">
                  <c:v>120</c:v>
                </c:pt>
                <c:pt idx="524">
                  <c:v>120</c:v>
                </c:pt>
                <c:pt idx="525">
                  <c:v>120</c:v>
                </c:pt>
                <c:pt idx="526">
                  <c:v>120</c:v>
                </c:pt>
                <c:pt idx="527">
                  <c:v>120</c:v>
                </c:pt>
                <c:pt idx="528">
                  <c:v>120</c:v>
                </c:pt>
                <c:pt idx="529">
                  <c:v>120</c:v>
                </c:pt>
                <c:pt idx="530">
                  <c:v>120</c:v>
                </c:pt>
                <c:pt idx="531">
                  <c:v>120</c:v>
                </c:pt>
                <c:pt idx="532">
                  <c:v>120</c:v>
                </c:pt>
                <c:pt idx="533">
                  <c:v>120</c:v>
                </c:pt>
                <c:pt idx="534">
                  <c:v>120</c:v>
                </c:pt>
                <c:pt idx="535">
                  <c:v>120</c:v>
                </c:pt>
                <c:pt idx="536">
                  <c:v>120</c:v>
                </c:pt>
                <c:pt idx="537">
                  <c:v>120</c:v>
                </c:pt>
                <c:pt idx="538">
                  <c:v>120</c:v>
                </c:pt>
                <c:pt idx="539">
                  <c:v>120</c:v>
                </c:pt>
                <c:pt idx="540">
                  <c:v>120</c:v>
                </c:pt>
                <c:pt idx="541">
                  <c:v>120</c:v>
                </c:pt>
                <c:pt idx="542">
                  <c:v>120</c:v>
                </c:pt>
                <c:pt idx="543">
                  <c:v>120</c:v>
                </c:pt>
                <c:pt idx="544">
                  <c:v>120</c:v>
                </c:pt>
                <c:pt idx="545">
                  <c:v>121</c:v>
                </c:pt>
                <c:pt idx="546">
                  <c:v>121</c:v>
                </c:pt>
                <c:pt idx="547">
                  <c:v>121</c:v>
                </c:pt>
                <c:pt idx="548">
                  <c:v>122</c:v>
                </c:pt>
                <c:pt idx="549">
                  <c:v>122</c:v>
                </c:pt>
                <c:pt idx="550">
                  <c:v>123</c:v>
                </c:pt>
                <c:pt idx="551">
                  <c:v>123</c:v>
                </c:pt>
                <c:pt idx="552">
                  <c:v>124</c:v>
                </c:pt>
                <c:pt idx="553">
                  <c:v>124</c:v>
                </c:pt>
                <c:pt idx="554">
                  <c:v>124</c:v>
                </c:pt>
                <c:pt idx="555">
                  <c:v>125</c:v>
                </c:pt>
                <c:pt idx="556">
                  <c:v>125</c:v>
                </c:pt>
                <c:pt idx="557">
                  <c:v>126</c:v>
                </c:pt>
                <c:pt idx="558">
                  <c:v>126</c:v>
                </c:pt>
                <c:pt idx="559">
                  <c:v>126</c:v>
                </c:pt>
                <c:pt idx="560">
                  <c:v>127</c:v>
                </c:pt>
                <c:pt idx="561">
                  <c:v>127</c:v>
                </c:pt>
                <c:pt idx="562">
                  <c:v>128</c:v>
                </c:pt>
                <c:pt idx="563">
                  <c:v>128</c:v>
                </c:pt>
                <c:pt idx="564">
                  <c:v>129</c:v>
                </c:pt>
                <c:pt idx="565">
                  <c:v>129</c:v>
                </c:pt>
                <c:pt idx="566">
                  <c:v>129</c:v>
                </c:pt>
                <c:pt idx="567">
                  <c:v>130</c:v>
                </c:pt>
                <c:pt idx="568">
                  <c:v>130</c:v>
                </c:pt>
                <c:pt idx="569">
                  <c:v>131</c:v>
                </c:pt>
                <c:pt idx="570">
                  <c:v>131</c:v>
                </c:pt>
                <c:pt idx="571">
                  <c:v>131</c:v>
                </c:pt>
                <c:pt idx="572">
                  <c:v>132</c:v>
                </c:pt>
                <c:pt idx="573">
                  <c:v>132</c:v>
                </c:pt>
                <c:pt idx="574">
                  <c:v>133</c:v>
                </c:pt>
                <c:pt idx="575">
                  <c:v>133</c:v>
                </c:pt>
                <c:pt idx="576">
                  <c:v>134</c:v>
                </c:pt>
                <c:pt idx="577">
                  <c:v>134</c:v>
                </c:pt>
                <c:pt idx="578">
                  <c:v>134</c:v>
                </c:pt>
                <c:pt idx="579">
                  <c:v>135</c:v>
                </c:pt>
                <c:pt idx="580">
                  <c:v>135</c:v>
                </c:pt>
                <c:pt idx="581">
                  <c:v>136</c:v>
                </c:pt>
                <c:pt idx="582">
                  <c:v>136</c:v>
                </c:pt>
                <c:pt idx="583">
                  <c:v>136</c:v>
                </c:pt>
                <c:pt idx="584">
                  <c:v>137</c:v>
                </c:pt>
                <c:pt idx="585">
                  <c:v>137</c:v>
                </c:pt>
                <c:pt idx="586">
                  <c:v>138</c:v>
                </c:pt>
                <c:pt idx="587">
                  <c:v>138</c:v>
                </c:pt>
                <c:pt idx="588">
                  <c:v>139</c:v>
                </c:pt>
                <c:pt idx="589">
                  <c:v>139</c:v>
                </c:pt>
                <c:pt idx="590">
                  <c:v>139</c:v>
                </c:pt>
                <c:pt idx="591">
                  <c:v>140</c:v>
                </c:pt>
                <c:pt idx="592">
                  <c:v>140</c:v>
                </c:pt>
                <c:pt idx="593">
                  <c:v>141</c:v>
                </c:pt>
                <c:pt idx="594">
                  <c:v>141</c:v>
                </c:pt>
                <c:pt idx="595">
                  <c:v>141</c:v>
                </c:pt>
                <c:pt idx="596">
                  <c:v>142</c:v>
                </c:pt>
                <c:pt idx="597">
                  <c:v>142</c:v>
                </c:pt>
                <c:pt idx="598">
                  <c:v>143</c:v>
                </c:pt>
                <c:pt idx="599">
                  <c:v>143</c:v>
                </c:pt>
                <c:pt idx="600">
                  <c:v>144</c:v>
                </c:pt>
                <c:pt idx="601">
                  <c:v>144</c:v>
                </c:pt>
                <c:pt idx="602">
                  <c:v>144</c:v>
                </c:pt>
                <c:pt idx="603">
                  <c:v>145</c:v>
                </c:pt>
                <c:pt idx="604">
                  <c:v>145</c:v>
                </c:pt>
                <c:pt idx="605">
                  <c:v>146</c:v>
                </c:pt>
                <c:pt idx="606">
                  <c:v>146</c:v>
                </c:pt>
                <c:pt idx="607">
                  <c:v>146</c:v>
                </c:pt>
                <c:pt idx="608">
                  <c:v>147</c:v>
                </c:pt>
                <c:pt idx="609">
                  <c:v>147</c:v>
                </c:pt>
                <c:pt idx="610">
                  <c:v>148</c:v>
                </c:pt>
                <c:pt idx="611">
                  <c:v>148</c:v>
                </c:pt>
                <c:pt idx="612">
                  <c:v>149</c:v>
                </c:pt>
                <c:pt idx="613">
                  <c:v>149</c:v>
                </c:pt>
                <c:pt idx="614">
                  <c:v>149</c:v>
                </c:pt>
                <c:pt idx="615">
                  <c:v>150</c:v>
                </c:pt>
                <c:pt idx="616">
                  <c:v>150</c:v>
                </c:pt>
                <c:pt idx="617">
                  <c:v>151</c:v>
                </c:pt>
                <c:pt idx="618">
                  <c:v>151</c:v>
                </c:pt>
                <c:pt idx="619">
                  <c:v>151</c:v>
                </c:pt>
                <c:pt idx="620">
                  <c:v>152</c:v>
                </c:pt>
                <c:pt idx="621">
                  <c:v>152</c:v>
                </c:pt>
                <c:pt idx="622">
                  <c:v>153</c:v>
                </c:pt>
                <c:pt idx="623">
                  <c:v>153</c:v>
                </c:pt>
                <c:pt idx="624">
                  <c:v>154</c:v>
                </c:pt>
                <c:pt idx="625">
                  <c:v>154</c:v>
                </c:pt>
                <c:pt idx="626">
                  <c:v>154</c:v>
                </c:pt>
                <c:pt idx="627">
                  <c:v>155</c:v>
                </c:pt>
                <c:pt idx="628">
                  <c:v>155</c:v>
                </c:pt>
                <c:pt idx="629">
                  <c:v>156</c:v>
                </c:pt>
                <c:pt idx="630">
                  <c:v>156</c:v>
                </c:pt>
                <c:pt idx="631">
                  <c:v>156</c:v>
                </c:pt>
                <c:pt idx="632">
                  <c:v>157</c:v>
                </c:pt>
                <c:pt idx="633">
                  <c:v>157</c:v>
                </c:pt>
                <c:pt idx="634">
                  <c:v>158</c:v>
                </c:pt>
                <c:pt idx="635">
                  <c:v>158</c:v>
                </c:pt>
                <c:pt idx="636">
                  <c:v>159</c:v>
                </c:pt>
                <c:pt idx="637">
                  <c:v>159</c:v>
                </c:pt>
                <c:pt idx="638">
                  <c:v>159</c:v>
                </c:pt>
                <c:pt idx="639">
                  <c:v>160</c:v>
                </c:pt>
                <c:pt idx="640">
                  <c:v>160</c:v>
                </c:pt>
                <c:pt idx="641">
                  <c:v>161</c:v>
                </c:pt>
                <c:pt idx="642">
                  <c:v>161</c:v>
                </c:pt>
                <c:pt idx="643">
                  <c:v>161</c:v>
                </c:pt>
                <c:pt idx="644">
                  <c:v>162</c:v>
                </c:pt>
                <c:pt idx="645">
                  <c:v>162</c:v>
                </c:pt>
                <c:pt idx="646">
                  <c:v>163</c:v>
                </c:pt>
                <c:pt idx="647">
                  <c:v>163</c:v>
                </c:pt>
                <c:pt idx="648">
                  <c:v>164</c:v>
                </c:pt>
                <c:pt idx="649">
                  <c:v>164</c:v>
                </c:pt>
                <c:pt idx="650">
                  <c:v>164</c:v>
                </c:pt>
                <c:pt idx="651">
                  <c:v>165</c:v>
                </c:pt>
                <c:pt idx="652">
                  <c:v>165</c:v>
                </c:pt>
                <c:pt idx="653">
                  <c:v>166</c:v>
                </c:pt>
                <c:pt idx="654">
                  <c:v>166</c:v>
                </c:pt>
                <c:pt idx="655">
                  <c:v>166</c:v>
                </c:pt>
                <c:pt idx="656">
                  <c:v>167</c:v>
                </c:pt>
                <c:pt idx="657">
                  <c:v>167</c:v>
                </c:pt>
                <c:pt idx="658">
                  <c:v>168</c:v>
                </c:pt>
                <c:pt idx="659">
                  <c:v>168</c:v>
                </c:pt>
                <c:pt idx="660">
                  <c:v>169</c:v>
                </c:pt>
                <c:pt idx="661">
                  <c:v>169</c:v>
                </c:pt>
                <c:pt idx="662">
                  <c:v>169</c:v>
                </c:pt>
                <c:pt idx="663">
                  <c:v>170</c:v>
                </c:pt>
                <c:pt idx="664">
                  <c:v>170</c:v>
                </c:pt>
                <c:pt idx="665">
                  <c:v>171</c:v>
                </c:pt>
                <c:pt idx="666">
                  <c:v>171</c:v>
                </c:pt>
                <c:pt idx="667">
                  <c:v>171</c:v>
                </c:pt>
                <c:pt idx="668">
                  <c:v>172</c:v>
                </c:pt>
                <c:pt idx="669">
                  <c:v>172</c:v>
                </c:pt>
                <c:pt idx="670">
                  <c:v>173</c:v>
                </c:pt>
                <c:pt idx="671">
                  <c:v>173</c:v>
                </c:pt>
                <c:pt idx="672">
                  <c:v>174</c:v>
                </c:pt>
                <c:pt idx="673">
                  <c:v>174</c:v>
                </c:pt>
                <c:pt idx="674">
                  <c:v>174</c:v>
                </c:pt>
                <c:pt idx="675">
                  <c:v>175</c:v>
                </c:pt>
                <c:pt idx="676">
                  <c:v>175</c:v>
                </c:pt>
                <c:pt idx="677">
                  <c:v>176</c:v>
                </c:pt>
                <c:pt idx="678">
                  <c:v>176</c:v>
                </c:pt>
                <c:pt idx="679">
                  <c:v>176</c:v>
                </c:pt>
                <c:pt idx="680">
                  <c:v>177</c:v>
                </c:pt>
                <c:pt idx="681">
                  <c:v>177</c:v>
                </c:pt>
                <c:pt idx="682">
                  <c:v>178</c:v>
                </c:pt>
                <c:pt idx="683">
                  <c:v>178</c:v>
                </c:pt>
                <c:pt idx="684">
                  <c:v>179</c:v>
                </c:pt>
                <c:pt idx="685">
                  <c:v>179</c:v>
                </c:pt>
                <c:pt idx="686">
                  <c:v>179</c:v>
                </c:pt>
                <c:pt idx="687">
                  <c:v>180</c:v>
                </c:pt>
                <c:pt idx="688">
                  <c:v>180</c:v>
                </c:pt>
                <c:pt idx="689">
                  <c:v>181</c:v>
                </c:pt>
                <c:pt idx="690">
                  <c:v>181</c:v>
                </c:pt>
                <c:pt idx="691">
                  <c:v>181</c:v>
                </c:pt>
                <c:pt idx="692">
                  <c:v>182</c:v>
                </c:pt>
                <c:pt idx="693">
                  <c:v>182</c:v>
                </c:pt>
                <c:pt idx="694">
                  <c:v>183</c:v>
                </c:pt>
                <c:pt idx="695">
                  <c:v>183</c:v>
                </c:pt>
                <c:pt idx="696">
                  <c:v>184</c:v>
                </c:pt>
                <c:pt idx="697">
                  <c:v>184</c:v>
                </c:pt>
                <c:pt idx="698">
                  <c:v>184</c:v>
                </c:pt>
                <c:pt idx="699">
                  <c:v>185</c:v>
                </c:pt>
                <c:pt idx="700">
                  <c:v>185</c:v>
                </c:pt>
                <c:pt idx="701">
                  <c:v>186</c:v>
                </c:pt>
                <c:pt idx="702">
                  <c:v>186</c:v>
                </c:pt>
                <c:pt idx="703">
                  <c:v>186</c:v>
                </c:pt>
                <c:pt idx="704">
                  <c:v>187</c:v>
                </c:pt>
                <c:pt idx="705">
                  <c:v>187</c:v>
                </c:pt>
                <c:pt idx="706">
                  <c:v>188</c:v>
                </c:pt>
                <c:pt idx="707">
                  <c:v>188</c:v>
                </c:pt>
                <c:pt idx="708">
                  <c:v>189</c:v>
                </c:pt>
                <c:pt idx="709">
                  <c:v>189</c:v>
                </c:pt>
                <c:pt idx="710">
                  <c:v>189</c:v>
                </c:pt>
                <c:pt idx="711">
                  <c:v>190</c:v>
                </c:pt>
                <c:pt idx="712">
                  <c:v>190</c:v>
                </c:pt>
                <c:pt idx="713">
                  <c:v>191</c:v>
                </c:pt>
                <c:pt idx="714">
                  <c:v>191</c:v>
                </c:pt>
                <c:pt idx="715">
                  <c:v>191</c:v>
                </c:pt>
                <c:pt idx="716">
                  <c:v>192</c:v>
                </c:pt>
                <c:pt idx="717">
                  <c:v>192</c:v>
                </c:pt>
                <c:pt idx="718">
                  <c:v>193</c:v>
                </c:pt>
                <c:pt idx="719">
                  <c:v>193</c:v>
                </c:pt>
                <c:pt idx="720">
                  <c:v>194</c:v>
                </c:pt>
                <c:pt idx="721">
                  <c:v>194</c:v>
                </c:pt>
                <c:pt idx="722">
                  <c:v>194</c:v>
                </c:pt>
                <c:pt idx="723">
                  <c:v>195</c:v>
                </c:pt>
                <c:pt idx="724">
                  <c:v>195</c:v>
                </c:pt>
                <c:pt idx="725">
                  <c:v>196</c:v>
                </c:pt>
                <c:pt idx="726">
                  <c:v>196</c:v>
                </c:pt>
                <c:pt idx="727">
                  <c:v>196</c:v>
                </c:pt>
                <c:pt idx="728">
                  <c:v>197</c:v>
                </c:pt>
                <c:pt idx="729">
                  <c:v>197</c:v>
                </c:pt>
                <c:pt idx="730">
                  <c:v>198</c:v>
                </c:pt>
                <c:pt idx="731">
                  <c:v>198</c:v>
                </c:pt>
                <c:pt idx="732">
                  <c:v>199</c:v>
                </c:pt>
                <c:pt idx="733">
                  <c:v>199</c:v>
                </c:pt>
                <c:pt idx="734">
                  <c:v>199</c:v>
                </c:pt>
                <c:pt idx="735">
                  <c:v>200</c:v>
                </c:pt>
                <c:pt idx="736">
                  <c:v>200</c:v>
                </c:pt>
                <c:pt idx="737">
                  <c:v>201</c:v>
                </c:pt>
                <c:pt idx="738">
                  <c:v>201</c:v>
                </c:pt>
                <c:pt idx="739">
                  <c:v>201</c:v>
                </c:pt>
                <c:pt idx="740">
                  <c:v>202</c:v>
                </c:pt>
                <c:pt idx="741">
                  <c:v>202</c:v>
                </c:pt>
                <c:pt idx="742">
                  <c:v>203</c:v>
                </c:pt>
                <c:pt idx="743">
                  <c:v>203</c:v>
                </c:pt>
                <c:pt idx="744">
                  <c:v>204</c:v>
                </c:pt>
                <c:pt idx="745">
                  <c:v>204</c:v>
                </c:pt>
                <c:pt idx="746">
                  <c:v>204</c:v>
                </c:pt>
                <c:pt idx="747">
                  <c:v>205</c:v>
                </c:pt>
                <c:pt idx="748">
                  <c:v>205</c:v>
                </c:pt>
                <c:pt idx="749">
                  <c:v>206</c:v>
                </c:pt>
                <c:pt idx="750">
                  <c:v>206</c:v>
                </c:pt>
                <c:pt idx="751">
                  <c:v>206</c:v>
                </c:pt>
                <c:pt idx="752">
                  <c:v>207</c:v>
                </c:pt>
                <c:pt idx="753">
                  <c:v>207</c:v>
                </c:pt>
                <c:pt idx="754">
                  <c:v>208</c:v>
                </c:pt>
                <c:pt idx="755">
                  <c:v>208</c:v>
                </c:pt>
                <c:pt idx="756">
                  <c:v>209</c:v>
                </c:pt>
                <c:pt idx="757">
                  <c:v>209</c:v>
                </c:pt>
                <c:pt idx="758">
                  <c:v>209</c:v>
                </c:pt>
                <c:pt idx="759">
                  <c:v>210</c:v>
                </c:pt>
                <c:pt idx="760">
                  <c:v>210</c:v>
                </c:pt>
                <c:pt idx="761">
                  <c:v>211</c:v>
                </c:pt>
                <c:pt idx="762">
                  <c:v>211</c:v>
                </c:pt>
                <c:pt idx="763">
                  <c:v>211</c:v>
                </c:pt>
                <c:pt idx="764">
                  <c:v>212</c:v>
                </c:pt>
                <c:pt idx="765">
                  <c:v>212</c:v>
                </c:pt>
                <c:pt idx="766">
                  <c:v>213</c:v>
                </c:pt>
                <c:pt idx="767">
                  <c:v>213</c:v>
                </c:pt>
                <c:pt idx="768">
                  <c:v>214</c:v>
                </c:pt>
                <c:pt idx="769">
                  <c:v>214</c:v>
                </c:pt>
                <c:pt idx="770">
                  <c:v>214</c:v>
                </c:pt>
                <c:pt idx="771">
                  <c:v>215</c:v>
                </c:pt>
                <c:pt idx="772">
                  <c:v>215</c:v>
                </c:pt>
                <c:pt idx="773">
                  <c:v>216</c:v>
                </c:pt>
                <c:pt idx="774">
                  <c:v>216</c:v>
                </c:pt>
                <c:pt idx="775">
                  <c:v>216</c:v>
                </c:pt>
                <c:pt idx="776">
                  <c:v>217</c:v>
                </c:pt>
                <c:pt idx="777">
                  <c:v>217</c:v>
                </c:pt>
                <c:pt idx="778">
                  <c:v>218</c:v>
                </c:pt>
                <c:pt idx="779">
                  <c:v>218</c:v>
                </c:pt>
                <c:pt idx="780">
                  <c:v>219</c:v>
                </c:pt>
                <c:pt idx="781">
                  <c:v>219</c:v>
                </c:pt>
                <c:pt idx="782">
                  <c:v>219</c:v>
                </c:pt>
                <c:pt idx="783">
                  <c:v>220</c:v>
                </c:pt>
                <c:pt idx="784">
                  <c:v>220</c:v>
                </c:pt>
                <c:pt idx="785">
                  <c:v>221</c:v>
                </c:pt>
                <c:pt idx="786">
                  <c:v>221</c:v>
                </c:pt>
                <c:pt idx="787">
                  <c:v>221</c:v>
                </c:pt>
                <c:pt idx="788">
                  <c:v>222</c:v>
                </c:pt>
                <c:pt idx="789">
                  <c:v>222</c:v>
                </c:pt>
                <c:pt idx="790">
                  <c:v>223</c:v>
                </c:pt>
                <c:pt idx="791">
                  <c:v>223</c:v>
                </c:pt>
                <c:pt idx="792">
                  <c:v>224</c:v>
                </c:pt>
                <c:pt idx="793">
                  <c:v>224</c:v>
                </c:pt>
                <c:pt idx="794">
                  <c:v>224</c:v>
                </c:pt>
                <c:pt idx="795">
                  <c:v>225</c:v>
                </c:pt>
                <c:pt idx="796">
                  <c:v>225</c:v>
                </c:pt>
                <c:pt idx="797">
                  <c:v>226</c:v>
                </c:pt>
                <c:pt idx="798">
                  <c:v>226</c:v>
                </c:pt>
                <c:pt idx="799">
                  <c:v>226</c:v>
                </c:pt>
                <c:pt idx="800">
                  <c:v>227</c:v>
                </c:pt>
                <c:pt idx="801">
                  <c:v>227</c:v>
                </c:pt>
                <c:pt idx="802">
                  <c:v>228</c:v>
                </c:pt>
                <c:pt idx="803">
                  <c:v>228</c:v>
                </c:pt>
                <c:pt idx="804">
                  <c:v>229</c:v>
                </c:pt>
                <c:pt idx="805">
                  <c:v>229</c:v>
                </c:pt>
                <c:pt idx="806">
                  <c:v>229</c:v>
                </c:pt>
                <c:pt idx="807">
                  <c:v>230</c:v>
                </c:pt>
                <c:pt idx="808">
                  <c:v>230</c:v>
                </c:pt>
                <c:pt idx="809">
                  <c:v>231</c:v>
                </c:pt>
                <c:pt idx="810">
                  <c:v>231</c:v>
                </c:pt>
                <c:pt idx="811">
                  <c:v>231</c:v>
                </c:pt>
                <c:pt idx="812">
                  <c:v>232</c:v>
                </c:pt>
                <c:pt idx="813">
                  <c:v>232</c:v>
                </c:pt>
                <c:pt idx="814">
                  <c:v>233</c:v>
                </c:pt>
                <c:pt idx="815">
                  <c:v>233</c:v>
                </c:pt>
                <c:pt idx="816">
                  <c:v>234</c:v>
                </c:pt>
                <c:pt idx="817">
                  <c:v>234</c:v>
                </c:pt>
                <c:pt idx="818">
                  <c:v>234</c:v>
                </c:pt>
                <c:pt idx="819">
                  <c:v>235</c:v>
                </c:pt>
                <c:pt idx="820">
                  <c:v>235</c:v>
                </c:pt>
                <c:pt idx="821">
                  <c:v>236</c:v>
                </c:pt>
                <c:pt idx="822">
                  <c:v>236</c:v>
                </c:pt>
                <c:pt idx="823">
                  <c:v>236</c:v>
                </c:pt>
                <c:pt idx="824">
                  <c:v>237</c:v>
                </c:pt>
                <c:pt idx="825">
                  <c:v>237</c:v>
                </c:pt>
                <c:pt idx="826">
                  <c:v>238</c:v>
                </c:pt>
                <c:pt idx="827">
                  <c:v>238</c:v>
                </c:pt>
                <c:pt idx="828">
                  <c:v>239</c:v>
                </c:pt>
                <c:pt idx="829">
                  <c:v>239</c:v>
                </c:pt>
                <c:pt idx="830">
                  <c:v>239</c:v>
                </c:pt>
                <c:pt idx="831">
                  <c:v>240</c:v>
                </c:pt>
                <c:pt idx="832">
                  <c:v>240</c:v>
                </c:pt>
                <c:pt idx="833">
                  <c:v>241</c:v>
                </c:pt>
                <c:pt idx="834">
                  <c:v>241</c:v>
                </c:pt>
                <c:pt idx="835">
                  <c:v>241</c:v>
                </c:pt>
                <c:pt idx="836">
                  <c:v>242</c:v>
                </c:pt>
                <c:pt idx="837">
                  <c:v>242</c:v>
                </c:pt>
                <c:pt idx="838">
                  <c:v>243</c:v>
                </c:pt>
                <c:pt idx="839">
                  <c:v>243</c:v>
                </c:pt>
                <c:pt idx="840">
                  <c:v>244</c:v>
                </c:pt>
                <c:pt idx="841">
                  <c:v>244</c:v>
                </c:pt>
                <c:pt idx="842">
                  <c:v>244</c:v>
                </c:pt>
                <c:pt idx="843">
                  <c:v>245</c:v>
                </c:pt>
                <c:pt idx="844">
                  <c:v>245</c:v>
                </c:pt>
                <c:pt idx="845">
                  <c:v>246</c:v>
                </c:pt>
                <c:pt idx="846">
                  <c:v>246</c:v>
                </c:pt>
                <c:pt idx="847">
                  <c:v>246</c:v>
                </c:pt>
                <c:pt idx="848">
                  <c:v>247</c:v>
                </c:pt>
                <c:pt idx="849">
                  <c:v>247</c:v>
                </c:pt>
                <c:pt idx="850">
                  <c:v>248</c:v>
                </c:pt>
                <c:pt idx="851">
                  <c:v>248</c:v>
                </c:pt>
                <c:pt idx="852">
                  <c:v>249</c:v>
                </c:pt>
                <c:pt idx="853">
                  <c:v>249</c:v>
                </c:pt>
                <c:pt idx="854">
                  <c:v>249</c:v>
                </c:pt>
                <c:pt idx="855">
                  <c:v>250</c:v>
                </c:pt>
                <c:pt idx="856">
                  <c:v>250</c:v>
                </c:pt>
                <c:pt idx="857">
                  <c:v>251</c:v>
                </c:pt>
                <c:pt idx="858">
                  <c:v>251</c:v>
                </c:pt>
                <c:pt idx="859">
                  <c:v>251</c:v>
                </c:pt>
                <c:pt idx="860">
                  <c:v>252</c:v>
                </c:pt>
                <c:pt idx="861">
                  <c:v>252</c:v>
                </c:pt>
                <c:pt idx="862">
                  <c:v>253</c:v>
                </c:pt>
                <c:pt idx="863">
                  <c:v>253</c:v>
                </c:pt>
                <c:pt idx="864">
                  <c:v>254</c:v>
                </c:pt>
                <c:pt idx="865">
                  <c:v>254</c:v>
                </c:pt>
                <c:pt idx="866">
                  <c:v>254</c:v>
                </c:pt>
                <c:pt idx="867">
                  <c:v>255</c:v>
                </c:pt>
                <c:pt idx="868">
                  <c:v>255</c:v>
                </c:pt>
                <c:pt idx="869">
                  <c:v>256</c:v>
                </c:pt>
                <c:pt idx="870">
                  <c:v>256</c:v>
                </c:pt>
                <c:pt idx="871">
                  <c:v>256</c:v>
                </c:pt>
                <c:pt idx="872">
                  <c:v>257</c:v>
                </c:pt>
                <c:pt idx="873">
                  <c:v>257</c:v>
                </c:pt>
                <c:pt idx="874">
                  <c:v>258</c:v>
                </c:pt>
                <c:pt idx="875">
                  <c:v>258</c:v>
                </c:pt>
                <c:pt idx="876">
                  <c:v>259</c:v>
                </c:pt>
                <c:pt idx="877">
                  <c:v>259</c:v>
                </c:pt>
                <c:pt idx="878">
                  <c:v>259</c:v>
                </c:pt>
                <c:pt idx="879">
                  <c:v>260</c:v>
                </c:pt>
                <c:pt idx="880">
                  <c:v>260</c:v>
                </c:pt>
                <c:pt idx="881">
                  <c:v>261</c:v>
                </c:pt>
                <c:pt idx="882">
                  <c:v>261</c:v>
                </c:pt>
                <c:pt idx="883">
                  <c:v>261</c:v>
                </c:pt>
                <c:pt idx="884">
                  <c:v>262</c:v>
                </c:pt>
                <c:pt idx="885">
                  <c:v>262</c:v>
                </c:pt>
                <c:pt idx="886">
                  <c:v>263</c:v>
                </c:pt>
                <c:pt idx="887">
                  <c:v>263</c:v>
                </c:pt>
                <c:pt idx="888">
                  <c:v>264</c:v>
                </c:pt>
                <c:pt idx="889">
                  <c:v>264</c:v>
                </c:pt>
                <c:pt idx="890">
                  <c:v>264</c:v>
                </c:pt>
                <c:pt idx="891">
                  <c:v>265</c:v>
                </c:pt>
                <c:pt idx="892">
                  <c:v>265</c:v>
                </c:pt>
                <c:pt idx="893">
                  <c:v>266</c:v>
                </c:pt>
                <c:pt idx="894">
                  <c:v>266</c:v>
                </c:pt>
                <c:pt idx="895">
                  <c:v>266</c:v>
                </c:pt>
                <c:pt idx="896">
                  <c:v>267</c:v>
                </c:pt>
                <c:pt idx="897">
                  <c:v>267</c:v>
                </c:pt>
                <c:pt idx="898">
                  <c:v>268</c:v>
                </c:pt>
                <c:pt idx="899">
                  <c:v>268</c:v>
                </c:pt>
                <c:pt idx="900">
                  <c:v>269</c:v>
                </c:pt>
                <c:pt idx="901">
                  <c:v>269</c:v>
                </c:pt>
                <c:pt idx="902">
                  <c:v>269</c:v>
                </c:pt>
                <c:pt idx="903">
                  <c:v>270</c:v>
                </c:pt>
                <c:pt idx="904">
                  <c:v>270</c:v>
                </c:pt>
                <c:pt idx="905">
                  <c:v>271</c:v>
                </c:pt>
                <c:pt idx="906">
                  <c:v>271</c:v>
                </c:pt>
                <c:pt idx="907">
                  <c:v>271</c:v>
                </c:pt>
                <c:pt idx="908">
                  <c:v>272</c:v>
                </c:pt>
                <c:pt idx="909">
                  <c:v>272</c:v>
                </c:pt>
                <c:pt idx="910">
                  <c:v>273</c:v>
                </c:pt>
                <c:pt idx="911">
                  <c:v>273</c:v>
                </c:pt>
                <c:pt idx="912">
                  <c:v>274</c:v>
                </c:pt>
                <c:pt idx="913">
                  <c:v>274</c:v>
                </c:pt>
                <c:pt idx="914">
                  <c:v>274</c:v>
                </c:pt>
                <c:pt idx="915">
                  <c:v>275</c:v>
                </c:pt>
                <c:pt idx="916">
                  <c:v>275</c:v>
                </c:pt>
                <c:pt idx="917">
                  <c:v>276</c:v>
                </c:pt>
                <c:pt idx="918">
                  <c:v>276</c:v>
                </c:pt>
                <c:pt idx="919">
                  <c:v>276</c:v>
                </c:pt>
                <c:pt idx="920">
                  <c:v>277</c:v>
                </c:pt>
                <c:pt idx="921">
                  <c:v>277</c:v>
                </c:pt>
                <c:pt idx="922">
                  <c:v>278</c:v>
                </c:pt>
                <c:pt idx="923">
                  <c:v>278</c:v>
                </c:pt>
                <c:pt idx="924">
                  <c:v>279</c:v>
                </c:pt>
                <c:pt idx="925">
                  <c:v>279</c:v>
                </c:pt>
                <c:pt idx="926">
                  <c:v>279</c:v>
                </c:pt>
                <c:pt idx="927">
                  <c:v>280</c:v>
                </c:pt>
                <c:pt idx="928">
                  <c:v>280</c:v>
                </c:pt>
                <c:pt idx="929">
                  <c:v>281</c:v>
                </c:pt>
                <c:pt idx="930">
                  <c:v>281</c:v>
                </c:pt>
                <c:pt idx="931">
                  <c:v>281</c:v>
                </c:pt>
                <c:pt idx="932">
                  <c:v>282</c:v>
                </c:pt>
                <c:pt idx="933">
                  <c:v>282</c:v>
                </c:pt>
                <c:pt idx="934">
                  <c:v>283</c:v>
                </c:pt>
                <c:pt idx="935">
                  <c:v>283</c:v>
                </c:pt>
                <c:pt idx="936">
                  <c:v>284</c:v>
                </c:pt>
                <c:pt idx="937">
                  <c:v>284</c:v>
                </c:pt>
                <c:pt idx="938">
                  <c:v>284</c:v>
                </c:pt>
                <c:pt idx="939">
                  <c:v>285</c:v>
                </c:pt>
                <c:pt idx="940">
                  <c:v>285</c:v>
                </c:pt>
                <c:pt idx="941">
                  <c:v>286</c:v>
                </c:pt>
                <c:pt idx="942">
                  <c:v>286</c:v>
                </c:pt>
                <c:pt idx="943">
                  <c:v>286</c:v>
                </c:pt>
                <c:pt idx="944">
                  <c:v>287</c:v>
                </c:pt>
                <c:pt idx="945">
                  <c:v>287</c:v>
                </c:pt>
                <c:pt idx="946">
                  <c:v>288</c:v>
                </c:pt>
                <c:pt idx="947">
                  <c:v>288</c:v>
                </c:pt>
                <c:pt idx="948">
                  <c:v>289</c:v>
                </c:pt>
                <c:pt idx="949">
                  <c:v>289</c:v>
                </c:pt>
                <c:pt idx="950">
                  <c:v>289</c:v>
                </c:pt>
                <c:pt idx="951">
                  <c:v>290</c:v>
                </c:pt>
                <c:pt idx="952">
                  <c:v>290</c:v>
                </c:pt>
                <c:pt idx="953">
                  <c:v>291</c:v>
                </c:pt>
                <c:pt idx="954">
                  <c:v>291</c:v>
                </c:pt>
                <c:pt idx="955">
                  <c:v>291</c:v>
                </c:pt>
                <c:pt idx="956">
                  <c:v>292</c:v>
                </c:pt>
                <c:pt idx="957">
                  <c:v>292</c:v>
                </c:pt>
                <c:pt idx="958">
                  <c:v>293</c:v>
                </c:pt>
                <c:pt idx="959">
                  <c:v>293</c:v>
                </c:pt>
                <c:pt idx="960">
                  <c:v>294</c:v>
                </c:pt>
                <c:pt idx="961">
                  <c:v>294</c:v>
                </c:pt>
                <c:pt idx="962">
                  <c:v>294</c:v>
                </c:pt>
                <c:pt idx="963">
                  <c:v>295</c:v>
                </c:pt>
                <c:pt idx="964">
                  <c:v>295</c:v>
                </c:pt>
                <c:pt idx="965">
                  <c:v>296</c:v>
                </c:pt>
                <c:pt idx="966">
                  <c:v>296</c:v>
                </c:pt>
                <c:pt idx="967">
                  <c:v>296</c:v>
                </c:pt>
                <c:pt idx="968">
                  <c:v>297</c:v>
                </c:pt>
                <c:pt idx="969">
                  <c:v>297</c:v>
                </c:pt>
                <c:pt idx="970">
                  <c:v>298</c:v>
                </c:pt>
                <c:pt idx="971">
                  <c:v>298</c:v>
                </c:pt>
                <c:pt idx="972">
                  <c:v>299</c:v>
                </c:pt>
                <c:pt idx="973">
                  <c:v>299</c:v>
                </c:pt>
                <c:pt idx="974">
                  <c:v>299</c:v>
                </c:pt>
                <c:pt idx="975">
                  <c:v>300</c:v>
                </c:pt>
                <c:pt idx="976">
                  <c:v>300</c:v>
                </c:pt>
                <c:pt idx="977">
                  <c:v>301</c:v>
                </c:pt>
                <c:pt idx="978">
                  <c:v>301</c:v>
                </c:pt>
                <c:pt idx="979">
                  <c:v>301</c:v>
                </c:pt>
                <c:pt idx="980">
                  <c:v>302</c:v>
                </c:pt>
                <c:pt idx="981">
                  <c:v>302</c:v>
                </c:pt>
                <c:pt idx="982">
                  <c:v>303</c:v>
                </c:pt>
                <c:pt idx="983">
                  <c:v>303</c:v>
                </c:pt>
                <c:pt idx="984">
                  <c:v>304</c:v>
                </c:pt>
                <c:pt idx="985">
                  <c:v>304</c:v>
                </c:pt>
                <c:pt idx="986">
                  <c:v>304</c:v>
                </c:pt>
                <c:pt idx="987">
                  <c:v>305</c:v>
                </c:pt>
                <c:pt idx="988">
                  <c:v>305</c:v>
                </c:pt>
                <c:pt idx="989">
                  <c:v>306</c:v>
                </c:pt>
                <c:pt idx="990">
                  <c:v>306</c:v>
                </c:pt>
                <c:pt idx="991">
                  <c:v>306</c:v>
                </c:pt>
                <c:pt idx="992">
                  <c:v>307</c:v>
                </c:pt>
                <c:pt idx="993">
                  <c:v>307</c:v>
                </c:pt>
                <c:pt idx="994">
                  <c:v>308</c:v>
                </c:pt>
                <c:pt idx="995">
                  <c:v>308</c:v>
                </c:pt>
                <c:pt idx="996">
                  <c:v>309</c:v>
                </c:pt>
                <c:pt idx="997">
                  <c:v>309</c:v>
                </c:pt>
                <c:pt idx="998">
                  <c:v>309</c:v>
                </c:pt>
                <c:pt idx="999">
                  <c:v>310</c:v>
                </c:pt>
                <c:pt idx="1000">
                  <c:v>310</c:v>
                </c:pt>
                <c:pt idx="1001">
                  <c:v>311</c:v>
                </c:pt>
                <c:pt idx="1002">
                  <c:v>311</c:v>
                </c:pt>
                <c:pt idx="1003">
                  <c:v>311</c:v>
                </c:pt>
                <c:pt idx="1004">
                  <c:v>312</c:v>
                </c:pt>
                <c:pt idx="1005">
                  <c:v>312</c:v>
                </c:pt>
                <c:pt idx="1006">
                  <c:v>313</c:v>
                </c:pt>
                <c:pt idx="1007">
                  <c:v>313</c:v>
                </c:pt>
                <c:pt idx="1008">
                  <c:v>314</c:v>
                </c:pt>
                <c:pt idx="1009">
                  <c:v>314</c:v>
                </c:pt>
                <c:pt idx="1010">
                  <c:v>314</c:v>
                </c:pt>
                <c:pt idx="1011">
                  <c:v>315</c:v>
                </c:pt>
                <c:pt idx="1012">
                  <c:v>315</c:v>
                </c:pt>
                <c:pt idx="1013">
                  <c:v>316</c:v>
                </c:pt>
                <c:pt idx="1014">
                  <c:v>316</c:v>
                </c:pt>
                <c:pt idx="1015">
                  <c:v>316</c:v>
                </c:pt>
                <c:pt idx="1016">
                  <c:v>317</c:v>
                </c:pt>
                <c:pt idx="1017">
                  <c:v>317</c:v>
                </c:pt>
                <c:pt idx="1018">
                  <c:v>318</c:v>
                </c:pt>
                <c:pt idx="1019">
                  <c:v>318</c:v>
                </c:pt>
                <c:pt idx="1020">
                  <c:v>319</c:v>
                </c:pt>
                <c:pt idx="1021">
                  <c:v>319</c:v>
                </c:pt>
                <c:pt idx="1022">
                  <c:v>319</c:v>
                </c:pt>
                <c:pt idx="1023">
                  <c:v>320</c:v>
                </c:pt>
                <c:pt idx="1024">
                  <c:v>320</c:v>
                </c:pt>
                <c:pt idx="1025">
                  <c:v>321</c:v>
                </c:pt>
                <c:pt idx="1026">
                  <c:v>321</c:v>
                </c:pt>
                <c:pt idx="1027">
                  <c:v>321</c:v>
                </c:pt>
                <c:pt idx="1028">
                  <c:v>322</c:v>
                </c:pt>
                <c:pt idx="1029">
                  <c:v>322</c:v>
                </c:pt>
                <c:pt idx="1030">
                  <c:v>323</c:v>
                </c:pt>
                <c:pt idx="1031">
                  <c:v>323</c:v>
                </c:pt>
                <c:pt idx="1032">
                  <c:v>324</c:v>
                </c:pt>
                <c:pt idx="1033">
                  <c:v>324</c:v>
                </c:pt>
                <c:pt idx="1034">
                  <c:v>324</c:v>
                </c:pt>
                <c:pt idx="1035">
                  <c:v>325</c:v>
                </c:pt>
                <c:pt idx="1036">
                  <c:v>325</c:v>
                </c:pt>
                <c:pt idx="1037">
                  <c:v>326</c:v>
                </c:pt>
                <c:pt idx="1038">
                  <c:v>326</c:v>
                </c:pt>
                <c:pt idx="1039">
                  <c:v>326</c:v>
                </c:pt>
                <c:pt idx="1040">
                  <c:v>327</c:v>
                </c:pt>
                <c:pt idx="1041">
                  <c:v>327</c:v>
                </c:pt>
                <c:pt idx="1042">
                  <c:v>328</c:v>
                </c:pt>
                <c:pt idx="1043">
                  <c:v>328</c:v>
                </c:pt>
                <c:pt idx="1044">
                  <c:v>329</c:v>
                </c:pt>
                <c:pt idx="1045">
                  <c:v>329</c:v>
                </c:pt>
                <c:pt idx="1046">
                  <c:v>329</c:v>
                </c:pt>
                <c:pt idx="1047">
                  <c:v>330</c:v>
                </c:pt>
                <c:pt idx="1048">
                  <c:v>330</c:v>
                </c:pt>
                <c:pt idx="1049">
                  <c:v>331</c:v>
                </c:pt>
                <c:pt idx="1050">
                  <c:v>331</c:v>
                </c:pt>
                <c:pt idx="1051">
                  <c:v>331</c:v>
                </c:pt>
                <c:pt idx="1052">
                  <c:v>332</c:v>
                </c:pt>
                <c:pt idx="1053">
                  <c:v>332</c:v>
                </c:pt>
                <c:pt idx="1054">
                  <c:v>333</c:v>
                </c:pt>
                <c:pt idx="1055">
                  <c:v>333</c:v>
                </c:pt>
                <c:pt idx="1056">
                  <c:v>334</c:v>
                </c:pt>
                <c:pt idx="1057">
                  <c:v>334</c:v>
                </c:pt>
                <c:pt idx="1058">
                  <c:v>334</c:v>
                </c:pt>
                <c:pt idx="1059">
                  <c:v>335</c:v>
                </c:pt>
                <c:pt idx="1060">
                  <c:v>335</c:v>
                </c:pt>
                <c:pt idx="1061">
                  <c:v>336</c:v>
                </c:pt>
                <c:pt idx="1062">
                  <c:v>336</c:v>
                </c:pt>
                <c:pt idx="1063">
                  <c:v>336</c:v>
                </c:pt>
                <c:pt idx="1064">
                  <c:v>337</c:v>
                </c:pt>
                <c:pt idx="1065">
                  <c:v>337</c:v>
                </c:pt>
                <c:pt idx="1066">
                  <c:v>338</c:v>
                </c:pt>
                <c:pt idx="1067">
                  <c:v>338</c:v>
                </c:pt>
                <c:pt idx="1068">
                  <c:v>339</c:v>
                </c:pt>
                <c:pt idx="1069">
                  <c:v>339</c:v>
                </c:pt>
                <c:pt idx="1070">
                  <c:v>339</c:v>
                </c:pt>
                <c:pt idx="1071">
                  <c:v>340</c:v>
                </c:pt>
                <c:pt idx="1072">
                  <c:v>340</c:v>
                </c:pt>
                <c:pt idx="1073">
                  <c:v>341</c:v>
                </c:pt>
                <c:pt idx="1074">
                  <c:v>341</c:v>
                </c:pt>
                <c:pt idx="1075">
                  <c:v>341</c:v>
                </c:pt>
                <c:pt idx="1076">
                  <c:v>342</c:v>
                </c:pt>
                <c:pt idx="1077">
                  <c:v>342</c:v>
                </c:pt>
                <c:pt idx="1078">
                  <c:v>343</c:v>
                </c:pt>
                <c:pt idx="1079">
                  <c:v>343</c:v>
                </c:pt>
                <c:pt idx="1080">
                  <c:v>344</c:v>
                </c:pt>
                <c:pt idx="1081">
                  <c:v>344</c:v>
                </c:pt>
                <c:pt idx="1082">
                  <c:v>344</c:v>
                </c:pt>
                <c:pt idx="1083">
                  <c:v>345</c:v>
                </c:pt>
                <c:pt idx="1084">
                  <c:v>345</c:v>
                </c:pt>
                <c:pt idx="1085">
                  <c:v>346</c:v>
                </c:pt>
                <c:pt idx="1086">
                  <c:v>346</c:v>
                </c:pt>
                <c:pt idx="1087">
                  <c:v>346</c:v>
                </c:pt>
                <c:pt idx="1088">
                  <c:v>347</c:v>
                </c:pt>
                <c:pt idx="1089">
                  <c:v>347</c:v>
                </c:pt>
                <c:pt idx="1090">
                  <c:v>348</c:v>
                </c:pt>
                <c:pt idx="1091">
                  <c:v>348</c:v>
                </c:pt>
                <c:pt idx="1092">
                  <c:v>349</c:v>
                </c:pt>
                <c:pt idx="1093">
                  <c:v>349</c:v>
                </c:pt>
                <c:pt idx="1094">
                  <c:v>349</c:v>
                </c:pt>
                <c:pt idx="1095">
                  <c:v>350</c:v>
                </c:pt>
                <c:pt idx="1096">
                  <c:v>350</c:v>
                </c:pt>
                <c:pt idx="1097">
                  <c:v>351</c:v>
                </c:pt>
                <c:pt idx="1098">
                  <c:v>351</c:v>
                </c:pt>
                <c:pt idx="1099">
                  <c:v>351</c:v>
                </c:pt>
                <c:pt idx="1100">
                  <c:v>352</c:v>
                </c:pt>
                <c:pt idx="1101">
                  <c:v>352</c:v>
                </c:pt>
                <c:pt idx="1102">
                  <c:v>353</c:v>
                </c:pt>
                <c:pt idx="1103">
                  <c:v>353</c:v>
                </c:pt>
                <c:pt idx="1104">
                  <c:v>354</c:v>
                </c:pt>
                <c:pt idx="1105">
                  <c:v>354</c:v>
                </c:pt>
                <c:pt idx="1106">
                  <c:v>354</c:v>
                </c:pt>
                <c:pt idx="1107">
                  <c:v>355</c:v>
                </c:pt>
                <c:pt idx="1108">
                  <c:v>355</c:v>
                </c:pt>
                <c:pt idx="1109">
                  <c:v>356</c:v>
                </c:pt>
                <c:pt idx="1110">
                  <c:v>356</c:v>
                </c:pt>
                <c:pt idx="1111">
                  <c:v>356</c:v>
                </c:pt>
                <c:pt idx="1112">
                  <c:v>357</c:v>
                </c:pt>
                <c:pt idx="1113">
                  <c:v>357</c:v>
                </c:pt>
                <c:pt idx="1114">
                  <c:v>358</c:v>
                </c:pt>
                <c:pt idx="1115">
                  <c:v>358</c:v>
                </c:pt>
                <c:pt idx="1116">
                  <c:v>359</c:v>
                </c:pt>
                <c:pt idx="1117">
                  <c:v>359</c:v>
                </c:pt>
                <c:pt idx="1118">
                  <c:v>359</c:v>
                </c:pt>
                <c:pt idx="1119">
                  <c:v>360</c:v>
                </c:pt>
                <c:pt idx="1120">
                  <c:v>360</c:v>
                </c:pt>
                <c:pt idx="1121">
                  <c:v>361</c:v>
                </c:pt>
                <c:pt idx="1122">
                  <c:v>361</c:v>
                </c:pt>
                <c:pt idx="1123">
                  <c:v>361</c:v>
                </c:pt>
                <c:pt idx="1124">
                  <c:v>362</c:v>
                </c:pt>
                <c:pt idx="1125">
                  <c:v>362</c:v>
                </c:pt>
                <c:pt idx="1126">
                  <c:v>363</c:v>
                </c:pt>
                <c:pt idx="1127">
                  <c:v>363</c:v>
                </c:pt>
                <c:pt idx="1128">
                  <c:v>364</c:v>
                </c:pt>
                <c:pt idx="1129">
                  <c:v>364</c:v>
                </c:pt>
                <c:pt idx="1130">
                  <c:v>364</c:v>
                </c:pt>
                <c:pt idx="1131">
                  <c:v>365</c:v>
                </c:pt>
                <c:pt idx="1132">
                  <c:v>365</c:v>
                </c:pt>
                <c:pt idx="1133">
                  <c:v>366</c:v>
                </c:pt>
                <c:pt idx="1134">
                  <c:v>366</c:v>
                </c:pt>
                <c:pt idx="1135">
                  <c:v>366</c:v>
                </c:pt>
                <c:pt idx="1136">
                  <c:v>367</c:v>
                </c:pt>
                <c:pt idx="1137">
                  <c:v>367</c:v>
                </c:pt>
                <c:pt idx="1138">
                  <c:v>368</c:v>
                </c:pt>
                <c:pt idx="1139">
                  <c:v>368</c:v>
                </c:pt>
                <c:pt idx="1140">
                  <c:v>369</c:v>
                </c:pt>
                <c:pt idx="1141">
                  <c:v>369</c:v>
                </c:pt>
                <c:pt idx="1142">
                  <c:v>369</c:v>
                </c:pt>
                <c:pt idx="1143">
                  <c:v>370</c:v>
                </c:pt>
                <c:pt idx="1144">
                  <c:v>370</c:v>
                </c:pt>
                <c:pt idx="1145">
                  <c:v>371</c:v>
                </c:pt>
                <c:pt idx="1146">
                  <c:v>371</c:v>
                </c:pt>
                <c:pt idx="1147">
                  <c:v>371</c:v>
                </c:pt>
                <c:pt idx="1148">
                  <c:v>372</c:v>
                </c:pt>
                <c:pt idx="1149">
                  <c:v>372</c:v>
                </c:pt>
                <c:pt idx="1150">
                  <c:v>373</c:v>
                </c:pt>
                <c:pt idx="1151">
                  <c:v>373</c:v>
                </c:pt>
                <c:pt idx="1152">
                  <c:v>374</c:v>
                </c:pt>
                <c:pt idx="1153">
                  <c:v>374</c:v>
                </c:pt>
                <c:pt idx="1154">
                  <c:v>374</c:v>
                </c:pt>
                <c:pt idx="1155">
                  <c:v>375</c:v>
                </c:pt>
                <c:pt idx="1156">
                  <c:v>375</c:v>
                </c:pt>
                <c:pt idx="1157">
                  <c:v>376</c:v>
                </c:pt>
                <c:pt idx="1158">
                  <c:v>376</c:v>
                </c:pt>
                <c:pt idx="1159">
                  <c:v>376</c:v>
                </c:pt>
                <c:pt idx="1160">
                  <c:v>377</c:v>
                </c:pt>
                <c:pt idx="1161">
                  <c:v>377</c:v>
                </c:pt>
                <c:pt idx="1162">
                  <c:v>378</c:v>
                </c:pt>
                <c:pt idx="1163">
                  <c:v>378</c:v>
                </c:pt>
                <c:pt idx="1164">
                  <c:v>379</c:v>
                </c:pt>
                <c:pt idx="1165">
                  <c:v>379</c:v>
                </c:pt>
                <c:pt idx="1166">
                  <c:v>379</c:v>
                </c:pt>
                <c:pt idx="1167">
                  <c:v>380</c:v>
                </c:pt>
                <c:pt idx="1168">
                  <c:v>380</c:v>
                </c:pt>
                <c:pt idx="1169">
                  <c:v>381</c:v>
                </c:pt>
                <c:pt idx="1170">
                  <c:v>381</c:v>
                </c:pt>
                <c:pt idx="1171">
                  <c:v>381</c:v>
                </c:pt>
                <c:pt idx="1172">
                  <c:v>382</c:v>
                </c:pt>
                <c:pt idx="1173">
                  <c:v>382</c:v>
                </c:pt>
                <c:pt idx="1174">
                  <c:v>383</c:v>
                </c:pt>
                <c:pt idx="1175">
                  <c:v>383</c:v>
                </c:pt>
                <c:pt idx="1176">
                  <c:v>384</c:v>
                </c:pt>
                <c:pt idx="1177">
                  <c:v>384</c:v>
                </c:pt>
                <c:pt idx="1178">
                  <c:v>384</c:v>
                </c:pt>
                <c:pt idx="1179">
                  <c:v>385</c:v>
                </c:pt>
                <c:pt idx="1180">
                  <c:v>385</c:v>
                </c:pt>
                <c:pt idx="1181">
                  <c:v>386</c:v>
                </c:pt>
                <c:pt idx="1182">
                  <c:v>386</c:v>
                </c:pt>
                <c:pt idx="1183">
                  <c:v>386</c:v>
                </c:pt>
                <c:pt idx="1184">
                  <c:v>387</c:v>
                </c:pt>
                <c:pt idx="1185">
                  <c:v>387</c:v>
                </c:pt>
                <c:pt idx="1186">
                  <c:v>388</c:v>
                </c:pt>
                <c:pt idx="1187">
                  <c:v>388</c:v>
                </c:pt>
                <c:pt idx="1188">
                  <c:v>389</c:v>
                </c:pt>
                <c:pt idx="1189">
                  <c:v>389</c:v>
                </c:pt>
                <c:pt idx="1190">
                  <c:v>389</c:v>
                </c:pt>
                <c:pt idx="1191">
                  <c:v>390</c:v>
                </c:pt>
                <c:pt idx="1192">
                  <c:v>390</c:v>
                </c:pt>
                <c:pt idx="1193">
                  <c:v>391</c:v>
                </c:pt>
                <c:pt idx="1194">
                  <c:v>391</c:v>
                </c:pt>
                <c:pt idx="1195">
                  <c:v>391</c:v>
                </c:pt>
                <c:pt idx="1196">
                  <c:v>392</c:v>
                </c:pt>
                <c:pt idx="1197">
                  <c:v>392</c:v>
                </c:pt>
                <c:pt idx="1198">
                  <c:v>393</c:v>
                </c:pt>
                <c:pt idx="1199">
                  <c:v>393</c:v>
                </c:pt>
                <c:pt idx="1200">
                  <c:v>394</c:v>
                </c:pt>
                <c:pt idx="1201">
                  <c:v>394</c:v>
                </c:pt>
                <c:pt idx="1202">
                  <c:v>394</c:v>
                </c:pt>
                <c:pt idx="1203">
                  <c:v>395</c:v>
                </c:pt>
                <c:pt idx="1204">
                  <c:v>395</c:v>
                </c:pt>
                <c:pt idx="1205">
                  <c:v>396</c:v>
                </c:pt>
                <c:pt idx="1206">
                  <c:v>396</c:v>
                </c:pt>
                <c:pt idx="1207">
                  <c:v>396</c:v>
                </c:pt>
                <c:pt idx="1208">
                  <c:v>397</c:v>
                </c:pt>
                <c:pt idx="1209">
                  <c:v>397</c:v>
                </c:pt>
                <c:pt idx="1210">
                  <c:v>398</c:v>
                </c:pt>
                <c:pt idx="1211">
                  <c:v>398</c:v>
                </c:pt>
                <c:pt idx="1212">
                  <c:v>399</c:v>
                </c:pt>
                <c:pt idx="1213">
                  <c:v>399</c:v>
                </c:pt>
                <c:pt idx="1214">
                  <c:v>399</c:v>
                </c:pt>
                <c:pt idx="1215">
                  <c:v>400</c:v>
                </c:pt>
                <c:pt idx="1216">
                  <c:v>400</c:v>
                </c:pt>
                <c:pt idx="1217">
                  <c:v>401</c:v>
                </c:pt>
                <c:pt idx="1218">
                  <c:v>401</c:v>
                </c:pt>
                <c:pt idx="1219">
                  <c:v>401</c:v>
                </c:pt>
                <c:pt idx="1220">
                  <c:v>402</c:v>
                </c:pt>
                <c:pt idx="1221">
                  <c:v>402</c:v>
                </c:pt>
                <c:pt idx="1222">
                  <c:v>403</c:v>
                </c:pt>
                <c:pt idx="1223">
                  <c:v>403</c:v>
                </c:pt>
                <c:pt idx="1224">
                  <c:v>404</c:v>
                </c:pt>
                <c:pt idx="1225">
                  <c:v>404</c:v>
                </c:pt>
                <c:pt idx="1226">
                  <c:v>404</c:v>
                </c:pt>
                <c:pt idx="1227">
                  <c:v>405</c:v>
                </c:pt>
                <c:pt idx="1228">
                  <c:v>405</c:v>
                </c:pt>
                <c:pt idx="1229">
                  <c:v>406</c:v>
                </c:pt>
                <c:pt idx="1230">
                  <c:v>406</c:v>
                </c:pt>
                <c:pt idx="1231">
                  <c:v>406</c:v>
                </c:pt>
                <c:pt idx="1232">
                  <c:v>407</c:v>
                </c:pt>
                <c:pt idx="1233">
                  <c:v>407</c:v>
                </c:pt>
                <c:pt idx="1234">
                  <c:v>408</c:v>
                </c:pt>
                <c:pt idx="1235">
                  <c:v>408</c:v>
                </c:pt>
                <c:pt idx="1236">
                  <c:v>409</c:v>
                </c:pt>
                <c:pt idx="1237">
                  <c:v>409</c:v>
                </c:pt>
                <c:pt idx="1238">
                  <c:v>409</c:v>
                </c:pt>
                <c:pt idx="1239">
                  <c:v>410</c:v>
                </c:pt>
                <c:pt idx="1240">
                  <c:v>410</c:v>
                </c:pt>
                <c:pt idx="1241">
                  <c:v>411</c:v>
                </c:pt>
                <c:pt idx="1242">
                  <c:v>411</c:v>
                </c:pt>
                <c:pt idx="1243">
                  <c:v>411</c:v>
                </c:pt>
                <c:pt idx="1244">
                  <c:v>412</c:v>
                </c:pt>
                <c:pt idx="1245">
                  <c:v>412</c:v>
                </c:pt>
                <c:pt idx="1246">
                  <c:v>413</c:v>
                </c:pt>
                <c:pt idx="1247">
                  <c:v>413</c:v>
                </c:pt>
                <c:pt idx="1248">
                  <c:v>414</c:v>
                </c:pt>
                <c:pt idx="1249">
                  <c:v>414</c:v>
                </c:pt>
                <c:pt idx="1250">
                  <c:v>414</c:v>
                </c:pt>
                <c:pt idx="1251">
                  <c:v>415</c:v>
                </c:pt>
                <c:pt idx="1252">
                  <c:v>415</c:v>
                </c:pt>
                <c:pt idx="1253">
                  <c:v>416</c:v>
                </c:pt>
                <c:pt idx="1254">
                  <c:v>416</c:v>
                </c:pt>
                <c:pt idx="1255">
                  <c:v>416</c:v>
                </c:pt>
                <c:pt idx="1256">
                  <c:v>417</c:v>
                </c:pt>
                <c:pt idx="1257">
                  <c:v>417</c:v>
                </c:pt>
                <c:pt idx="1258">
                  <c:v>418</c:v>
                </c:pt>
                <c:pt idx="1259">
                  <c:v>418</c:v>
                </c:pt>
                <c:pt idx="1260">
                  <c:v>419</c:v>
                </c:pt>
                <c:pt idx="1261">
                  <c:v>419</c:v>
                </c:pt>
                <c:pt idx="1262">
                  <c:v>419</c:v>
                </c:pt>
                <c:pt idx="1263">
                  <c:v>420</c:v>
                </c:pt>
                <c:pt idx="1264">
                  <c:v>420</c:v>
                </c:pt>
                <c:pt idx="1265">
                  <c:v>421</c:v>
                </c:pt>
                <c:pt idx="1266">
                  <c:v>421</c:v>
                </c:pt>
                <c:pt idx="1267">
                  <c:v>421</c:v>
                </c:pt>
                <c:pt idx="1268">
                  <c:v>422</c:v>
                </c:pt>
                <c:pt idx="1269">
                  <c:v>422</c:v>
                </c:pt>
                <c:pt idx="1270">
                  <c:v>423</c:v>
                </c:pt>
                <c:pt idx="1271">
                  <c:v>423</c:v>
                </c:pt>
                <c:pt idx="1272">
                  <c:v>424</c:v>
                </c:pt>
                <c:pt idx="1273">
                  <c:v>424</c:v>
                </c:pt>
                <c:pt idx="1274">
                  <c:v>424</c:v>
                </c:pt>
                <c:pt idx="1275">
                  <c:v>425</c:v>
                </c:pt>
                <c:pt idx="1276">
                  <c:v>425</c:v>
                </c:pt>
                <c:pt idx="1277">
                  <c:v>426</c:v>
                </c:pt>
                <c:pt idx="1278">
                  <c:v>426</c:v>
                </c:pt>
                <c:pt idx="1279">
                  <c:v>426</c:v>
                </c:pt>
                <c:pt idx="1280">
                  <c:v>427</c:v>
                </c:pt>
                <c:pt idx="1281">
                  <c:v>427</c:v>
                </c:pt>
                <c:pt idx="1282">
                  <c:v>428</c:v>
                </c:pt>
                <c:pt idx="1283">
                  <c:v>428</c:v>
                </c:pt>
                <c:pt idx="1284">
                  <c:v>429</c:v>
                </c:pt>
                <c:pt idx="1285">
                  <c:v>429</c:v>
                </c:pt>
                <c:pt idx="1286">
                  <c:v>429</c:v>
                </c:pt>
                <c:pt idx="1287">
                  <c:v>430</c:v>
                </c:pt>
                <c:pt idx="1288">
                  <c:v>430</c:v>
                </c:pt>
                <c:pt idx="1289">
                  <c:v>431</c:v>
                </c:pt>
                <c:pt idx="1290">
                  <c:v>431</c:v>
                </c:pt>
                <c:pt idx="1291">
                  <c:v>431</c:v>
                </c:pt>
                <c:pt idx="1292">
                  <c:v>432</c:v>
                </c:pt>
                <c:pt idx="1293">
                  <c:v>432</c:v>
                </c:pt>
                <c:pt idx="1294">
                  <c:v>433</c:v>
                </c:pt>
                <c:pt idx="1295">
                  <c:v>433</c:v>
                </c:pt>
                <c:pt idx="1296">
                  <c:v>434</c:v>
                </c:pt>
                <c:pt idx="1297">
                  <c:v>434</c:v>
                </c:pt>
                <c:pt idx="1298">
                  <c:v>434</c:v>
                </c:pt>
                <c:pt idx="1299">
                  <c:v>435</c:v>
                </c:pt>
                <c:pt idx="1300">
                  <c:v>435</c:v>
                </c:pt>
                <c:pt idx="1301">
                  <c:v>436</c:v>
                </c:pt>
                <c:pt idx="1302">
                  <c:v>436</c:v>
                </c:pt>
                <c:pt idx="1303">
                  <c:v>436</c:v>
                </c:pt>
                <c:pt idx="1304">
                  <c:v>437</c:v>
                </c:pt>
                <c:pt idx="1305">
                  <c:v>437</c:v>
                </c:pt>
                <c:pt idx="1306">
                  <c:v>438</c:v>
                </c:pt>
                <c:pt idx="1307">
                  <c:v>438</c:v>
                </c:pt>
                <c:pt idx="1308">
                  <c:v>439</c:v>
                </c:pt>
                <c:pt idx="1309">
                  <c:v>439</c:v>
                </c:pt>
                <c:pt idx="1310">
                  <c:v>439</c:v>
                </c:pt>
                <c:pt idx="1311">
                  <c:v>440</c:v>
                </c:pt>
                <c:pt idx="1312">
                  <c:v>440</c:v>
                </c:pt>
                <c:pt idx="1313">
                  <c:v>441</c:v>
                </c:pt>
                <c:pt idx="1314">
                  <c:v>441</c:v>
                </c:pt>
                <c:pt idx="1315">
                  <c:v>441</c:v>
                </c:pt>
                <c:pt idx="1316">
                  <c:v>442</c:v>
                </c:pt>
                <c:pt idx="1317">
                  <c:v>442</c:v>
                </c:pt>
                <c:pt idx="1318">
                  <c:v>443</c:v>
                </c:pt>
                <c:pt idx="1319">
                  <c:v>443</c:v>
                </c:pt>
                <c:pt idx="1320">
                  <c:v>444</c:v>
                </c:pt>
                <c:pt idx="1321">
                  <c:v>444</c:v>
                </c:pt>
                <c:pt idx="1322">
                  <c:v>444</c:v>
                </c:pt>
                <c:pt idx="1323">
                  <c:v>445</c:v>
                </c:pt>
                <c:pt idx="1324">
                  <c:v>445</c:v>
                </c:pt>
                <c:pt idx="1325">
                  <c:v>446</c:v>
                </c:pt>
                <c:pt idx="1326">
                  <c:v>446</c:v>
                </c:pt>
                <c:pt idx="1327">
                  <c:v>446</c:v>
                </c:pt>
                <c:pt idx="1328">
                  <c:v>447</c:v>
                </c:pt>
                <c:pt idx="1329">
                  <c:v>447</c:v>
                </c:pt>
                <c:pt idx="1330">
                  <c:v>448</c:v>
                </c:pt>
                <c:pt idx="1331">
                  <c:v>448</c:v>
                </c:pt>
                <c:pt idx="1332">
                  <c:v>449</c:v>
                </c:pt>
                <c:pt idx="1333">
                  <c:v>449</c:v>
                </c:pt>
                <c:pt idx="1334">
                  <c:v>449</c:v>
                </c:pt>
                <c:pt idx="1335">
                  <c:v>450</c:v>
                </c:pt>
                <c:pt idx="1336">
                  <c:v>450</c:v>
                </c:pt>
                <c:pt idx="1337">
                  <c:v>451</c:v>
                </c:pt>
                <c:pt idx="1338">
                  <c:v>451</c:v>
                </c:pt>
                <c:pt idx="1339">
                  <c:v>451</c:v>
                </c:pt>
                <c:pt idx="1340">
                  <c:v>452</c:v>
                </c:pt>
                <c:pt idx="1341">
                  <c:v>452</c:v>
                </c:pt>
                <c:pt idx="1342">
                  <c:v>453</c:v>
                </c:pt>
                <c:pt idx="1343">
                  <c:v>453</c:v>
                </c:pt>
                <c:pt idx="1344">
                  <c:v>454</c:v>
                </c:pt>
                <c:pt idx="1345">
                  <c:v>454</c:v>
                </c:pt>
                <c:pt idx="1346">
                  <c:v>454</c:v>
                </c:pt>
                <c:pt idx="1347">
                  <c:v>455</c:v>
                </c:pt>
                <c:pt idx="1348">
                  <c:v>455</c:v>
                </c:pt>
                <c:pt idx="1349">
                  <c:v>456</c:v>
                </c:pt>
                <c:pt idx="1350">
                  <c:v>456</c:v>
                </c:pt>
                <c:pt idx="1351">
                  <c:v>456</c:v>
                </c:pt>
                <c:pt idx="1352">
                  <c:v>457</c:v>
                </c:pt>
                <c:pt idx="1353">
                  <c:v>457</c:v>
                </c:pt>
                <c:pt idx="1354">
                  <c:v>458</c:v>
                </c:pt>
                <c:pt idx="1355">
                  <c:v>458</c:v>
                </c:pt>
                <c:pt idx="1356">
                  <c:v>459</c:v>
                </c:pt>
                <c:pt idx="1357">
                  <c:v>459</c:v>
                </c:pt>
                <c:pt idx="1358">
                  <c:v>459</c:v>
                </c:pt>
                <c:pt idx="1359">
                  <c:v>460</c:v>
                </c:pt>
                <c:pt idx="1360">
                  <c:v>460</c:v>
                </c:pt>
                <c:pt idx="1361">
                  <c:v>461</c:v>
                </c:pt>
                <c:pt idx="1362">
                  <c:v>461</c:v>
                </c:pt>
                <c:pt idx="1363">
                  <c:v>461</c:v>
                </c:pt>
                <c:pt idx="1364">
                  <c:v>462</c:v>
                </c:pt>
                <c:pt idx="1365">
                  <c:v>462</c:v>
                </c:pt>
                <c:pt idx="1366">
                  <c:v>463</c:v>
                </c:pt>
                <c:pt idx="1367">
                  <c:v>463</c:v>
                </c:pt>
                <c:pt idx="1368">
                  <c:v>464</c:v>
                </c:pt>
                <c:pt idx="1369">
                  <c:v>464</c:v>
                </c:pt>
                <c:pt idx="1370">
                  <c:v>464</c:v>
                </c:pt>
                <c:pt idx="1371">
                  <c:v>465</c:v>
                </c:pt>
                <c:pt idx="1372">
                  <c:v>465</c:v>
                </c:pt>
                <c:pt idx="1373">
                  <c:v>466</c:v>
                </c:pt>
                <c:pt idx="1374">
                  <c:v>466</c:v>
                </c:pt>
                <c:pt idx="1375">
                  <c:v>466</c:v>
                </c:pt>
                <c:pt idx="1376">
                  <c:v>467</c:v>
                </c:pt>
                <c:pt idx="1377">
                  <c:v>467</c:v>
                </c:pt>
                <c:pt idx="1378">
                  <c:v>468</c:v>
                </c:pt>
                <c:pt idx="1379">
                  <c:v>468</c:v>
                </c:pt>
                <c:pt idx="1380">
                  <c:v>469</c:v>
                </c:pt>
                <c:pt idx="1381">
                  <c:v>469</c:v>
                </c:pt>
                <c:pt idx="1382">
                  <c:v>469</c:v>
                </c:pt>
                <c:pt idx="1383">
                  <c:v>470</c:v>
                </c:pt>
                <c:pt idx="1384">
                  <c:v>470</c:v>
                </c:pt>
                <c:pt idx="1385">
                  <c:v>471</c:v>
                </c:pt>
                <c:pt idx="1386">
                  <c:v>471</c:v>
                </c:pt>
                <c:pt idx="1387">
                  <c:v>471</c:v>
                </c:pt>
                <c:pt idx="1388">
                  <c:v>472</c:v>
                </c:pt>
                <c:pt idx="1389">
                  <c:v>472</c:v>
                </c:pt>
                <c:pt idx="1390">
                  <c:v>473</c:v>
                </c:pt>
                <c:pt idx="1391">
                  <c:v>473</c:v>
                </c:pt>
                <c:pt idx="1392">
                  <c:v>474</c:v>
                </c:pt>
                <c:pt idx="1393">
                  <c:v>474</c:v>
                </c:pt>
                <c:pt idx="1394">
                  <c:v>474</c:v>
                </c:pt>
                <c:pt idx="1395">
                  <c:v>475</c:v>
                </c:pt>
                <c:pt idx="1396">
                  <c:v>475</c:v>
                </c:pt>
                <c:pt idx="1397">
                  <c:v>476</c:v>
                </c:pt>
                <c:pt idx="1398">
                  <c:v>476</c:v>
                </c:pt>
                <c:pt idx="1399">
                  <c:v>476</c:v>
                </c:pt>
                <c:pt idx="1400">
                  <c:v>477</c:v>
                </c:pt>
                <c:pt idx="1401">
                  <c:v>477</c:v>
                </c:pt>
                <c:pt idx="1402">
                  <c:v>478</c:v>
                </c:pt>
                <c:pt idx="1403">
                  <c:v>478</c:v>
                </c:pt>
                <c:pt idx="1404">
                  <c:v>479</c:v>
                </c:pt>
                <c:pt idx="1405">
                  <c:v>479</c:v>
                </c:pt>
                <c:pt idx="1406">
                  <c:v>479</c:v>
                </c:pt>
                <c:pt idx="1407">
                  <c:v>480</c:v>
                </c:pt>
                <c:pt idx="1408">
                  <c:v>480</c:v>
                </c:pt>
                <c:pt idx="1409">
                  <c:v>481</c:v>
                </c:pt>
                <c:pt idx="1410">
                  <c:v>481</c:v>
                </c:pt>
                <c:pt idx="1411">
                  <c:v>481</c:v>
                </c:pt>
                <c:pt idx="1412">
                  <c:v>482</c:v>
                </c:pt>
                <c:pt idx="1413">
                  <c:v>482</c:v>
                </c:pt>
                <c:pt idx="1414">
                  <c:v>483</c:v>
                </c:pt>
                <c:pt idx="1415">
                  <c:v>483</c:v>
                </c:pt>
                <c:pt idx="1416">
                  <c:v>484</c:v>
                </c:pt>
                <c:pt idx="1417">
                  <c:v>484</c:v>
                </c:pt>
                <c:pt idx="1418">
                  <c:v>484</c:v>
                </c:pt>
                <c:pt idx="1419">
                  <c:v>485</c:v>
                </c:pt>
                <c:pt idx="1420">
                  <c:v>485</c:v>
                </c:pt>
                <c:pt idx="1421">
                  <c:v>486</c:v>
                </c:pt>
                <c:pt idx="1422">
                  <c:v>486</c:v>
                </c:pt>
                <c:pt idx="1423">
                  <c:v>486</c:v>
                </c:pt>
                <c:pt idx="1424">
                  <c:v>487</c:v>
                </c:pt>
                <c:pt idx="1425">
                  <c:v>487</c:v>
                </c:pt>
                <c:pt idx="1426">
                  <c:v>488</c:v>
                </c:pt>
                <c:pt idx="1427">
                  <c:v>488</c:v>
                </c:pt>
                <c:pt idx="1428">
                  <c:v>489</c:v>
                </c:pt>
                <c:pt idx="1429">
                  <c:v>489</c:v>
                </c:pt>
                <c:pt idx="1430">
                  <c:v>489</c:v>
                </c:pt>
                <c:pt idx="1431">
                  <c:v>490</c:v>
                </c:pt>
                <c:pt idx="1432">
                  <c:v>490</c:v>
                </c:pt>
                <c:pt idx="1433">
                  <c:v>491</c:v>
                </c:pt>
                <c:pt idx="1434">
                  <c:v>491</c:v>
                </c:pt>
                <c:pt idx="1435">
                  <c:v>491</c:v>
                </c:pt>
                <c:pt idx="1436">
                  <c:v>492</c:v>
                </c:pt>
                <c:pt idx="1437">
                  <c:v>492</c:v>
                </c:pt>
                <c:pt idx="1438">
                  <c:v>493</c:v>
                </c:pt>
                <c:pt idx="1439">
                  <c:v>493</c:v>
                </c:pt>
                <c:pt idx="1440">
                  <c:v>494</c:v>
                </c:pt>
                <c:pt idx="1441">
                  <c:v>494</c:v>
                </c:pt>
                <c:pt idx="1442">
                  <c:v>494</c:v>
                </c:pt>
                <c:pt idx="1443">
                  <c:v>495</c:v>
                </c:pt>
                <c:pt idx="1444">
                  <c:v>495</c:v>
                </c:pt>
                <c:pt idx="1445">
                  <c:v>496</c:v>
                </c:pt>
                <c:pt idx="1446">
                  <c:v>496</c:v>
                </c:pt>
                <c:pt idx="1447">
                  <c:v>496</c:v>
                </c:pt>
                <c:pt idx="1448">
                  <c:v>497</c:v>
                </c:pt>
                <c:pt idx="1449">
                  <c:v>497</c:v>
                </c:pt>
                <c:pt idx="1450">
                  <c:v>498</c:v>
                </c:pt>
                <c:pt idx="1451">
                  <c:v>498</c:v>
                </c:pt>
                <c:pt idx="1452">
                  <c:v>499</c:v>
                </c:pt>
                <c:pt idx="1453">
                  <c:v>499</c:v>
                </c:pt>
                <c:pt idx="1454">
                  <c:v>499</c:v>
                </c:pt>
                <c:pt idx="1455">
                  <c:v>500</c:v>
                </c:pt>
                <c:pt idx="1456">
                  <c:v>500</c:v>
                </c:pt>
                <c:pt idx="1457">
                  <c:v>501</c:v>
                </c:pt>
                <c:pt idx="1458">
                  <c:v>501</c:v>
                </c:pt>
                <c:pt idx="1459">
                  <c:v>501</c:v>
                </c:pt>
                <c:pt idx="1460">
                  <c:v>502</c:v>
                </c:pt>
                <c:pt idx="1461">
                  <c:v>502</c:v>
                </c:pt>
                <c:pt idx="1462">
                  <c:v>503</c:v>
                </c:pt>
                <c:pt idx="1463">
                  <c:v>503</c:v>
                </c:pt>
                <c:pt idx="1464">
                  <c:v>504</c:v>
                </c:pt>
                <c:pt idx="1465">
                  <c:v>504</c:v>
                </c:pt>
                <c:pt idx="1466">
                  <c:v>504</c:v>
                </c:pt>
                <c:pt idx="1467">
                  <c:v>505</c:v>
                </c:pt>
                <c:pt idx="1468">
                  <c:v>505</c:v>
                </c:pt>
                <c:pt idx="1469">
                  <c:v>506</c:v>
                </c:pt>
                <c:pt idx="1470">
                  <c:v>506</c:v>
                </c:pt>
                <c:pt idx="1471">
                  <c:v>506</c:v>
                </c:pt>
                <c:pt idx="1472">
                  <c:v>507</c:v>
                </c:pt>
                <c:pt idx="1473">
                  <c:v>507</c:v>
                </c:pt>
                <c:pt idx="1474">
                  <c:v>508</c:v>
                </c:pt>
                <c:pt idx="1475">
                  <c:v>508</c:v>
                </c:pt>
                <c:pt idx="1476">
                  <c:v>509</c:v>
                </c:pt>
                <c:pt idx="1477">
                  <c:v>509</c:v>
                </c:pt>
                <c:pt idx="1478">
                  <c:v>509</c:v>
                </c:pt>
                <c:pt idx="1479">
                  <c:v>510</c:v>
                </c:pt>
                <c:pt idx="1480">
                  <c:v>510</c:v>
                </c:pt>
                <c:pt idx="1481">
                  <c:v>511</c:v>
                </c:pt>
                <c:pt idx="1482">
                  <c:v>511</c:v>
                </c:pt>
                <c:pt idx="1483">
                  <c:v>511</c:v>
                </c:pt>
                <c:pt idx="1484">
                  <c:v>512</c:v>
                </c:pt>
                <c:pt idx="1485">
                  <c:v>512</c:v>
                </c:pt>
                <c:pt idx="1486">
                  <c:v>513</c:v>
                </c:pt>
                <c:pt idx="1487">
                  <c:v>513</c:v>
                </c:pt>
                <c:pt idx="1488">
                  <c:v>514</c:v>
                </c:pt>
                <c:pt idx="1489">
                  <c:v>514</c:v>
                </c:pt>
                <c:pt idx="1490">
                  <c:v>514</c:v>
                </c:pt>
                <c:pt idx="1491">
                  <c:v>515</c:v>
                </c:pt>
                <c:pt idx="1492">
                  <c:v>515</c:v>
                </c:pt>
                <c:pt idx="1493">
                  <c:v>516</c:v>
                </c:pt>
                <c:pt idx="1494">
                  <c:v>516</c:v>
                </c:pt>
                <c:pt idx="1495">
                  <c:v>516</c:v>
                </c:pt>
                <c:pt idx="1496">
                  <c:v>517</c:v>
                </c:pt>
                <c:pt idx="1497">
                  <c:v>517</c:v>
                </c:pt>
                <c:pt idx="1498">
                  <c:v>518</c:v>
                </c:pt>
                <c:pt idx="1499">
                  <c:v>518</c:v>
                </c:pt>
                <c:pt idx="1500">
                  <c:v>519</c:v>
                </c:pt>
                <c:pt idx="1501">
                  <c:v>519</c:v>
                </c:pt>
                <c:pt idx="1502">
                  <c:v>519</c:v>
                </c:pt>
                <c:pt idx="1503">
                  <c:v>520</c:v>
                </c:pt>
                <c:pt idx="1504">
                  <c:v>520</c:v>
                </c:pt>
                <c:pt idx="1505">
                  <c:v>521</c:v>
                </c:pt>
                <c:pt idx="1506">
                  <c:v>521</c:v>
                </c:pt>
                <c:pt idx="1507">
                  <c:v>521</c:v>
                </c:pt>
                <c:pt idx="1508">
                  <c:v>522</c:v>
                </c:pt>
                <c:pt idx="1509">
                  <c:v>522</c:v>
                </c:pt>
                <c:pt idx="1510">
                  <c:v>523</c:v>
                </c:pt>
                <c:pt idx="1511">
                  <c:v>523</c:v>
                </c:pt>
                <c:pt idx="1512">
                  <c:v>524</c:v>
                </c:pt>
                <c:pt idx="1513">
                  <c:v>524</c:v>
                </c:pt>
                <c:pt idx="1514">
                  <c:v>524</c:v>
                </c:pt>
                <c:pt idx="1515">
                  <c:v>525</c:v>
                </c:pt>
                <c:pt idx="1516">
                  <c:v>525</c:v>
                </c:pt>
                <c:pt idx="1517">
                  <c:v>526</c:v>
                </c:pt>
                <c:pt idx="1518">
                  <c:v>526</c:v>
                </c:pt>
                <c:pt idx="1519">
                  <c:v>526</c:v>
                </c:pt>
                <c:pt idx="1520">
                  <c:v>527</c:v>
                </c:pt>
                <c:pt idx="1521">
                  <c:v>527</c:v>
                </c:pt>
                <c:pt idx="1522">
                  <c:v>528</c:v>
                </c:pt>
                <c:pt idx="1523">
                  <c:v>528</c:v>
                </c:pt>
                <c:pt idx="1524">
                  <c:v>529</c:v>
                </c:pt>
                <c:pt idx="1525">
                  <c:v>529</c:v>
                </c:pt>
                <c:pt idx="1526">
                  <c:v>529</c:v>
                </c:pt>
                <c:pt idx="1527">
                  <c:v>530</c:v>
                </c:pt>
                <c:pt idx="1528">
                  <c:v>530</c:v>
                </c:pt>
                <c:pt idx="1529">
                  <c:v>531</c:v>
                </c:pt>
                <c:pt idx="1530">
                  <c:v>531</c:v>
                </c:pt>
                <c:pt idx="1531">
                  <c:v>531</c:v>
                </c:pt>
                <c:pt idx="1532">
                  <c:v>532</c:v>
                </c:pt>
                <c:pt idx="1533">
                  <c:v>532</c:v>
                </c:pt>
                <c:pt idx="1534">
                  <c:v>533</c:v>
                </c:pt>
                <c:pt idx="1535">
                  <c:v>533</c:v>
                </c:pt>
                <c:pt idx="1536">
                  <c:v>534</c:v>
                </c:pt>
                <c:pt idx="1537">
                  <c:v>534</c:v>
                </c:pt>
                <c:pt idx="1538">
                  <c:v>534</c:v>
                </c:pt>
                <c:pt idx="1539">
                  <c:v>535</c:v>
                </c:pt>
                <c:pt idx="1540">
                  <c:v>535</c:v>
                </c:pt>
                <c:pt idx="1541">
                  <c:v>536</c:v>
                </c:pt>
                <c:pt idx="1542">
                  <c:v>536</c:v>
                </c:pt>
                <c:pt idx="1543">
                  <c:v>536</c:v>
                </c:pt>
                <c:pt idx="1544">
                  <c:v>537</c:v>
                </c:pt>
                <c:pt idx="1545">
                  <c:v>537</c:v>
                </c:pt>
                <c:pt idx="1546">
                  <c:v>538</c:v>
                </c:pt>
                <c:pt idx="1547">
                  <c:v>538</c:v>
                </c:pt>
                <c:pt idx="1548">
                  <c:v>539</c:v>
                </c:pt>
                <c:pt idx="1549">
                  <c:v>539</c:v>
                </c:pt>
                <c:pt idx="1550">
                  <c:v>539</c:v>
                </c:pt>
                <c:pt idx="1551">
                  <c:v>540</c:v>
                </c:pt>
                <c:pt idx="1552">
                  <c:v>540</c:v>
                </c:pt>
                <c:pt idx="1553">
                  <c:v>541</c:v>
                </c:pt>
                <c:pt idx="1554">
                  <c:v>541</c:v>
                </c:pt>
                <c:pt idx="1555">
                  <c:v>541</c:v>
                </c:pt>
                <c:pt idx="1556">
                  <c:v>542</c:v>
                </c:pt>
                <c:pt idx="1557">
                  <c:v>542</c:v>
                </c:pt>
                <c:pt idx="1558">
                  <c:v>543</c:v>
                </c:pt>
                <c:pt idx="1559">
                  <c:v>543</c:v>
                </c:pt>
                <c:pt idx="1560">
                  <c:v>544</c:v>
                </c:pt>
                <c:pt idx="1561">
                  <c:v>544</c:v>
                </c:pt>
                <c:pt idx="1562">
                  <c:v>544</c:v>
                </c:pt>
                <c:pt idx="1563">
                  <c:v>545</c:v>
                </c:pt>
                <c:pt idx="1564">
                  <c:v>545</c:v>
                </c:pt>
                <c:pt idx="1565">
                  <c:v>546</c:v>
                </c:pt>
                <c:pt idx="1566">
                  <c:v>546</c:v>
                </c:pt>
                <c:pt idx="1567">
                  <c:v>546</c:v>
                </c:pt>
                <c:pt idx="1568">
                  <c:v>547</c:v>
                </c:pt>
                <c:pt idx="1569">
                  <c:v>547</c:v>
                </c:pt>
                <c:pt idx="1570">
                  <c:v>548</c:v>
                </c:pt>
                <c:pt idx="1571">
                  <c:v>548</c:v>
                </c:pt>
                <c:pt idx="1572">
                  <c:v>549</c:v>
                </c:pt>
                <c:pt idx="1573">
                  <c:v>549</c:v>
                </c:pt>
                <c:pt idx="1574">
                  <c:v>549</c:v>
                </c:pt>
                <c:pt idx="1575">
                  <c:v>550</c:v>
                </c:pt>
                <c:pt idx="1576">
                  <c:v>550</c:v>
                </c:pt>
                <c:pt idx="1577">
                  <c:v>551</c:v>
                </c:pt>
                <c:pt idx="1578">
                  <c:v>551</c:v>
                </c:pt>
                <c:pt idx="1579">
                  <c:v>551</c:v>
                </c:pt>
                <c:pt idx="1580">
                  <c:v>552</c:v>
                </c:pt>
                <c:pt idx="1581">
                  <c:v>552</c:v>
                </c:pt>
                <c:pt idx="1582">
                  <c:v>553</c:v>
                </c:pt>
                <c:pt idx="1583">
                  <c:v>553</c:v>
                </c:pt>
                <c:pt idx="1584">
                  <c:v>554</c:v>
                </c:pt>
                <c:pt idx="1585">
                  <c:v>554</c:v>
                </c:pt>
                <c:pt idx="1586">
                  <c:v>554</c:v>
                </c:pt>
                <c:pt idx="1587">
                  <c:v>555</c:v>
                </c:pt>
                <c:pt idx="1588">
                  <c:v>555</c:v>
                </c:pt>
                <c:pt idx="1589">
                  <c:v>556</c:v>
                </c:pt>
                <c:pt idx="1590">
                  <c:v>556</c:v>
                </c:pt>
                <c:pt idx="1591">
                  <c:v>556</c:v>
                </c:pt>
                <c:pt idx="1592">
                  <c:v>557</c:v>
                </c:pt>
                <c:pt idx="1593">
                  <c:v>557</c:v>
                </c:pt>
                <c:pt idx="1594">
                  <c:v>558</c:v>
                </c:pt>
                <c:pt idx="1595">
                  <c:v>558</c:v>
                </c:pt>
                <c:pt idx="1596">
                  <c:v>559</c:v>
                </c:pt>
                <c:pt idx="1597">
                  <c:v>559</c:v>
                </c:pt>
                <c:pt idx="1598">
                  <c:v>559</c:v>
                </c:pt>
                <c:pt idx="1599">
                  <c:v>560</c:v>
                </c:pt>
                <c:pt idx="1600">
                  <c:v>560</c:v>
                </c:pt>
                <c:pt idx="1601">
                  <c:v>561</c:v>
                </c:pt>
                <c:pt idx="1602">
                  <c:v>561</c:v>
                </c:pt>
                <c:pt idx="1603">
                  <c:v>561</c:v>
                </c:pt>
                <c:pt idx="1604">
                  <c:v>562</c:v>
                </c:pt>
                <c:pt idx="1605">
                  <c:v>562</c:v>
                </c:pt>
                <c:pt idx="1606">
                  <c:v>563</c:v>
                </c:pt>
                <c:pt idx="1607">
                  <c:v>563</c:v>
                </c:pt>
                <c:pt idx="1608">
                  <c:v>564</c:v>
                </c:pt>
                <c:pt idx="1609">
                  <c:v>564</c:v>
                </c:pt>
                <c:pt idx="1610">
                  <c:v>564</c:v>
                </c:pt>
                <c:pt idx="1611">
                  <c:v>565</c:v>
                </c:pt>
                <c:pt idx="1612">
                  <c:v>565</c:v>
                </c:pt>
                <c:pt idx="1613">
                  <c:v>566</c:v>
                </c:pt>
                <c:pt idx="1614">
                  <c:v>566</c:v>
                </c:pt>
                <c:pt idx="1615">
                  <c:v>566</c:v>
                </c:pt>
                <c:pt idx="1616">
                  <c:v>567</c:v>
                </c:pt>
                <c:pt idx="1617">
                  <c:v>567</c:v>
                </c:pt>
                <c:pt idx="1618">
                  <c:v>568</c:v>
                </c:pt>
                <c:pt idx="1619">
                  <c:v>568</c:v>
                </c:pt>
                <c:pt idx="1620">
                  <c:v>569</c:v>
                </c:pt>
                <c:pt idx="1621">
                  <c:v>569</c:v>
                </c:pt>
                <c:pt idx="1622">
                  <c:v>569</c:v>
                </c:pt>
                <c:pt idx="1623">
                  <c:v>570</c:v>
                </c:pt>
                <c:pt idx="1624">
                  <c:v>570</c:v>
                </c:pt>
                <c:pt idx="1625">
                  <c:v>571</c:v>
                </c:pt>
                <c:pt idx="1626">
                  <c:v>571</c:v>
                </c:pt>
                <c:pt idx="1627">
                  <c:v>571</c:v>
                </c:pt>
                <c:pt idx="1628">
                  <c:v>572</c:v>
                </c:pt>
                <c:pt idx="1629">
                  <c:v>572</c:v>
                </c:pt>
                <c:pt idx="1630">
                  <c:v>573</c:v>
                </c:pt>
                <c:pt idx="1631">
                  <c:v>573</c:v>
                </c:pt>
                <c:pt idx="1632">
                  <c:v>574</c:v>
                </c:pt>
                <c:pt idx="1633">
                  <c:v>574</c:v>
                </c:pt>
                <c:pt idx="1634">
                  <c:v>574</c:v>
                </c:pt>
                <c:pt idx="1635">
                  <c:v>575</c:v>
                </c:pt>
                <c:pt idx="1636">
                  <c:v>575</c:v>
                </c:pt>
                <c:pt idx="1637">
                  <c:v>576</c:v>
                </c:pt>
                <c:pt idx="1638">
                  <c:v>576</c:v>
                </c:pt>
                <c:pt idx="1639">
                  <c:v>576</c:v>
                </c:pt>
                <c:pt idx="1640">
                  <c:v>577</c:v>
                </c:pt>
                <c:pt idx="1641">
                  <c:v>577</c:v>
                </c:pt>
                <c:pt idx="1642">
                  <c:v>578</c:v>
                </c:pt>
                <c:pt idx="1643">
                  <c:v>578</c:v>
                </c:pt>
                <c:pt idx="1644">
                  <c:v>579</c:v>
                </c:pt>
                <c:pt idx="1645">
                  <c:v>579</c:v>
                </c:pt>
                <c:pt idx="1646">
                  <c:v>579</c:v>
                </c:pt>
                <c:pt idx="1647">
                  <c:v>580</c:v>
                </c:pt>
                <c:pt idx="1648">
                  <c:v>580</c:v>
                </c:pt>
                <c:pt idx="1649">
                  <c:v>581</c:v>
                </c:pt>
                <c:pt idx="1650">
                  <c:v>581</c:v>
                </c:pt>
                <c:pt idx="1651">
                  <c:v>581</c:v>
                </c:pt>
                <c:pt idx="1652">
                  <c:v>582</c:v>
                </c:pt>
                <c:pt idx="1653">
                  <c:v>582</c:v>
                </c:pt>
                <c:pt idx="1654">
                  <c:v>583</c:v>
                </c:pt>
                <c:pt idx="1655">
                  <c:v>583</c:v>
                </c:pt>
                <c:pt idx="1656">
                  <c:v>584</c:v>
                </c:pt>
                <c:pt idx="1657">
                  <c:v>584</c:v>
                </c:pt>
                <c:pt idx="1658">
                  <c:v>584</c:v>
                </c:pt>
                <c:pt idx="1659">
                  <c:v>585</c:v>
                </c:pt>
                <c:pt idx="1660">
                  <c:v>585</c:v>
                </c:pt>
                <c:pt idx="1661">
                  <c:v>586</c:v>
                </c:pt>
                <c:pt idx="1662">
                  <c:v>586</c:v>
                </c:pt>
                <c:pt idx="1663">
                  <c:v>586</c:v>
                </c:pt>
                <c:pt idx="1664">
                  <c:v>587</c:v>
                </c:pt>
                <c:pt idx="1665">
                  <c:v>587</c:v>
                </c:pt>
                <c:pt idx="1666">
                  <c:v>588</c:v>
                </c:pt>
                <c:pt idx="1667">
                  <c:v>588</c:v>
                </c:pt>
                <c:pt idx="1668">
                  <c:v>589</c:v>
                </c:pt>
                <c:pt idx="1669">
                  <c:v>589</c:v>
                </c:pt>
                <c:pt idx="1670">
                  <c:v>589</c:v>
                </c:pt>
                <c:pt idx="1671">
                  <c:v>590</c:v>
                </c:pt>
                <c:pt idx="1672">
                  <c:v>590</c:v>
                </c:pt>
                <c:pt idx="1673">
                  <c:v>591</c:v>
                </c:pt>
                <c:pt idx="1674">
                  <c:v>591</c:v>
                </c:pt>
                <c:pt idx="1675">
                  <c:v>591</c:v>
                </c:pt>
                <c:pt idx="1676">
                  <c:v>592</c:v>
                </c:pt>
                <c:pt idx="1677">
                  <c:v>592</c:v>
                </c:pt>
                <c:pt idx="1678">
                  <c:v>593</c:v>
                </c:pt>
                <c:pt idx="1679">
                  <c:v>593</c:v>
                </c:pt>
                <c:pt idx="1680">
                  <c:v>594</c:v>
                </c:pt>
                <c:pt idx="1681">
                  <c:v>594</c:v>
                </c:pt>
                <c:pt idx="1682">
                  <c:v>594</c:v>
                </c:pt>
                <c:pt idx="1683">
                  <c:v>595</c:v>
                </c:pt>
                <c:pt idx="1684">
                  <c:v>595</c:v>
                </c:pt>
                <c:pt idx="1685">
                  <c:v>596</c:v>
                </c:pt>
                <c:pt idx="1686">
                  <c:v>596</c:v>
                </c:pt>
                <c:pt idx="1687">
                  <c:v>596</c:v>
                </c:pt>
                <c:pt idx="1688">
                  <c:v>597</c:v>
                </c:pt>
                <c:pt idx="1689">
                  <c:v>597</c:v>
                </c:pt>
                <c:pt idx="1690">
                  <c:v>598</c:v>
                </c:pt>
                <c:pt idx="1691">
                  <c:v>598</c:v>
                </c:pt>
                <c:pt idx="1692">
                  <c:v>599</c:v>
                </c:pt>
                <c:pt idx="1693">
                  <c:v>599</c:v>
                </c:pt>
                <c:pt idx="1694">
                  <c:v>599</c:v>
                </c:pt>
                <c:pt idx="1695">
                  <c:v>600</c:v>
                </c:pt>
                <c:pt idx="1696">
                  <c:v>600</c:v>
                </c:pt>
                <c:pt idx="1697">
                  <c:v>601</c:v>
                </c:pt>
                <c:pt idx="1698">
                  <c:v>601</c:v>
                </c:pt>
                <c:pt idx="1699">
                  <c:v>601</c:v>
                </c:pt>
                <c:pt idx="1700">
                  <c:v>602</c:v>
                </c:pt>
                <c:pt idx="1701">
                  <c:v>602</c:v>
                </c:pt>
                <c:pt idx="1702">
                  <c:v>603</c:v>
                </c:pt>
                <c:pt idx="1703">
                  <c:v>603</c:v>
                </c:pt>
                <c:pt idx="1704">
                  <c:v>604</c:v>
                </c:pt>
                <c:pt idx="1705">
                  <c:v>604</c:v>
                </c:pt>
                <c:pt idx="1706">
                  <c:v>604</c:v>
                </c:pt>
                <c:pt idx="1707">
                  <c:v>605</c:v>
                </c:pt>
                <c:pt idx="1708">
                  <c:v>605</c:v>
                </c:pt>
                <c:pt idx="1709">
                  <c:v>606</c:v>
                </c:pt>
                <c:pt idx="1710">
                  <c:v>606</c:v>
                </c:pt>
                <c:pt idx="1711">
                  <c:v>606</c:v>
                </c:pt>
                <c:pt idx="1712">
                  <c:v>607</c:v>
                </c:pt>
                <c:pt idx="1713">
                  <c:v>607</c:v>
                </c:pt>
                <c:pt idx="1714">
                  <c:v>608</c:v>
                </c:pt>
                <c:pt idx="1715">
                  <c:v>608</c:v>
                </c:pt>
                <c:pt idx="1716">
                  <c:v>609</c:v>
                </c:pt>
                <c:pt idx="1717">
                  <c:v>609</c:v>
                </c:pt>
                <c:pt idx="1718">
                  <c:v>609</c:v>
                </c:pt>
                <c:pt idx="1719">
                  <c:v>610</c:v>
                </c:pt>
                <c:pt idx="1720">
                  <c:v>610</c:v>
                </c:pt>
                <c:pt idx="1721">
                  <c:v>611</c:v>
                </c:pt>
                <c:pt idx="1722">
                  <c:v>611</c:v>
                </c:pt>
                <c:pt idx="1723">
                  <c:v>611</c:v>
                </c:pt>
                <c:pt idx="1724">
                  <c:v>612</c:v>
                </c:pt>
                <c:pt idx="1725">
                  <c:v>612</c:v>
                </c:pt>
                <c:pt idx="1726">
                  <c:v>613</c:v>
                </c:pt>
                <c:pt idx="1727">
                  <c:v>613</c:v>
                </c:pt>
                <c:pt idx="1728">
                  <c:v>614</c:v>
                </c:pt>
                <c:pt idx="1729">
                  <c:v>614</c:v>
                </c:pt>
                <c:pt idx="1730">
                  <c:v>614</c:v>
                </c:pt>
                <c:pt idx="1731">
                  <c:v>615</c:v>
                </c:pt>
                <c:pt idx="1732">
                  <c:v>615</c:v>
                </c:pt>
                <c:pt idx="1733">
                  <c:v>616</c:v>
                </c:pt>
                <c:pt idx="1734">
                  <c:v>616</c:v>
                </c:pt>
                <c:pt idx="1735">
                  <c:v>616</c:v>
                </c:pt>
                <c:pt idx="1736">
                  <c:v>617</c:v>
                </c:pt>
                <c:pt idx="1737">
                  <c:v>617</c:v>
                </c:pt>
                <c:pt idx="1738">
                  <c:v>618</c:v>
                </c:pt>
                <c:pt idx="1739">
                  <c:v>618</c:v>
                </c:pt>
                <c:pt idx="1740">
                  <c:v>619</c:v>
                </c:pt>
                <c:pt idx="1741">
                  <c:v>619</c:v>
                </c:pt>
                <c:pt idx="1742">
                  <c:v>619</c:v>
                </c:pt>
                <c:pt idx="1743">
                  <c:v>620</c:v>
                </c:pt>
                <c:pt idx="1744">
                  <c:v>620</c:v>
                </c:pt>
                <c:pt idx="1745">
                  <c:v>621</c:v>
                </c:pt>
                <c:pt idx="1746">
                  <c:v>621</c:v>
                </c:pt>
                <c:pt idx="1747">
                  <c:v>621</c:v>
                </c:pt>
                <c:pt idx="1748">
                  <c:v>622</c:v>
                </c:pt>
                <c:pt idx="1749">
                  <c:v>622</c:v>
                </c:pt>
                <c:pt idx="1750">
                  <c:v>623</c:v>
                </c:pt>
                <c:pt idx="1751">
                  <c:v>623</c:v>
                </c:pt>
                <c:pt idx="1752">
                  <c:v>624</c:v>
                </c:pt>
                <c:pt idx="1753">
                  <c:v>624</c:v>
                </c:pt>
                <c:pt idx="1754">
                  <c:v>624</c:v>
                </c:pt>
                <c:pt idx="1755">
                  <c:v>625</c:v>
                </c:pt>
                <c:pt idx="1756">
                  <c:v>625</c:v>
                </c:pt>
                <c:pt idx="1757">
                  <c:v>626</c:v>
                </c:pt>
                <c:pt idx="1758">
                  <c:v>626</c:v>
                </c:pt>
                <c:pt idx="1759">
                  <c:v>626</c:v>
                </c:pt>
                <c:pt idx="1760">
                  <c:v>627</c:v>
                </c:pt>
                <c:pt idx="1761">
                  <c:v>627</c:v>
                </c:pt>
                <c:pt idx="1762">
                  <c:v>628</c:v>
                </c:pt>
                <c:pt idx="1763">
                  <c:v>628</c:v>
                </c:pt>
                <c:pt idx="1764">
                  <c:v>629</c:v>
                </c:pt>
                <c:pt idx="1765">
                  <c:v>629</c:v>
                </c:pt>
                <c:pt idx="1766">
                  <c:v>629</c:v>
                </c:pt>
                <c:pt idx="1767">
                  <c:v>630</c:v>
                </c:pt>
                <c:pt idx="1768">
                  <c:v>630</c:v>
                </c:pt>
                <c:pt idx="1769">
                  <c:v>631</c:v>
                </c:pt>
                <c:pt idx="1770">
                  <c:v>631</c:v>
                </c:pt>
                <c:pt idx="1771">
                  <c:v>631</c:v>
                </c:pt>
                <c:pt idx="1772">
                  <c:v>632</c:v>
                </c:pt>
                <c:pt idx="1773">
                  <c:v>632</c:v>
                </c:pt>
                <c:pt idx="1774">
                  <c:v>633</c:v>
                </c:pt>
                <c:pt idx="1775">
                  <c:v>633</c:v>
                </c:pt>
                <c:pt idx="1776">
                  <c:v>634</c:v>
                </c:pt>
                <c:pt idx="1777">
                  <c:v>634</c:v>
                </c:pt>
                <c:pt idx="1778">
                  <c:v>634</c:v>
                </c:pt>
                <c:pt idx="1779">
                  <c:v>635</c:v>
                </c:pt>
                <c:pt idx="1780">
                  <c:v>635</c:v>
                </c:pt>
                <c:pt idx="1781">
                  <c:v>636</c:v>
                </c:pt>
                <c:pt idx="1782">
                  <c:v>636</c:v>
                </c:pt>
                <c:pt idx="1783">
                  <c:v>636</c:v>
                </c:pt>
                <c:pt idx="1784">
                  <c:v>637</c:v>
                </c:pt>
                <c:pt idx="1785">
                  <c:v>637</c:v>
                </c:pt>
                <c:pt idx="1786">
                  <c:v>638</c:v>
                </c:pt>
                <c:pt idx="1787">
                  <c:v>638</c:v>
                </c:pt>
                <c:pt idx="1788">
                  <c:v>639</c:v>
                </c:pt>
                <c:pt idx="1789">
                  <c:v>639</c:v>
                </c:pt>
                <c:pt idx="1790">
                  <c:v>639</c:v>
                </c:pt>
                <c:pt idx="1791">
                  <c:v>640</c:v>
                </c:pt>
                <c:pt idx="1792">
                  <c:v>640</c:v>
                </c:pt>
                <c:pt idx="1793">
                  <c:v>641</c:v>
                </c:pt>
                <c:pt idx="1794">
                  <c:v>641</c:v>
                </c:pt>
                <c:pt idx="1795">
                  <c:v>641</c:v>
                </c:pt>
                <c:pt idx="1796">
                  <c:v>642</c:v>
                </c:pt>
                <c:pt idx="1797">
                  <c:v>642</c:v>
                </c:pt>
                <c:pt idx="1798">
                  <c:v>643</c:v>
                </c:pt>
                <c:pt idx="1799">
                  <c:v>643</c:v>
                </c:pt>
                <c:pt idx="1800">
                  <c:v>644</c:v>
                </c:pt>
                <c:pt idx="1801">
                  <c:v>644</c:v>
                </c:pt>
                <c:pt idx="1802">
                  <c:v>644</c:v>
                </c:pt>
                <c:pt idx="1803">
                  <c:v>645</c:v>
                </c:pt>
                <c:pt idx="1804">
                  <c:v>645</c:v>
                </c:pt>
                <c:pt idx="1805">
                  <c:v>646</c:v>
                </c:pt>
                <c:pt idx="1806">
                  <c:v>646</c:v>
                </c:pt>
                <c:pt idx="1807">
                  <c:v>646</c:v>
                </c:pt>
                <c:pt idx="1808">
                  <c:v>647</c:v>
                </c:pt>
                <c:pt idx="1809">
                  <c:v>647</c:v>
                </c:pt>
                <c:pt idx="1810">
                  <c:v>648</c:v>
                </c:pt>
                <c:pt idx="1811">
                  <c:v>648</c:v>
                </c:pt>
                <c:pt idx="1812">
                  <c:v>649</c:v>
                </c:pt>
                <c:pt idx="1813">
                  <c:v>649</c:v>
                </c:pt>
                <c:pt idx="1814">
                  <c:v>649</c:v>
                </c:pt>
                <c:pt idx="1815">
                  <c:v>650</c:v>
                </c:pt>
                <c:pt idx="1816">
                  <c:v>650</c:v>
                </c:pt>
                <c:pt idx="1817">
                  <c:v>651</c:v>
                </c:pt>
                <c:pt idx="1818">
                  <c:v>651</c:v>
                </c:pt>
                <c:pt idx="1819">
                  <c:v>651</c:v>
                </c:pt>
                <c:pt idx="1820">
                  <c:v>652</c:v>
                </c:pt>
                <c:pt idx="1821">
                  <c:v>652</c:v>
                </c:pt>
                <c:pt idx="1822">
                  <c:v>653</c:v>
                </c:pt>
                <c:pt idx="1823">
                  <c:v>653</c:v>
                </c:pt>
                <c:pt idx="1824">
                  <c:v>654</c:v>
                </c:pt>
                <c:pt idx="1825">
                  <c:v>654</c:v>
                </c:pt>
                <c:pt idx="1826">
                  <c:v>654</c:v>
                </c:pt>
                <c:pt idx="1827">
                  <c:v>655</c:v>
                </c:pt>
                <c:pt idx="1828">
                  <c:v>655</c:v>
                </c:pt>
                <c:pt idx="1829">
                  <c:v>656</c:v>
                </c:pt>
                <c:pt idx="1830">
                  <c:v>656</c:v>
                </c:pt>
                <c:pt idx="1831">
                  <c:v>656</c:v>
                </c:pt>
                <c:pt idx="1832">
                  <c:v>657</c:v>
                </c:pt>
                <c:pt idx="1833">
                  <c:v>657</c:v>
                </c:pt>
                <c:pt idx="1834">
                  <c:v>658</c:v>
                </c:pt>
                <c:pt idx="1835">
                  <c:v>658</c:v>
                </c:pt>
                <c:pt idx="1836">
                  <c:v>659</c:v>
                </c:pt>
                <c:pt idx="1837">
                  <c:v>659</c:v>
                </c:pt>
                <c:pt idx="1838">
                  <c:v>659</c:v>
                </c:pt>
                <c:pt idx="1839">
                  <c:v>660</c:v>
                </c:pt>
                <c:pt idx="1840">
                  <c:v>660</c:v>
                </c:pt>
                <c:pt idx="1841">
                  <c:v>661</c:v>
                </c:pt>
                <c:pt idx="1842">
                  <c:v>661</c:v>
                </c:pt>
                <c:pt idx="1843">
                  <c:v>661</c:v>
                </c:pt>
                <c:pt idx="1844">
                  <c:v>662</c:v>
                </c:pt>
                <c:pt idx="1845">
                  <c:v>662</c:v>
                </c:pt>
                <c:pt idx="1846">
                  <c:v>663</c:v>
                </c:pt>
                <c:pt idx="1847">
                  <c:v>663</c:v>
                </c:pt>
                <c:pt idx="1848">
                  <c:v>664</c:v>
                </c:pt>
                <c:pt idx="1849">
                  <c:v>664</c:v>
                </c:pt>
                <c:pt idx="1850">
                  <c:v>664</c:v>
                </c:pt>
                <c:pt idx="1851">
                  <c:v>665</c:v>
                </c:pt>
                <c:pt idx="1852">
                  <c:v>665</c:v>
                </c:pt>
                <c:pt idx="1853">
                  <c:v>666</c:v>
                </c:pt>
                <c:pt idx="1854">
                  <c:v>666</c:v>
                </c:pt>
                <c:pt idx="1855">
                  <c:v>666</c:v>
                </c:pt>
                <c:pt idx="1856">
                  <c:v>667</c:v>
                </c:pt>
                <c:pt idx="1857">
                  <c:v>667</c:v>
                </c:pt>
                <c:pt idx="1858">
                  <c:v>668</c:v>
                </c:pt>
                <c:pt idx="1859">
                  <c:v>668</c:v>
                </c:pt>
                <c:pt idx="1860">
                  <c:v>669</c:v>
                </c:pt>
                <c:pt idx="1861">
                  <c:v>669</c:v>
                </c:pt>
                <c:pt idx="1862">
                  <c:v>669</c:v>
                </c:pt>
                <c:pt idx="1863">
                  <c:v>670</c:v>
                </c:pt>
                <c:pt idx="1864">
                  <c:v>670</c:v>
                </c:pt>
                <c:pt idx="1865">
                  <c:v>671</c:v>
                </c:pt>
                <c:pt idx="1866">
                  <c:v>671</c:v>
                </c:pt>
                <c:pt idx="1867">
                  <c:v>671</c:v>
                </c:pt>
                <c:pt idx="1868">
                  <c:v>672</c:v>
                </c:pt>
                <c:pt idx="1869">
                  <c:v>672</c:v>
                </c:pt>
                <c:pt idx="1870">
                  <c:v>673</c:v>
                </c:pt>
                <c:pt idx="1871">
                  <c:v>673</c:v>
                </c:pt>
                <c:pt idx="1872">
                  <c:v>674</c:v>
                </c:pt>
                <c:pt idx="1873">
                  <c:v>674</c:v>
                </c:pt>
                <c:pt idx="1874">
                  <c:v>674</c:v>
                </c:pt>
                <c:pt idx="1875">
                  <c:v>675</c:v>
                </c:pt>
                <c:pt idx="1876">
                  <c:v>675</c:v>
                </c:pt>
                <c:pt idx="1877">
                  <c:v>676</c:v>
                </c:pt>
                <c:pt idx="1878">
                  <c:v>676</c:v>
                </c:pt>
                <c:pt idx="1879">
                  <c:v>676</c:v>
                </c:pt>
                <c:pt idx="1880">
                  <c:v>677</c:v>
                </c:pt>
                <c:pt idx="1881">
                  <c:v>677</c:v>
                </c:pt>
                <c:pt idx="1882">
                  <c:v>678</c:v>
                </c:pt>
                <c:pt idx="1883">
                  <c:v>678</c:v>
                </c:pt>
                <c:pt idx="1884">
                  <c:v>679</c:v>
                </c:pt>
                <c:pt idx="1885">
                  <c:v>679</c:v>
                </c:pt>
                <c:pt idx="1886">
                  <c:v>679</c:v>
                </c:pt>
                <c:pt idx="1887">
                  <c:v>680</c:v>
                </c:pt>
                <c:pt idx="1888">
                  <c:v>680</c:v>
                </c:pt>
                <c:pt idx="1889">
                  <c:v>681</c:v>
                </c:pt>
                <c:pt idx="1890">
                  <c:v>681</c:v>
                </c:pt>
                <c:pt idx="1891">
                  <c:v>681</c:v>
                </c:pt>
                <c:pt idx="1892">
                  <c:v>682</c:v>
                </c:pt>
                <c:pt idx="1893">
                  <c:v>682</c:v>
                </c:pt>
                <c:pt idx="1894">
                  <c:v>683</c:v>
                </c:pt>
                <c:pt idx="1895">
                  <c:v>683</c:v>
                </c:pt>
                <c:pt idx="1896">
                  <c:v>684</c:v>
                </c:pt>
                <c:pt idx="1897">
                  <c:v>684</c:v>
                </c:pt>
                <c:pt idx="1898">
                  <c:v>684</c:v>
                </c:pt>
                <c:pt idx="1899">
                  <c:v>685</c:v>
                </c:pt>
                <c:pt idx="1900">
                  <c:v>685</c:v>
                </c:pt>
                <c:pt idx="1901">
                  <c:v>686</c:v>
                </c:pt>
                <c:pt idx="1902">
                  <c:v>686</c:v>
                </c:pt>
                <c:pt idx="1903">
                  <c:v>686</c:v>
                </c:pt>
                <c:pt idx="1904">
                  <c:v>687</c:v>
                </c:pt>
                <c:pt idx="1905">
                  <c:v>687</c:v>
                </c:pt>
                <c:pt idx="1906">
                  <c:v>688</c:v>
                </c:pt>
                <c:pt idx="1907">
                  <c:v>688</c:v>
                </c:pt>
                <c:pt idx="1908">
                  <c:v>689</c:v>
                </c:pt>
                <c:pt idx="1909">
                  <c:v>689</c:v>
                </c:pt>
                <c:pt idx="1910">
                  <c:v>689</c:v>
                </c:pt>
                <c:pt idx="1911">
                  <c:v>690</c:v>
                </c:pt>
                <c:pt idx="1912">
                  <c:v>690</c:v>
                </c:pt>
                <c:pt idx="1913">
                  <c:v>691</c:v>
                </c:pt>
                <c:pt idx="1914">
                  <c:v>691</c:v>
                </c:pt>
                <c:pt idx="1915">
                  <c:v>691</c:v>
                </c:pt>
                <c:pt idx="1916">
                  <c:v>692</c:v>
                </c:pt>
                <c:pt idx="1917">
                  <c:v>692</c:v>
                </c:pt>
                <c:pt idx="1918">
                  <c:v>693</c:v>
                </c:pt>
                <c:pt idx="1919">
                  <c:v>693</c:v>
                </c:pt>
                <c:pt idx="1920">
                  <c:v>694</c:v>
                </c:pt>
                <c:pt idx="1921">
                  <c:v>694</c:v>
                </c:pt>
                <c:pt idx="1922">
                  <c:v>694</c:v>
                </c:pt>
                <c:pt idx="1923">
                  <c:v>695</c:v>
                </c:pt>
                <c:pt idx="1924">
                  <c:v>695</c:v>
                </c:pt>
                <c:pt idx="1925">
                  <c:v>696</c:v>
                </c:pt>
                <c:pt idx="1926">
                  <c:v>696</c:v>
                </c:pt>
                <c:pt idx="1927">
                  <c:v>696</c:v>
                </c:pt>
                <c:pt idx="1928">
                  <c:v>697</c:v>
                </c:pt>
                <c:pt idx="1929">
                  <c:v>697</c:v>
                </c:pt>
                <c:pt idx="1930">
                  <c:v>698</c:v>
                </c:pt>
                <c:pt idx="1931">
                  <c:v>698</c:v>
                </c:pt>
                <c:pt idx="1932">
                  <c:v>699</c:v>
                </c:pt>
                <c:pt idx="1933">
                  <c:v>699</c:v>
                </c:pt>
                <c:pt idx="1934">
                  <c:v>699</c:v>
                </c:pt>
                <c:pt idx="1935">
                  <c:v>700</c:v>
                </c:pt>
                <c:pt idx="1936">
                  <c:v>700</c:v>
                </c:pt>
                <c:pt idx="1937">
                  <c:v>701</c:v>
                </c:pt>
                <c:pt idx="1938">
                  <c:v>701</c:v>
                </c:pt>
                <c:pt idx="1939">
                  <c:v>701</c:v>
                </c:pt>
                <c:pt idx="1940">
                  <c:v>702</c:v>
                </c:pt>
                <c:pt idx="1941">
                  <c:v>702</c:v>
                </c:pt>
                <c:pt idx="1942">
                  <c:v>703</c:v>
                </c:pt>
                <c:pt idx="1943">
                  <c:v>703</c:v>
                </c:pt>
                <c:pt idx="1944">
                  <c:v>704</c:v>
                </c:pt>
                <c:pt idx="1945">
                  <c:v>704</c:v>
                </c:pt>
                <c:pt idx="1946">
                  <c:v>704</c:v>
                </c:pt>
                <c:pt idx="1947">
                  <c:v>705</c:v>
                </c:pt>
                <c:pt idx="1948">
                  <c:v>705</c:v>
                </c:pt>
                <c:pt idx="1949">
                  <c:v>706</c:v>
                </c:pt>
                <c:pt idx="1950">
                  <c:v>706</c:v>
                </c:pt>
                <c:pt idx="1951">
                  <c:v>706</c:v>
                </c:pt>
                <c:pt idx="1952">
                  <c:v>707</c:v>
                </c:pt>
                <c:pt idx="1953">
                  <c:v>707</c:v>
                </c:pt>
                <c:pt idx="1954">
                  <c:v>708</c:v>
                </c:pt>
                <c:pt idx="1955">
                  <c:v>708</c:v>
                </c:pt>
                <c:pt idx="1956">
                  <c:v>709</c:v>
                </c:pt>
                <c:pt idx="1957">
                  <c:v>709</c:v>
                </c:pt>
                <c:pt idx="1958">
                  <c:v>709</c:v>
                </c:pt>
                <c:pt idx="1959">
                  <c:v>710</c:v>
                </c:pt>
                <c:pt idx="1960">
                  <c:v>710</c:v>
                </c:pt>
                <c:pt idx="1961">
                  <c:v>711</c:v>
                </c:pt>
                <c:pt idx="1962">
                  <c:v>711</c:v>
                </c:pt>
                <c:pt idx="1963">
                  <c:v>711</c:v>
                </c:pt>
                <c:pt idx="1964">
                  <c:v>712</c:v>
                </c:pt>
                <c:pt idx="1965">
                  <c:v>712</c:v>
                </c:pt>
                <c:pt idx="1966">
                  <c:v>713</c:v>
                </c:pt>
                <c:pt idx="1967">
                  <c:v>713</c:v>
                </c:pt>
                <c:pt idx="1968">
                  <c:v>714</c:v>
                </c:pt>
                <c:pt idx="1969">
                  <c:v>714</c:v>
                </c:pt>
                <c:pt idx="1970">
                  <c:v>714</c:v>
                </c:pt>
                <c:pt idx="1971">
                  <c:v>715</c:v>
                </c:pt>
                <c:pt idx="1972">
                  <c:v>715</c:v>
                </c:pt>
                <c:pt idx="1973">
                  <c:v>716</c:v>
                </c:pt>
                <c:pt idx="1974">
                  <c:v>716</c:v>
                </c:pt>
                <c:pt idx="1975">
                  <c:v>716</c:v>
                </c:pt>
                <c:pt idx="1976">
                  <c:v>717</c:v>
                </c:pt>
                <c:pt idx="1977">
                  <c:v>717</c:v>
                </c:pt>
                <c:pt idx="1978">
                  <c:v>718</c:v>
                </c:pt>
                <c:pt idx="1979">
                  <c:v>718</c:v>
                </c:pt>
                <c:pt idx="1980">
                  <c:v>719</c:v>
                </c:pt>
                <c:pt idx="1981">
                  <c:v>719</c:v>
                </c:pt>
                <c:pt idx="1982">
                  <c:v>719</c:v>
                </c:pt>
                <c:pt idx="1983">
                  <c:v>720</c:v>
                </c:pt>
                <c:pt idx="1984">
                  <c:v>720</c:v>
                </c:pt>
                <c:pt idx="1985">
                  <c:v>721</c:v>
                </c:pt>
                <c:pt idx="1986">
                  <c:v>721</c:v>
                </c:pt>
                <c:pt idx="1987">
                  <c:v>721</c:v>
                </c:pt>
                <c:pt idx="1988">
                  <c:v>722</c:v>
                </c:pt>
                <c:pt idx="1989">
                  <c:v>722</c:v>
                </c:pt>
                <c:pt idx="1990">
                  <c:v>723</c:v>
                </c:pt>
                <c:pt idx="1991">
                  <c:v>723</c:v>
                </c:pt>
                <c:pt idx="1992">
                  <c:v>724</c:v>
                </c:pt>
                <c:pt idx="1993">
                  <c:v>724</c:v>
                </c:pt>
                <c:pt idx="1994">
                  <c:v>724</c:v>
                </c:pt>
                <c:pt idx="1995">
                  <c:v>725</c:v>
                </c:pt>
                <c:pt idx="1996">
                  <c:v>725</c:v>
                </c:pt>
                <c:pt idx="1997">
                  <c:v>726</c:v>
                </c:pt>
                <c:pt idx="1998">
                  <c:v>726</c:v>
                </c:pt>
                <c:pt idx="1999">
                  <c:v>726</c:v>
                </c:pt>
                <c:pt idx="2000">
                  <c:v>727</c:v>
                </c:pt>
                <c:pt idx="2001">
                  <c:v>727</c:v>
                </c:pt>
                <c:pt idx="2002">
                  <c:v>728</c:v>
                </c:pt>
                <c:pt idx="2003">
                  <c:v>728</c:v>
                </c:pt>
                <c:pt idx="2004">
                  <c:v>729</c:v>
                </c:pt>
                <c:pt idx="2005">
                  <c:v>729</c:v>
                </c:pt>
                <c:pt idx="2006">
                  <c:v>729</c:v>
                </c:pt>
                <c:pt idx="2007">
                  <c:v>730</c:v>
                </c:pt>
                <c:pt idx="2008">
                  <c:v>730</c:v>
                </c:pt>
                <c:pt idx="2009">
                  <c:v>731</c:v>
                </c:pt>
                <c:pt idx="2010">
                  <c:v>731</c:v>
                </c:pt>
                <c:pt idx="2011">
                  <c:v>731</c:v>
                </c:pt>
                <c:pt idx="2012">
                  <c:v>732</c:v>
                </c:pt>
                <c:pt idx="2013">
                  <c:v>732</c:v>
                </c:pt>
                <c:pt idx="2014">
                  <c:v>733</c:v>
                </c:pt>
                <c:pt idx="2015">
                  <c:v>733</c:v>
                </c:pt>
                <c:pt idx="2016">
                  <c:v>734</c:v>
                </c:pt>
                <c:pt idx="2017">
                  <c:v>734</c:v>
                </c:pt>
                <c:pt idx="2018">
                  <c:v>734</c:v>
                </c:pt>
                <c:pt idx="2019">
                  <c:v>735</c:v>
                </c:pt>
                <c:pt idx="2020">
                  <c:v>735</c:v>
                </c:pt>
                <c:pt idx="2021">
                  <c:v>736</c:v>
                </c:pt>
                <c:pt idx="2022">
                  <c:v>736</c:v>
                </c:pt>
                <c:pt idx="2023">
                  <c:v>736</c:v>
                </c:pt>
                <c:pt idx="2024">
                  <c:v>737</c:v>
                </c:pt>
                <c:pt idx="2025">
                  <c:v>737</c:v>
                </c:pt>
                <c:pt idx="2026">
                  <c:v>738</c:v>
                </c:pt>
                <c:pt idx="2027">
                  <c:v>738</c:v>
                </c:pt>
                <c:pt idx="2028">
                  <c:v>739</c:v>
                </c:pt>
                <c:pt idx="2029">
                  <c:v>739</c:v>
                </c:pt>
                <c:pt idx="2030">
                  <c:v>739</c:v>
                </c:pt>
                <c:pt idx="2031">
                  <c:v>740</c:v>
                </c:pt>
                <c:pt idx="2032">
                  <c:v>740</c:v>
                </c:pt>
                <c:pt idx="2033">
                  <c:v>741</c:v>
                </c:pt>
                <c:pt idx="2034">
                  <c:v>741</c:v>
                </c:pt>
                <c:pt idx="2035">
                  <c:v>741</c:v>
                </c:pt>
                <c:pt idx="2036">
                  <c:v>742</c:v>
                </c:pt>
                <c:pt idx="2037">
                  <c:v>742</c:v>
                </c:pt>
                <c:pt idx="2038">
                  <c:v>743</c:v>
                </c:pt>
                <c:pt idx="2039">
                  <c:v>743</c:v>
                </c:pt>
                <c:pt idx="2040">
                  <c:v>744</c:v>
                </c:pt>
                <c:pt idx="2041">
                  <c:v>744</c:v>
                </c:pt>
                <c:pt idx="2042">
                  <c:v>744</c:v>
                </c:pt>
                <c:pt idx="2043">
                  <c:v>745</c:v>
                </c:pt>
                <c:pt idx="2044">
                  <c:v>745</c:v>
                </c:pt>
                <c:pt idx="2045">
                  <c:v>746</c:v>
                </c:pt>
                <c:pt idx="2046">
                  <c:v>746</c:v>
                </c:pt>
                <c:pt idx="2047">
                  <c:v>746</c:v>
                </c:pt>
                <c:pt idx="2048">
                  <c:v>747</c:v>
                </c:pt>
                <c:pt idx="2049">
                  <c:v>747</c:v>
                </c:pt>
                <c:pt idx="2050">
                  <c:v>748</c:v>
                </c:pt>
                <c:pt idx="2051">
                  <c:v>748</c:v>
                </c:pt>
                <c:pt idx="2052">
                  <c:v>749</c:v>
                </c:pt>
                <c:pt idx="2053">
                  <c:v>749</c:v>
                </c:pt>
                <c:pt idx="2054">
                  <c:v>749</c:v>
                </c:pt>
                <c:pt idx="2055">
                  <c:v>750</c:v>
                </c:pt>
                <c:pt idx="2056">
                  <c:v>750</c:v>
                </c:pt>
                <c:pt idx="2057">
                  <c:v>751</c:v>
                </c:pt>
                <c:pt idx="2058">
                  <c:v>751</c:v>
                </c:pt>
                <c:pt idx="2059">
                  <c:v>751</c:v>
                </c:pt>
                <c:pt idx="2060">
                  <c:v>752</c:v>
                </c:pt>
                <c:pt idx="2061">
                  <c:v>752</c:v>
                </c:pt>
                <c:pt idx="2062">
                  <c:v>753</c:v>
                </c:pt>
                <c:pt idx="2063">
                  <c:v>753</c:v>
                </c:pt>
                <c:pt idx="2064">
                  <c:v>754</c:v>
                </c:pt>
                <c:pt idx="2065">
                  <c:v>754</c:v>
                </c:pt>
                <c:pt idx="2066">
                  <c:v>754</c:v>
                </c:pt>
                <c:pt idx="2067">
                  <c:v>755</c:v>
                </c:pt>
                <c:pt idx="2068">
                  <c:v>755</c:v>
                </c:pt>
                <c:pt idx="2069">
                  <c:v>756</c:v>
                </c:pt>
                <c:pt idx="2070">
                  <c:v>756</c:v>
                </c:pt>
                <c:pt idx="2071">
                  <c:v>756</c:v>
                </c:pt>
                <c:pt idx="2072">
                  <c:v>757</c:v>
                </c:pt>
                <c:pt idx="2073">
                  <c:v>757</c:v>
                </c:pt>
                <c:pt idx="2074">
                  <c:v>758</c:v>
                </c:pt>
                <c:pt idx="2075">
                  <c:v>758</c:v>
                </c:pt>
                <c:pt idx="2076">
                  <c:v>759</c:v>
                </c:pt>
                <c:pt idx="2077">
                  <c:v>759</c:v>
                </c:pt>
                <c:pt idx="2078">
                  <c:v>759</c:v>
                </c:pt>
                <c:pt idx="2079">
                  <c:v>760</c:v>
                </c:pt>
                <c:pt idx="2080">
                  <c:v>760</c:v>
                </c:pt>
                <c:pt idx="2081">
                  <c:v>761</c:v>
                </c:pt>
                <c:pt idx="2082">
                  <c:v>761</c:v>
                </c:pt>
                <c:pt idx="2083">
                  <c:v>761</c:v>
                </c:pt>
                <c:pt idx="2084">
                  <c:v>762</c:v>
                </c:pt>
                <c:pt idx="2085">
                  <c:v>762</c:v>
                </c:pt>
                <c:pt idx="2086">
                  <c:v>763</c:v>
                </c:pt>
                <c:pt idx="2087">
                  <c:v>763</c:v>
                </c:pt>
                <c:pt idx="2088">
                  <c:v>764</c:v>
                </c:pt>
                <c:pt idx="2089">
                  <c:v>764</c:v>
                </c:pt>
                <c:pt idx="2090">
                  <c:v>764</c:v>
                </c:pt>
                <c:pt idx="2091">
                  <c:v>765</c:v>
                </c:pt>
                <c:pt idx="2092">
                  <c:v>765</c:v>
                </c:pt>
                <c:pt idx="2093">
                  <c:v>766</c:v>
                </c:pt>
                <c:pt idx="2094">
                  <c:v>766</c:v>
                </c:pt>
                <c:pt idx="2095">
                  <c:v>766</c:v>
                </c:pt>
                <c:pt idx="2096">
                  <c:v>767</c:v>
                </c:pt>
                <c:pt idx="2097">
                  <c:v>767</c:v>
                </c:pt>
                <c:pt idx="2098">
                  <c:v>768</c:v>
                </c:pt>
                <c:pt idx="2099">
                  <c:v>768</c:v>
                </c:pt>
                <c:pt idx="2100">
                  <c:v>769</c:v>
                </c:pt>
                <c:pt idx="2101">
                  <c:v>769</c:v>
                </c:pt>
                <c:pt idx="2102">
                  <c:v>769</c:v>
                </c:pt>
                <c:pt idx="2103">
                  <c:v>770</c:v>
                </c:pt>
                <c:pt idx="2104">
                  <c:v>770</c:v>
                </c:pt>
                <c:pt idx="2105">
                  <c:v>771</c:v>
                </c:pt>
                <c:pt idx="2106">
                  <c:v>771</c:v>
                </c:pt>
                <c:pt idx="2107">
                  <c:v>771</c:v>
                </c:pt>
                <c:pt idx="2108">
                  <c:v>772</c:v>
                </c:pt>
                <c:pt idx="2109">
                  <c:v>772</c:v>
                </c:pt>
                <c:pt idx="2110">
                  <c:v>773</c:v>
                </c:pt>
                <c:pt idx="2111">
                  <c:v>773</c:v>
                </c:pt>
                <c:pt idx="2112">
                  <c:v>774</c:v>
                </c:pt>
                <c:pt idx="2113">
                  <c:v>774</c:v>
                </c:pt>
                <c:pt idx="2114">
                  <c:v>774</c:v>
                </c:pt>
                <c:pt idx="2115">
                  <c:v>775</c:v>
                </c:pt>
                <c:pt idx="2116">
                  <c:v>775</c:v>
                </c:pt>
                <c:pt idx="2117">
                  <c:v>776</c:v>
                </c:pt>
                <c:pt idx="2118">
                  <c:v>776</c:v>
                </c:pt>
                <c:pt idx="2119">
                  <c:v>776</c:v>
                </c:pt>
                <c:pt idx="2120">
                  <c:v>777</c:v>
                </c:pt>
                <c:pt idx="2121">
                  <c:v>777</c:v>
                </c:pt>
                <c:pt idx="2122">
                  <c:v>778</c:v>
                </c:pt>
                <c:pt idx="2123">
                  <c:v>778</c:v>
                </c:pt>
                <c:pt idx="2124">
                  <c:v>779</c:v>
                </c:pt>
                <c:pt idx="2125">
                  <c:v>779</c:v>
                </c:pt>
                <c:pt idx="2126">
                  <c:v>779</c:v>
                </c:pt>
                <c:pt idx="2127">
                  <c:v>780</c:v>
                </c:pt>
                <c:pt idx="2128">
                  <c:v>780</c:v>
                </c:pt>
                <c:pt idx="2129">
                  <c:v>781</c:v>
                </c:pt>
                <c:pt idx="2130">
                  <c:v>781</c:v>
                </c:pt>
                <c:pt idx="2131">
                  <c:v>781</c:v>
                </c:pt>
                <c:pt idx="2132">
                  <c:v>782</c:v>
                </c:pt>
                <c:pt idx="2133">
                  <c:v>782</c:v>
                </c:pt>
                <c:pt idx="2134">
                  <c:v>783</c:v>
                </c:pt>
                <c:pt idx="2135">
                  <c:v>783</c:v>
                </c:pt>
                <c:pt idx="2136">
                  <c:v>784</c:v>
                </c:pt>
                <c:pt idx="2137">
                  <c:v>784</c:v>
                </c:pt>
                <c:pt idx="2138">
                  <c:v>784</c:v>
                </c:pt>
                <c:pt idx="2139">
                  <c:v>785</c:v>
                </c:pt>
                <c:pt idx="2140">
                  <c:v>785</c:v>
                </c:pt>
                <c:pt idx="2141">
                  <c:v>786</c:v>
                </c:pt>
                <c:pt idx="2142">
                  <c:v>786</c:v>
                </c:pt>
                <c:pt idx="2143">
                  <c:v>786</c:v>
                </c:pt>
                <c:pt idx="2144">
                  <c:v>787</c:v>
                </c:pt>
                <c:pt idx="2145">
                  <c:v>787</c:v>
                </c:pt>
                <c:pt idx="2146">
                  <c:v>788</c:v>
                </c:pt>
                <c:pt idx="2147">
                  <c:v>788</c:v>
                </c:pt>
                <c:pt idx="2148">
                  <c:v>789</c:v>
                </c:pt>
                <c:pt idx="2149">
                  <c:v>789</c:v>
                </c:pt>
                <c:pt idx="2150">
                  <c:v>789</c:v>
                </c:pt>
                <c:pt idx="2151">
                  <c:v>790</c:v>
                </c:pt>
                <c:pt idx="2152">
                  <c:v>790</c:v>
                </c:pt>
                <c:pt idx="2153">
                  <c:v>791</c:v>
                </c:pt>
                <c:pt idx="2154">
                  <c:v>791</c:v>
                </c:pt>
                <c:pt idx="2155">
                  <c:v>791</c:v>
                </c:pt>
                <c:pt idx="2156">
                  <c:v>792</c:v>
                </c:pt>
                <c:pt idx="2157">
                  <c:v>792</c:v>
                </c:pt>
                <c:pt idx="2158">
                  <c:v>793</c:v>
                </c:pt>
                <c:pt idx="2159">
                  <c:v>793</c:v>
                </c:pt>
                <c:pt idx="2160">
                  <c:v>794</c:v>
                </c:pt>
                <c:pt idx="2161">
                  <c:v>794</c:v>
                </c:pt>
                <c:pt idx="2162">
                  <c:v>794</c:v>
                </c:pt>
                <c:pt idx="2163">
                  <c:v>795</c:v>
                </c:pt>
                <c:pt idx="2164">
                  <c:v>795</c:v>
                </c:pt>
                <c:pt idx="2165">
                  <c:v>796</c:v>
                </c:pt>
                <c:pt idx="2166">
                  <c:v>796</c:v>
                </c:pt>
                <c:pt idx="2167">
                  <c:v>796</c:v>
                </c:pt>
                <c:pt idx="2168">
                  <c:v>797</c:v>
                </c:pt>
                <c:pt idx="2169">
                  <c:v>797</c:v>
                </c:pt>
                <c:pt idx="2170">
                  <c:v>798</c:v>
                </c:pt>
                <c:pt idx="2171">
                  <c:v>798</c:v>
                </c:pt>
                <c:pt idx="2172">
                  <c:v>799</c:v>
                </c:pt>
                <c:pt idx="2173">
                  <c:v>799</c:v>
                </c:pt>
                <c:pt idx="2174">
                  <c:v>799</c:v>
                </c:pt>
                <c:pt idx="2175">
                  <c:v>800</c:v>
                </c:pt>
                <c:pt idx="2176">
                  <c:v>800</c:v>
                </c:pt>
                <c:pt idx="2177">
                  <c:v>800</c:v>
                </c:pt>
                <c:pt idx="2178">
                  <c:v>800</c:v>
                </c:pt>
                <c:pt idx="2179">
                  <c:v>800</c:v>
                </c:pt>
                <c:pt idx="2180">
                  <c:v>800</c:v>
                </c:pt>
                <c:pt idx="2181">
                  <c:v>800</c:v>
                </c:pt>
                <c:pt idx="2182">
                  <c:v>800</c:v>
                </c:pt>
                <c:pt idx="2183">
                  <c:v>800</c:v>
                </c:pt>
                <c:pt idx="2184">
                  <c:v>800</c:v>
                </c:pt>
                <c:pt idx="2185">
                  <c:v>800</c:v>
                </c:pt>
                <c:pt idx="2186">
                  <c:v>800</c:v>
                </c:pt>
                <c:pt idx="2187">
                  <c:v>800</c:v>
                </c:pt>
                <c:pt idx="2188">
                  <c:v>800</c:v>
                </c:pt>
                <c:pt idx="2189">
                  <c:v>800</c:v>
                </c:pt>
                <c:pt idx="2190">
                  <c:v>800</c:v>
                </c:pt>
                <c:pt idx="2191">
                  <c:v>800</c:v>
                </c:pt>
                <c:pt idx="2192">
                  <c:v>800</c:v>
                </c:pt>
                <c:pt idx="2193">
                  <c:v>800</c:v>
                </c:pt>
                <c:pt idx="2194">
                  <c:v>800</c:v>
                </c:pt>
                <c:pt idx="2195">
                  <c:v>800</c:v>
                </c:pt>
                <c:pt idx="2196">
                  <c:v>800</c:v>
                </c:pt>
                <c:pt idx="2197">
                  <c:v>800</c:v>
                </c:pt>
                <c:pt idx="2198">
                  <c:v>800</c:v>
                </c:pt>
                <c:pt idx="2199">
                  <c:v>800</c:v>
                </c:pt>
                <c:pt idx="2200">
                  <c:v>800</c:v>
                </c:pt>
                <c:pt idx="2201">
                  <c:v>800</c:v>
                </c:pt>
                <c:pt idx="2202">
                  <c:v>800</c:v>
                </c:pt>
                <c:pt idx="2203">
                  <c:v>800</c:v>
                </c:pt>
                <c:pt idx="2204">
                  <c:v>800</c:v>
                </c:pt>
                <c:pt idx="2205">
                  <c:v>800</c:v>
                </c:pt>
                <c:pt idx="2206">
                  <c:v>800</c:v>
                </c:pt>
                <c:pt idx="2207">
                  <c:v>800</c:v>
                </c:pt>
                <c:pt idx="2208">
                  <c:v>800</c:v>
                </c:pt>
                <c:pt idx="2209">
                  <c:v>800</c:v>
                </c:pt>
                <c:pt idx="2210">
                  <c:v>800</c:v>
                </c:pt>
                <c:pt idx="2211">
                  <c:v>800</c:v>
                </c:pt>
                <c:pt idx="2212">
                  <c:v>800</c:v>
                </c:pt>
                <c:pt idx="2213">
                  <c:v>800</c:v>
                </c:pt>
                <c:pt idx="2214">
                  <c:v>800</c:v>
                </c:pt>
                <c:pt idx="2215">
                  <c:v>800</c:v>
                </c:pt>
                <c:pt idx="2216">
                  <c:v>800</c:v>
                </c:pt>
                <c:pt idx="2217">
                  <c:v>800</c:v>
                </c:pt>
                <c:pt idx="2218">
                  <c:v>800</c:v>
                </c:pt>
                <c:pt idx="2219">
                  <c:v>800</c:v>
                </c:pt>
                <c:pt idx="2220">
                  <c:v>800</c:v>
                </c:pt>
                <c:pt idx="2221">
                  <c:v>800</c:v>
                </c:pt>
                <c:pt idx="2222">
                  <c:v>800</c:v>
                </c:pt>
                <c:pt idx="2223">
                  <c:v>800</c:v>
                </c:pt>
                <c:pt idx="2224">
                  <c:v>800</c:v>
                </c:pt>
                <c:pt idx="2225">
                  <c:v>800</c:v>
                </c:pt>
                <c:pt idx="2226">
                  <c:v>800</c:v>
                </c:pt>
                <c:pt idx="2227">
                  <c:v>800</c:v>
                </c:pt>
                <c:pt idx="2228">
                  <c:v>800</c:v>
                </c:pt>
                <c:pt idx="2229">
                  <c:v>800</c:v>
                </c:pt>
                <c:pt idx="2230">
                  <c:v>800</c:v>
                </c:pt>
                <c:pt idx="2231">
                  <c:v>800</c:v>
                </c:pt>
                <c:pt idx="2232">
                  <c:v>800</c:v>
                </c:pt>
                <c:pt idx="2233">
                  <c:v>800</c:v>
                </c:pt>
                <c:pt idx="2234">
                  <c:v>800</c:v>
                </c:pt>
                <c:pt idx="2235">
                  <c:v>800</c:v>
                </c:pt>
                <c:pt idx="2236">
                  <c:v>800</c:v>
                </c:pt>
                <c:pt idx="2237">
                  <c:v>800</c:v>
                </c:pt>
                <c:pt idx="2238">
                  <c:v>800</c:v>
                </c:pt>
                <c:pt idx="2239">
                  <c:v>800</c:v>
                </c:pt>
                <c:pt idx="2240">
                  <c:v>800</c:v>
                </c:pt>
                <c:pt idx="2241">
                  <c:v>800</c:v>
                </c:pt>
                <c:pt idx="2242">
                  <c:v>800</c:v>
                </c:pt>
                <c:pt idx="2243">
                  <c:v>800</c:v>
                </c:pt>
                <c:pt idx="2244">
                  <c:v>800</c:v>
                </c:pt>
                <c:pt idx="2245">
                  <c:v>800</c:v>
                </c:pt>
                <c:pt idx="2246">
                  <c:v>800</c:v>
                </c:pt>
                <c:pt idx="2247">
                  <c:v>800</c:v>
                </c:pt>
                <c:pt idx="2248">
                  <c:v>800</c:v>
                </c:pt>
                <c:pt idx="2249">
                  <c:v>800</c:v>
                </c:pt>
                <c:pt idx="2250">
                  <c:v>800</c:v>
                </c:pt>
                <c:pt idx="2251">
                  <c:v>800</c:v>
                </c:pt>
                <c:pt idx="2252">
                  <c:v>800</c:v>
                </c:pt>
                <c:pt idx="2253">
                  <c:v>800</c:v>
                </c:pt>
                <c:pt idx="2254">
                  <c:v>800</c:v>
                </c:pt>
                <c:pt idx="2255">
                  <c:v>800</c:v>
                </c:pt>
                <c:pt idx="2256">
                  <c:v>800</c:v>
                </c:pt>
                <c:pt idx="2257">
                  <c:v>800</c:v>
                </c:pt>
                <c:pt idx="2258">
                  <c:v>800</c:v>
                </c:pt>
                <c:pt idx="2259">
                  <c:v>800</c:v>
                </c:pt>
                <c:pt idx="2260">
                  <c:v>800</c:v>
                </c:pt>
                <c:pt idx="2261">
                  <c:v>800</c:v>
                </c:pt>
                <c:pt idx="2262">
                  <c:v>800</c:v>
                </c:pt>
                <c:pt idx="2263">
                  <c:v>800</c:v>
                </c:pt>
                <c:pt idx="2264">
                  <c:v>800</c:v>
                </c:pt>
                <c:pt idx="2265">
                  <c:v>800</c:v>
                </c:pt>
                <c:pt idx="2266">
                  <c:v>800</c:v>
                </c:pt>
                <c:pt idx="2267">
                  <c:v>800</c:v>
                </c:pt>
                <c:pt idx="2268">
                  <c:v>800</c:v>
                </c:pt>
                <c:pt idx="2269">
                  <c:v>800</c:v>
                </c:pt>
                <c:pt idx="2270">
                  <c:v>800</c:v>
                </c:pt>
                <c:pt idx="2271">
                  <c:v>800</c:v>
                </c:pt>
                <c:pt idx="2272">
                  <c:v>800</c:v>
                </c:pt>
                <c:pt idx="2273">
                  <c:v>800</c:v>
                </c:pt>
                <c:pt idx="2274">
                  <c:v>800</c:v>
                </c:pt>
                <c:pt idx="2275">
                  <c:v>800</c:v>
                </c:pt>
                <c:pt idx="2276">
                  <c:v>800</c:v>
                </c:pt>
                <c:pt idx="2277">
                  <c:v>800</c:v>
                </c:pt>
                <c:pt idx="2278">
                  <c:v>800</c:v>
                </c:pt>
                <c:pt idx="2279">
                  <c:v>800</c:v>
                </c:pt>
                <c:pt idx="2280">
                  <c:v>800</c:v>
                </c:pt>
                <c:pt idx="2281">
                  <c:v>800</c:v>
                </c:pt>
                <c:pt idx="2282">
                  <c:v>800</c:v>
                </c:pt>
                <c:pt idx="2283">
                  <c:v>800</c:v>
                </c:pt>
                <c:pt idx="2284">
                  <c:v>800</c:v>
                </c:pt>
                <c:pt idx="2285">
                  <c:v>800</c:v>
                </c:pt>
                <c:pt idx="2286">
                  <c:v>800</c:v>
                </c:pt>
                <c:pt idx="2287">
                  <c:v>800</c:v>
                </c:pt>
                <c:pt idx="2288">
                  <c:v>800</c:v>
                </c:pt>
                <c:pt idx="2289">
                  <c:v>800</c:v>
                </c:pt>
                <c:pt idx="2290">
                  <c:v>800</c:v>
                </c:pt>
                <c:pt idx="2291">
                  <c:v>800</c:v>
                </c:pt>
                <c:pt idx="2292">
                  <c:v>800</c:v>
                </c:pt>
                <c:pt idx="2293">
                  <c:v>800</c:v>
                </c:pt>
                <c:pt idx="2294">
                  <c:v>800</c:v>
                </c:pt>
                <c:pt idx="2295">
                  <c:v>800</c:v>
                </c:pt>
                <c:pt idx="2296">
                  <c:v>800</c:v>
                </c:pt>
                <c:pt idx="2297">
                  <c:v>800</c:v>
                </c:pt>
                <c:pt idx="2298">
                  <c:v>800</c:v>
                </c:pt>
                <c:pt idx="2299">
                  <c:v>800</c:v>
                </c:pt>
                <c:pt idx="2300">
                  <c:v>800</c:v>
                </c:pt>
                <c:pt idx="2301">
                  <c:v>800</c:v>
                </c:pt>
                <c:pt idx="2302">
                  <c:v>800</c:v>
                </c:pt>
                <c:pt idx="2303">
                  <c:v>800</c:v>
                </c:pt>
                <c:pt idx="2304">
                  <c:v>800</c:v>
                </c:pt>
                <c:pt idx="2305">
                  <c:v>800</c:v>
                </c:pt>
                <c:pt idx="2306">
                  <c:v>800</c:v>
                </c:pt>
                <c:pt idx="2307">
                  <c:v>800</c:v>
                </c:pt>
                <c:pt idx="2308">
                  <c:v>800</c:v>
                </c:pt>
                <c:pt idx="2309">
                  <c:v>800</c:v>
                </c:pt>
                <c:pt idx="2310">
                  <c:v>800</c:v>
                </c:pt>
                <c:pt idx="2311">
                  <c:v>800</c:v>
                </c:pt>
                <c:pt idx="2312">
                  <c:v>800</c:v>
                </c:pt>
                <c:pt idx="2313">
                  <c:v>800</c:v>
                </c:pt>
                <c:pt idx="2314">
                  <c:v>800</c:v>
                </c:pt>
                <c:pt idx="2315">
                  <c:v>800</c:v>
                </c:pt>
                <c:pt idx="2316">
                  <c:v>800</c:v>
                </c:pt>
                <c:pt idx="2317">
                  <c:v>800</c:v>
                </c:pt>
                <c:pt idx="2318">
                  <c:v>800</c:v>
                </c:pt>
                <c:pt idx="2319">
                  <c:v>800</c:v>
                </c:pt>
                <c:pt idx="2320">
                  <c:v>800</c:v>
                </c:pt>
                <c:pt idx="2321">
                  <c:v>800</c:v>
                </c:pt>
                <c:pt idx="2322">
                  <c:v>800</c:v>
                </c:pt>
                <c:pt idx="2323">
                  <c:v>800</c:v>
                </c:pt>
                <c:pt idx="2324">
                  <c:v>800</c:v>
                </c:pt>
                <c:pt idx="2325">
                  <c:v>800</c:v>
                </c:pt>
                <c:pt idx="2326">
                  <c:v>800</c:v>
                </c:pt>
                <c:pt idx="2327">
                  <c:v>800</c:v>
                </c:pt>
                <c:pt idx="2328">
                  <c:v>800</c:v>
                </c:pt>
                <c:pt idx="2329">
                  <c:v>800</c:v>
                </c:pt>
                <c:pt idx="2330">
                  <c:v>800</c:v>
                </c:pt>
                <c:pt idx="2331">
                  <c:v>800</c:v>
                </c:pt>
                <c:pt idx="2332">
                  <c:v>800</c:v>
                </c:pt>
                <c:pt idx="2333">
                  <c:v>800</c:v>
                </c:pt>
                <c:pt idx="2334">
                  <c:v>800</c:v>
                </c:pt>
                <c:pt idx="2335">
                  <c:v>800</c:v>
                </c:pt>
                <c:pt idx="2336">
                  <c:v>800</c:v>
                </c:pt>
                <c:pt idx="2337">
                  <c:v>800</c:v>
                </c:pt>
                <c:pt idx="2338">
                  <c:v>800</c:v>
                </c:pt>
                <c:pt idx="2339">
                  <c:v>800</c:v>
                </c:pt>
                <c:pt idx="2340">
                  <c:v>800</c:v>
                </c:pt>
                <c:pt idx="2341">
                  <c:v>800</c:v>
                </c:pt>
                <c:pt idx="2342">
                  <c:v>800</c:v>
                </c:pt>
                <c:pt idx="2343">
                  <c:v>800</c:v>
                </c:pt>
                <c:pt idx="2344">
                  <c:v>800</c:v>
                </c:pt>
                <c:pt idx="2345">
                  <c:v>800</c:v>
                </c:pt>
                <c:pt idx="2346">
                  <c:v>800</c:v>
                </c:pt>
                <c:pt idx="2347">
                  <c:v>800</c:v>
                </c:pt>
                <c:pt idx="2348">
                  <c:v>800</c:v>
                </c:pt>
                <c:pt idx="2349">
                  <c:v>800</c:v>
                </c:pt>
                <c:pt idx="2350">
                  <c:v>800</c:v>
                </c:pt>
                <c:pt idx="2351">
                  <c:v>800</c:v>
                </c:pt>
                <c:pt idx="2352">
                  <c:v>800</c:v>
                </c:pt>
                <c:pt idx="2353">
                  <c:v>800</c:v>
                </c:pt>
                <c:pt idx="2354">
                  <c:v>800</c:v>
                </c:pt>
                <c:pt idx="2355">
                  <c:v>800</c:v>
                </c:pt>
                <c:pt idx="2356">
                  <c:v>800</c:v>
                </c:pt>
                <c:pt idx="2357">
                  <c:v>800</c:v>
                </c:pt>
                <c:pt idx="2358">
                  <c:v>800</c:v>
                </c:pt>
                <c:pt idx="2359">
                  <c:v>800</c:v>
                </c:pt>
                <c:pt idx="2360">
                  <c:v>800</c:v>
                </c:pt>
                <c:pt idx="2361">
                  <c:v>800</c:v>
                </c:pt>
                <c:pt idx="2362">
                  <c:v>800</c:v>
                </c:pt>
                <c:pt idx="2363">
                  <c:v>800</c:v>
                </c:pt>
                <c:pt idx="2364">
                  <c:v>800</c:v>
                </c:pt>
                <c:pt idx="2365">
                  <c:v>800</c:v>
                </c:pt>
                <c:pt idx="2366">
                  <c:v>800</c:v>
                </c:pt>
                <c:pt idx="2367">
                  <c:v>800</c:v>
                </c:pt>
                <c:pt idx="2368">
                  <c:v>800</c:v>
                </c:pt>
                <c:pt idx="2369">
                  <c:v>800</c:v>
                </c:pt>
                <c:pt idx="2370">
                  <c:v>800</c:v>
                </c:pt>
                <c:pt idx="2371">
                  <c:v>800</c:v>
                </c:pt>
                <c:pt idx="2372">
                  <c:v>800</c:v>
                </c:pt>
                <c:pt idx="2373">
                  <c:v>800</c:v>
                </c:pt>
                <c:pt idx="2374">
                  <c:v>800</c:v>
                </c:pt>
                <c:pt idx="2375">
                  <c:v>800</c:v>
                </c:pt>
                <c:pt idx="2376">
                  <c:v>800</c:v>
                </c:pt>
                <c:pt idx="2377">
                  <c:v>800</c:v>
                </c:pt>
                <c:pt idx="2378">
                  <c:v>800</c:v>
                </c:pt>
                <c:pt idx="2379">
                  <c:v>800</c:v>
                </c:pt>
                <c:pt idx="2380">
                  <c:v>800</c:v>
                </c:pt>
                <c:pt idx="2381">
                  <c:v>800</c:v>
                </c:pt>
                <c:pt idx="2382">
                  <c:v>800</c:v>
                </c:pt>
                <c:pt idx="2383">
                  <c:v>800</c:v>
                </c:pt>
                <c:pt idx="2384">
                  <c:v>800</c:v>
                </c:pt>
                <c:pt idx="2385">
                  <c:v>800</c:v>
                </c:pt>
                <c:pt idx="2386">
                  <c:v>800</c:v>
                </c:pt>
                <c:pt idx="2387">
                  <c:v>800</c:v>
                </c:pt>
                <c:pt idx="2388">
                  <c:v>800</c:v>
                </c:pt>
                <c:pt idx="2389">
                  <c:v>800</c:v>
                </c:pt>
                <c:pt idx="2390">
                  <c:v>800</c:v>
                </c:pt>
                <c:pt idx="2391">
                  <c:v>800</c:v>
                </c:pt>
                <c:pt idx="2392">
                  <c:v>800</c:v>
                </c:pt>
                <c:pt idx="2393">
                  <c:v>800</c:v>
                </c:pt>
                <c:pt idx="2394">
                  <c:v>800</c:v>
                </c:pt>
                <c:pt idx="2395">
                  <c:v>800</c:v>
                </c:pt>
                <c:pt idx="2396">
                  <c:v>800</c:v>
                </c:pt>
                <c:pt idx="2397">
                  <c:v>800</c:v>
                </c:pt>
                <c:pt idx="2398">
                  <c:v>800</c:v>
                </c:pt>
                <c:pt idx="2399">
                  <c:v>800</c:v>
                </c:pt>
                <c:pt idx="2400">
                  <c:v>800</c:v>
                </c:pt>
                <c:pt idx="2401">
                  <c:v>800</c:v>
                </c:pt>
                <c:pt idx="2402">
                  <c:v>800</c:v>
                </c:pt>
                <c:pt idx="2403">
                  <c:v>800</c:v>
                </c:pt>
                <c:pt idx="2404">
                  <c:v>800</c:v>
                </c:pt>
                <c:pt idx="2405">
                  <c:v>800</c:v>
                </c:pt>
                <c:pt idx="2406">
                  <c:v>800</c:v>
                </c:pt>
                <c:pt idx="2407">
                  <c:v>800</c:v>
                </c:pt>
                <c:pt idx="2408">
                  <c:v>800</c:v>
                </c:pt>
                <c:pt idx="2409">
                  <c:v>800</c:v>
                </c:pt>
                <c:pt idx="2410">
                  <c:v>800</c:v>
                </c:pt>
                <c:pt idx="2411">
                  <c:v>800</c:v>
                </c:pt>
                <c:pt idx="2412">
                  <c:v>800</c:v>
                </c:pt>
                <c:pt idx="2413">
                  <c:v>800</c:v>
                </c:pt>
                <c:pt idx="2414">
                  <c:v>800</c:v>
                </c:pt>
                <c:pt idx="2415">
                  <c:v>800</c:v>
                </c:pt>
                <c:pt idx="2416">
                  <c:v>800</c:v>
                </c:pt>
                <c:pt idx="2417">
                  <c:v>800</c:v>
                </c:pt>
                <c:pt idx="2418">
                  <c:v>800</c:v>
                </c:pt>
                <c:pt idx="2419">
                  <c:v>800</c:v>
                </c:pt>
                <c:pt idx="2420">
                  <c:v>800</c:v>
                </c:pt>
                <c:pt idx="2421">
                  <c:v>800</c:v>
                </c:pt>
                <c:pt idx="2422">
                  <c:v>800</c:v>
                </c:pt>
                <c:pt idx="2423">
                  <c:v>800</c:v>
                </c:pt>
                <c:pt idx="2424">
                  <c:v>800</c:v>
                </c:pt>
                <c:pt idx="2425">
                  <c:v>800</c:v>
                </c:pt>
                <c:pt idx="2426">
                  <c:v>800</c:v>
                </c:pt>
                <c:pt idx="2427">
                  <c:v>800</c:v>
                </c:pt>
                <c:pt idx="2428">
                  <c:v>800</c:v>
                </c:pt>
                <c:pt idx="2429">
                  <c:v>800</c:v>
                </c:pt>
                <c:pt idx="2430">
                  <c:v>800</c:v>
                </c:pt>
                <c:pt idx="2431">
                  <c:v>800</c:v>
                </c:pt>
                <c:pt idx="2432">
                  <c:v>800</c:v>
                </c:pt>
                <c:pt idx="2433">
                  <c:v>800</c:v>
                </c:pt>
                <c:pt idx="2434">
                  <c:v>800</c:v>
                </c:pt>
                <c:pt idx="2435">
                  <c:v>800</c:v>
                </c:pt>
                <c:pt idx="2436">
                  <c:v>800</c:v>
                </c:pt>
                <c:pt idx="2437">
                  <c:v>800</c:v>
                </c:pt>
                <c:pt idx="2438">
                  <c:v>800</c:v>
                </c:pt>
                <c:pt idx="2439">
                  <c:v>800</c:v>
                </c:pt>
                <c:pt idx="2440">
                  <c:v>800</c:v>
                </c:pt>
                <c:pt idx="2441">
                  <c:v>800</c:v>
                </c:pt>
                <c:pt idx="2442">
                  <c:v>800</c:v>
                </c:pt>
                <c:pt idx="2443">
                  <c:v>800</c:v>
                </c:pt>
                <c:pt idx="2444">
                  <c:v>800</c:v>
                </c:pt>
                <c:pt idx="2445">
                  <c:v>800</c:v>
                </c:pt>
                <c:pt idx="2446">
                  <c:v>800</c:v>
                </c:pt>
                <c:pt idx="2447">
                  <c:v>800</c:v>
                </c:pt>
                <c:pt idx="2448">
                  <c:v>800</c:v>
                </c:pt>
                <c:pt idx="2449">
                  <c:v>800</c:v>
                </c:pt>
                <c:pt idx="2450">
                  <c:v>800</c:v>
                </c:pt>
                <c:pt idx="2451">
                  <c:v>800</c:v>
                </c:pt>
                <c:pt idx="2452">
                  <c:v>800</c:v>
                </c:pt>
                <c:pt idx="2453">
                  <c:v>800</c:v>
                </c:pt>
                <c:pt idx="2454">
                  <c:v>800</c:v>
                </c:pt>
                <c:pt idx="2455">
                  <c:v>800</c:v>
                </c:pt>
                <c:pt idx="2456">
                  <c:v>800</c:v>
                </c:pt>
                <c:pt idx="2457">
                  <c:v>800</c:v>
                </c:pt>
                <c:pt idx="2458">
                  <c:v>800</c:v>
                </c:pt>
                <c:pt idx="2459">
                  <c:v>800</c:v>
                </c:pt>
                <c:pt idx="2460">
                  <c:v>800</c:v>
                </c:pt>
                <c:pt idx="2461">
                  <c:v>800</c:v>
                </c:pt>
                <c:pt idx="2462">
                  <c:v>800</c:v>
                </c:pt>
                <c:pt idx="2463">
                  <c:v>800</c:v>
                </c:pt>
                <c:pt idx="2464">
                  <c:v>800</c:v>
                </c:pt>
                <c:pt idx="2465">
                  <c:v>800</c:v>
                </c:pt>
                <c:pt idx="2466">
                  <c:v>800</c:v>
                </c:pt>
                <c:pt idx="2467">
                  <c:v>800</c:v>
                </c:pt>
                <c:pt idx="2468">
                  <c:v>800</c:v>
                </c:pt>
                <c:pt idx="2469">
                  <c:v>800</c:v>
                </c:pt>
                <c:pt idx="2470">
                  <c:v>800</c:v>
                </c:pt>
                <c:pt idx="2471">
                  <c:v>800</c:v>
                </c:pt>
                <c:pt idx="2472">
                  <c:v>800</c:v>
                </c:pt>
                <c:pt idx="2473">
                  <c:v>800</c:v>
                </c:pt>
                <c:pt idx="2474">
                  <c:v>800</c:v>
                </c:pt>
                <c:pt idx="2475">
                  <c:v>800</c:v>
                </c:pt>
              </c:numCache>
            </c:numRef>
          </c:xVal>
          <c:yVal>
            <c:numRef>
              <c:f>'Fig 6'!$D$9:$D$2695</c:f>
              <c:numCache>
                <c:formatCode>General</c:formatCode>
                <c:ptCount val="2687"/>
                <c:pt idx="0">
                  <c:v>100</c:v>
                </c:pt>
                <c:pt idx="1">
                  <c:v>99.99174334900917</c:v>
                </c:pt>
                <c:pt idx="2">
                  <c:v>99.983051421524621</c:v>
                </c:pt>
                <c:pt idx="3">
                  <c:v>99.974808372924215</c:v>
                </c:pt>
                <c:pt idx="4">
                  <c:v>99.967014203208009</c:v>
                </c:pt>
                <c:pt idx="5">
                  <c:v>99.958771154607646</c:v>
                </c:pt>
                <c:pt idx="6">
                  <c:v>99.950976984891426</c:v>
                </c:pt>
                <c:pt idx="7">
                  <c:v>99.943658898840255</c:v>
                </c:pt>
                <c:pt idx="8">
                  <c:v>99.936327210398645</c:v>
                </c:pt>
                <c:pt idx="9">
                  <c:v>99.928995521957049</c:v>
                </c:pt>
                <c:pt idx="10">
                  <c:v>99.921663833515453</c:v>
                </c:pt>
                <c:pt idx="11">
                  <c:v>99.914794626348453</c:v>
                </c:pt>
                <c:pt idx="12">
                  <c:v>99.908387900456077</c:v>
                </c:pt>
                <c:pt idx="13">
                  <c:v>99.901967572173263</c:v>
                </c:pt>
                <c:pt idx="14">
                  <c:v>99.896009725165058</c:v>
                </c:pt>
                <c:pt idx="15">
                  <c:v>99.889602999272668</c:v>
                </c:pt>
                <c:pt idx="16">
                  <c:v>99.883182670989854</c:v>
                </c:pt>
                <c:pt idx="17">
                  <c:v>99.877238426372088</c:v>
                </c:pt>
                <c:pt idx="18">
                  <c:v>99.871280579363898</c:v>
                </c:pt>
                <c:pt idx="19">
                  <c:v>99.865785213630303</c:v>
                </c:pt>
                <c:pt idx="20">
                  <c:v>99.859827366622113</c:v>
                </c:pt>
                <c:pt idx="21">
                  <c:v>99.854332000888519</c:v>
                </c:pt>
                <c:pt idx="22">
                  <c:v>99.8483741538803</c:v>
                </c:pt>
                <c:pt idx="23">
                  <c:v>99.84287878814672</c:v>
                </c:pt>
                <c:pt idx="24">
                  <c:v>99.837383422413126</c:v>
                </c:pt>
                <c:pt idx="25">
                  <c:v>99.832336935563717</c:v>
                </c:pt>
                <c:pt idx="26">
                  <c:v>99.827304051104733</c:v>
                </c:pt>
                <c:pt idx="27">
                  <c:v>99.822271166645749</c:v>
                </c:pt>
                <c:pt idx="28">
                  <c:v>99.81722467979634</c:v>
                </c:pt>
                <c:pt idx="29">
                  <c:v>99.812640674221541</c:v>
                </c:pt>
                <c:pt idx="30">
                  <c:v>99.807607789762542</c:v>
                </c:pt>
                <c:pt idx="31">
                  <c:v>99.803023784187744</c:v>
                </c:pt>
                <c:pt idx="32">
                  <c:v>99.798453381003355</c:v>
                </c:pt>
                <c:pt idx="33">
                  <c:v>99.793869375428571</c:v>
                </c:pt>
                <c:pt idx="34">
                  <c:v>99.789285369853758</c:v>
                </c:pt>
                <c:pt idx="35">
                  <c:v>99.784701364278959</c:v>
                </c:pt>
                <c:pt idx="36">
                  <c:v>99.780130961094585</c:v>
                </c:pt>
                <c:pt idx="37">
                  <c:v>99.775995834403957</c:v>
                </c:pt>
                <c:pt idx="38">
                  <c:v>99.771425431219583</c:v>
                </c:pt>
                <c:pt idx="39">
                  <c:v>99.767303906919395</c:v>
                </c:pt>
                <c:pt idx="40">
                  <c:v>99.763182382619192</c:v>
                </c:pt>
                <c:pt idx="41">
                  <c:v>99.759047255928564</c:v>
                </c:pt>
                <c:pt idx="42">
                  <c:v>99.754925731628376</c:v>
                </c:pt>
                <c:pt idx="43">
                  <c:v>99.750804207328187</c:v>
                </c:pt>
                <c:pt idx="44">
                  <c:v>99.74714516430258</c:v>
                </c:pt>
                <c:pt idx="45">
                  <c:v>99.743023640002406</c:v>
                </c:pt>
                <c:pt idx="46">
                  <c:v>99.739350994586388</c:v>
                </c:pt>
                <c:pt idx="47">
                  <c:v>99.735691951560796</c:v>
                </c:pt>
                <c:pt idx="48">
                  <c:v>99.732032908535203</c:v>
                </c:pt>
                <c:pt idx="49">
                  <c:v>99.728360263119214</c:v>
                </c:pt>
                <c:pt idx="50">
                  <c:v>99.724701220093621</c:v>
                </c:pt>
                <c:pt idx="51">
                  <c:v>99.721028574677604</c:v>
                </c:pt>
                <c:pt idx="52">
                  <c:v>99.716907050377401</c:v>
                </c:pt>
                <c:pt idx="53">
                  <c:v>99.713248007351822</c:v>
                </c:pt>
                <c:pt idx="54">
                  <c:v>99.70912648305162</c:v>
                </c:pt>
                <c:pt idx="55">
                  <c:v>99.705453837635616</c:v>
                </c:pt>
                <c:pt idx="56">
                  <c:v>99.701332313335413</c:v>
                </c:pt>
                <c:pt idx="57">
                  <c:v>99.696761910151039</c:v>
                </c:pt>
                <c:pt idx="58">
                  <c:v>99.692177904576241</c:v>
                </c:pt>
                <c:pt idx="59">
                  <c:v>99.688056380276052</c:v>
                </c:pt>
                <c:pt idx="60">
                  <c:v>99.683472374701239</c:v>
                </c:pt>
                <c:pt idx="61">
                  <c:v>99.67888836912644</c:v>
                </c:pt>
                <c:pt idx="62">
                  <c:v>99.674317965942066</c:v>
                </c:pt>
                <c:pt idx="63">
                  <c:v>99.669271479092643</c:v>
                </c:pt>
                <c:pt idx="64">
                  <c:v>99.664687473517844</c:v>
                </c:pt>
                <c:pt idx="65">
                  <c:v>99.66011707033347</c:v>
                </c:pt>
                <c:pt idx="66">
                  <c:v>99.655070583484061</c:v>
                </c:pt>
                <c:pt idx="67">
                  <c:v>99.650486577909263</c:v>
                </c:pt>
                <c:pt idx="68">
                  <c:v>99.645453693450278</c:v>
                </c:pt>
                <c:pt idx="69">
                  <c:v>99.64086968787548</c:v>
                </c:pt>
                <c:pt idx="70">
                  <c:v>99.635836803416495</c:v>
                </c:pt>
                <c:pt idx="71">
                  <c:v>99.630790316567072</c:v>
                </c:pt>
                <c:pt idx="72">
                  <c:v>99.625757432108102</c:v>
                </c:pt>
                <c:pt idx="73">
                  <c:v>99.620724547649104</c:v>
                </c:pt>
                <c:pt idx="74">
                  <c:v>99.615678060799681</c:v>
                </c:pt>
                <c:pt idx="75">
                  <c:v>99.611094055224896</c:v>
                </c:pt>
                <c:pt idx="76">
                  <c:v>99.606523652040508</c:v>
                </c:pt>
                <c:pt idx="77">
                  <c:v>99.601939646465709</c:v>
                </c:pt>
                <c:pt idx="78">
                  <c:v>99.59735564089091</c:v>
                </c:pt>
                <c:pt idx="79">
                  <c:v>99.593234116590722</c:v>
                </c:pt>
                <c:pt idx="80">
                  <c:v>99.588650111015923</c:v>
                </c:pt>
                <c:pt idx="81">
                  <c:v>99.58452858671572</c:v>
                </c:pt>
                <c:pt idx="82">
                  <c:v>99.580869543690127</c:v>
                </c:pt>
                <c:pt idx="83">
                  <c:v>99.577196898274124</c:v>
                </c:pt>
                <c:pt idx="84">
                  <c:v>99.574000336523156</c:v>
                </c:pt>
                <c:pt idx="85">
                  <c:v>99.570790172381734</c:v>
                </c:pt>
                <c:pt idx="86">
                  <c:v>99.567580008240327</c:v>
                </c:pt>
                <c:pt idx="87">
                  <c:v>99.563920965214734</c:v>
                </c:pt>
                <c:pt idx="88">
                  <c:v>99.561173282347951</c:v>
                </c:pt>
                <c:pt idx="89">
                  <c:v>99.557963118206544</c:v>
                </c:pt>
                <c:pt idx="90">
                  <c:v>99.555215435339733</c:v>
                </c:pt>
                <c:pt idx="91">
                  <c:v>99.552930233747546</c:v>
                </c:pt>
                <c:pt idx="92">
                  <c:v>99.552005271198325</c:v>
                </c:pt>
                <c:pt idx="93">
                  <c:v>99.549257588331542</c:v>
                </c:pt>
                <c:pt idx="94">
                  <c:v>99.54697238673937</c:v>
                </c:pt>
                <c:pt idx="95">
                  <c:v>99.545136064031354</c:v>
                </c:pt>
                <c:pt idx="96">
                  <c:v>99.543299741323338</c:v>
                </c:pt>
                <c:pt idx="97">
                  <c:v>99.541477021005775</c:v>
                </c:pt>
                <c:pt idx="98">
                  <c:v>99.539640698297745</c:v>
                </c:pt>
                <c:pt idx="99">
                  <c:v>99.537804375589758</c:v>
                </c:pt>
                <c:pt idx="100">
                  <c:v>99.536430534156338</c:v>
                </c:pt>
                <c:pt idx="101">
                  <c:v>99.535056692722961</c:v>
                </c:pt>
                <c:pt idx="102">
                  <c:v>99.533682851289555</c:v>
                </c:pt>
                <c:pt idx="103">
                  <c:v>99.532771491130774</c:v>
                </c:pt>
                <c:pt idx="104">
                  <c:v>99.531397649697368</c:v>
                </c:pt>
                <c:pt idx="105">
                  <c:v>99.530472687148148</c:v>
                </c:pt>
                <c:pt idx="106">
                  <c:v>99.530023808263962</c:v>
                </c:pt>
                <c:pt idx="107">
                  <c:v>99.529561326989366</c:v>
                </c:pt>
                <c:pt idx="108">
                  <c:v>99.528649966830557</c:v>
                </c:pt>
                <c:pt idx="109">
                  <c:v>99.528187485555961</c:v>
                </c:pt>
                <c:pt idx="110">
                  <c:v>99.527725004281351</c:v>
                </c:pt>
                <c:pt idx="111">
                  <c:v>99.526813644122569</c:v>
                </c:pt>
                <c:pt idx="112">
                  <c:v>99.526813644122569</c:v>
                </c:pt>
                <c:pt idx="113">
                  <c:v>99.526813644122569</c:v>
                </c:pt>
                <c:pt idx="114">
                  <c:v>99.526351162847959</c:v>
                </c:pt>
                <c:pt idx="115">
                  <c:v>99.525902283963774</c:v>
                </c:pt>
                <c:pt idx="116">
                  <c:v>99.525439802689164</c:v>
                </c:pt>
                <c:pt idx="117">
                  <c:v>99.523603479981162</c:v>
                </c:pt>
                <c:pt idx="118">
                  <c:v>99.523603479981162</c:v>
                </c:pt>
                <c:pt idx="119">
                  <c:v>99.523603479981162</c:v>
                </c:pt>
                <c:pt idx="120">
                  <c:v>99.523154601096991</c:v>
                </c:pt>
                <c:pt idx="121">
                  <c:v>99.522692119822381</c:v>
                </c:pt>
                <c:pt idx="122">
                  <c:v>99.521780759663585</c:v>
                </c:pt>
                <c:pt idx="123">
                  <c:v>99.521318278388961</c:v>
                </c:pt>
                <c:pt idx="124">
                  <c:v>99.520855797114351</c:v>
                </c:pt>
                <c:pt idx="125">
                  <c:v>99.520406918230179</c:v>
                </c:pt>
                <c:pt idx="126">
                  <c:v>99.519481955680959</c:v>
                </c:pt>
                <c:pt idx="127">
                  <c:v>99.519033076796802</c:v>
                </c:pt>
                <c:pt idx="128">
                  <c:v>99.518108114247568</c:v>
                </c:pt>
                <c:pt idx="129">
                  <c:v>99.517196754088772</c:v>
                </c:pt>
                <c:pt idx="130">
                  <c:v>99.516285393929977</c:v>
                </c:pt>
                <c:pt idx="131">
                  <c:v>99.51536043138077</c:v>
                </c:pt>
                <c:pt idx="132">
                  <c:v>99.514449071221989</c:v>
                </c:pt>
                <c:pt idx="133">
                  <c:v>99.513537711063194</c:v>
                </c:pt>
                <c:pt idx="134">
                  <c:v>99.512612748513973</c:v>
                </c:pt>
                <c:pt idx="135">
                  <c:v>99.511701388355192</c:v>
                </c:pt>
                <c:pt idx="136">
                  <c:v>99.510776425805972</c:v>
                </c:pt>
                <c:pt idx="137">
                  <c:v>99.509402584372566</c:v>
                </c:pt>
                <c:pt idx="138">
                  <c:v>99.508491224213785</c:v>
                </c:pt>
                <c:pt idx="139">
                  <c:v>99.507579864054989</c:v>
                </c:pt>
                <c:pt idx="140">
                  <c:v>99.506654901505769</c:v>
                </c:pt>
                <c:pt idx="141">
                  <c:v>99.505743541346973</c:v>
                </c:pt>
                <c:pt idx="142">
                  <c:v>99.504832181188192</c:v>
                </c:pt>
                <c:pt idx="143">
                  <c:v>99.503907218638972</c:v>
                </c:pt>
                <c:pt idx="144">
                  <c:v>99.502995858480176</c:v>
                </c:pt>
                <c:pt idx="145">
                  <c:v>99.502533377205566</c:v>
                </c:pt>
                <c:pt idx="146">
                  <c:v>99.501622017046785</c:v>
                </c:pt>
                <c:pt idx="147">
                  <c:v>99.50115953577216</c:v>
                </c:pt>
                <c:pt idx="148">
                  <c:v>99.500248175613393</c:v>
                </c:pt>
                <c:pt idx="149">
                  <c:v>99.499336815454598</c:v>
                </c:pt>
                <c:pt idx="150">
                  <c:v>99.498411852905377</c:v>
                </c:pt>
                <c:pt idx="151">
                  <c:v>99.497962974021206</c:v>
                </c:pt>
                <c:pt idx="152">
                  <c:v>99.497038011471986</c:v>
                </c:pt>
                <c:pt idx="153">
                  <c:v>99.496126651313205</c:v>
                </c:pt>
                <c:pt idx="154">
                  <c:v>99.495664170038594</c:v>
                </c:pt>
                <c:pt idx="155">
                  <c:v>99.494752809879799</c:v>
                </c:pt>
                <c:pt idx="156">
                  <c:v>99.494290328605189</c:v>
                </c:pt>
                <c:pt idx="157">
                  <c:v>99.493378968446393</c:v>
                </c:pt>
                <c:pt idx="158">
                  <c:v>99.492454005897173</c:v>
                </c:pt>
                <c:pt idx="159">
                  <c:v>99.491542645738406</c:v>
                </c:pt>
                <c:pt idx="160">
                  <c:v>99.491080164463781</c:v>
                </c:pt>
                <c:pt idx="161">
                  <c:v>99.49063128557961</c:v>
                </c:pt>
                <c:pt idx="162">
                  <c:v>99.490168804304986</c:v>
                </c:pt>
                <c:pt idx="163">
                  <c:v>99.48970632303039</c:v>
                </c:pt>
                <c:pt idx="164">
                  <c:v>99.488794962871594</c:v>
                </c:pt>
                <c:pt idx="165">
                  <c:v>99.487883602712799</c:v>
                </c:pt>
                <c:pt idx="166">
                  <c:v>99.487421121438203</c:v>
                </c:pt>
                <c:pt idx="167">
                  <c:v>99.486958640163607</c:v>
                </c:pt>
                <c:pt idx="168">
                  <c:v>99.486047280004811</c:v>
                </c:pt>
                <c:pt idx="169">
                  <c:v>99.485584798730201</c:v>
                </c:pt>
                <c:pt idx="170">
                  <c:v>99.484673438571392</c:v>
                </c:pt>
                <c:pt idx="171">
                  <c:v>99.484210957296781</c:v>
                </c:pt>
                <c:pt idx="172">
                  <c:v>99.483299597138014</c:v>
                </c:pt>
                <c:pt idx="173">
                  <c:v>99.48283711586339</c:v>
                </c:pt>
                <c:pt idx="174">
                  <c:v>99.482388236979219</c:v>
                </c:pt>
                <c:pt idx="175">
                  <c:v>99.481925755704609</c:v>
                </c:pt>
                <c:pt idx="176">
                  <c:v>99.481463274429998</c:v>
                </c:pt>
                <c:pt idx="177">
                  <c:v>99.480551914271203</c:v>
                </c:pt>
                <c:pt idx="178">
                  <c:v>99.480089432996593</c:v>
                </c:pt>
                <c:pt idx="179">
                  <c:v>99.479640554112407</c:v>
                </c:pt>
                <c:pt idx="180">
                  <c:v>99.479178072837811</c:v>
                </c:pt>
                <c:pt idx="181">
                  <c:v>99.479178072837811</c:v>
                </c:pt>
                <c:pt idx="182">
                  <c:v>99.478715591563201</c:v>
                </c:pt>
                <c:pt idx="183">
                  <c:v>99.478266712679016</c:v>
                </c:pt>
                <c:pt idx="184">
                  <c:v>99.477341750129796</c:v>
                </c:pt>
                <c:pt idx="185">
                  <c:v>99.476879268855186</c:v>
                </c:pt>
                <c:pt idx="186">
                  <c:v>99.475967908696404</c:v>
                </c:pt>
                <c:pt idx="187">
                  <c:v>99.475505427421794</c:v>
                </c:pt>
                <c:pt idx="188">
                  <c:v>99.474594067263013</c:v>
                </c:pt>
                <c:pt idx="189">
                  <c:v>99.474131585988403</c:v>
                </c:pt>
                <c:pt idx="190">
                  <c:v>99.473682707104217</c:v>
                </c:pt>
                <c:pt idx="191">
                  <c:v>99.473220225829607</c:v>
                </c:pt>
                <c:pt idx="192">
                  <c:v>99.472308865670826</c:v>
                </c:pt>
                <c:pt idx="193">
                  <c:v>99.471846384396216</c:v>
                </c:pt>
                <c:pt idx="194">
                  <c:v>99.47138390312162</c:v>
                </c:pt>
                <c:pt idx="195">
                  <c:v>99.470935024237434</c:v>
                </c:pt>
                <c:pt idx="196">
                  <c:v>99.470472542962796</c:v>
                </c:pt>
                <c:pt idx="197">
                  <c:v>99.470010061688214</c:v>
                </c:pt>
                <c:pt idx="198">
                  <c:v>99.469098701529404</c:v>
                </c:pt>
                <c:pt idx="199">
                  <c:v>99.468636220254794</c:v>
                </c:pt>
                <c:pt idx="200">
                  <c:v>99.468187341370637</c:v>
                </c:pt>
                <c:pt idx="201">
                  <c:v>99.467724860096013</c:v>
                </c:pt>
                <c:pt idx="202">
                  <c:v>99.467262378821417</c:v>
                </c:pt>
                <c:pt idx="203">
                  <c:v>99.466813499937217</c:v>
                </c:pt>
                <c:pt idx="204">
                  <c:v>99.465888537387997</c:v>
                </c:pt>
                <c:pt idx="205">
                  <c:v>99.465439658503826</c:v>
                </c:pt>
                <c:pt idx="206">
                  <c:v>99.464977177229215</c:v>
                </c:pt>
                <c:pt idx="207">
                  <c:v>99.464065817070434</c:v>
                </c:pt>
                <c:pt idx="208">
                  <c:v>99.463603335795824</c:v>
                </c:pt>
                <c:pt idx="209">
                  <c:v>99.463603335795824</c:v>
                </c:pt>
                <c:pt idx="210">
                  <c:v>99.4631408545212</c:v>
                </c:pt>
                <c:pt idx="211">
                  <c:v>99.4631408545212</c:v>
                </c:pt>
                <c:pt idx="212">
                  <c:v>99.462691975637028</c:v>
                </c:pt>
                <c:pt idx="213">
                  <c:v>99.462229494362418</c:v>
                </c:pt>
                <c:pt idx="214">
                  <c:v>99.462229494362418</c:v>
                </c:pt>
                <c:pt idx="215">
                  <c:v>99.461767013087808</c:v>
                </c:pt>
                <c:pt idx="216">
                  <c:v>99.460855652929027</c:v>
                </c:pt>
                <c:pt idx="217">
                  <c:v>99.459930690379807</c:v>
                </c:pt>
                <c:pt idx="218">
                  <c:v>99.459019330221025</c:v>
                </c:pt>
                <c:pt idx="219">
                  <c:v>99.458556848946401</c:v>
                </c:pt>
                <c:pt idx="220">
                  <c:v>99.45764548878762</c:v>
                </c:pt>
                <c:pt idx="221">
                  <c:v>99.457183007513009</c:v>
                </c:pt>
                <c:pt idx="222">
                  <c:v>99.456271647354228</c:v>
                </c:pt>
                <c:pt idx="223">
                  <c:v>99.455809166079618</c:v>
                </c:pt>
                <c:pt idx="224">
                  <c:v>99.455360287195433</c:v>
                </c:pt>
                <c:pt idx="225">
                  <c:v>99.454435324646212</c:v>
                </c:pt>
                <c:pt idx="226">
                  <c:v>99.453986445762027</c:v>
                </c:pt>
                <c:pt idx="227">
                  <c:v>99.453523964487417</c:v>
                </c:pt>
                <c:pt idx="228">
                  <c:v>99.453061483212807</c:v>
                </c:pt>
                <c:pt idx="229">
                  <c:v>99.45261260432865</c:v>
                </c:pt>
                <c:pt idx="230">
                  <c:v>99.452150123054011</c:v>
                </c:pt>
                <c:pt idx="231">
                  <c:v>99.451687641779429</c:v>
                </c:pt>
                <c:pt idx="232">
                  <c:v>99.45077628162062</c:v>
                </c:pt>
                <c:pt idx="233">
                  <c:v>99.450313800346024</c:v>
                </c:pt>
                <c:pt idx="234">
                  <c:v>99.449864921461838</c:v>
                </c:pt>
                <c:pt idx="235">
                  <c:v>99.448939958912632</c:v>
                </c:pt>
                <c:pt idx="236">
                  <c:v>99.448491080028447</c:v>
                </c:pt>
                <c:pt idx="237">
                  <c:v>99.448028598753837</c:v>
                </c:pt>
                <c:pt idx="238">
                  <c:v>99.447117238595055</c:v>
                </c:pt>
                <c:pt idx="239">
                  <c:v>99.446654757320431</c:v>
                </c:pt>
                <c:pt idx="240">
                  <c:v>99.446654757320431</c:v>
                </c:pt>
                <c:pt idx="241">
                  <c:v>99.446192276045821</c:v>
                </c:pt>
                <c:pt idx="242">
                  <c:v>99.446192276045821</c:v>
                </c:pt>
                <c:pt idx="243">
                  <c:v>99.446192276045821</c:v>
                </c:pt>
                <c:pt idx="244">
                  <c:v>99.446192276045821</c:v>
                </c:pt>
                <c:pt idx="245">
                  <c:v>99.446192276045821</c:v>
                </c:pt>
                <c:pt idx="246">
                  <c:v>99.44574339716165</c:v>
                </c:pt>
                <c:pt idx="247">
                  <c:v>99.44574339716165</c:v>
                </c:pt>
                <c:pt idx="248">
                  <c:v>99.445280915887039</c:v>
                </c:pt>
                <c:pt idx="249">
                  <c:v>99.445280915887039</c:v>
                </c:pt>
                <c:pt idx="250">
                  <c:v>99.444818434612429</c:v>
                </c:pt>
                <c:pt idx="251">
                  <c:v>99.444369555728244</c:v>
                </c:pt>
                <c:pt idx="252">
                  <c:v>99.443907074453648</c:v>
                </c:pt>
                <c:pt idx="253">
                  <c:v>99.443444593179038</c:v>
                </c:pt>
                <c:pt idx="254">
                  <c:v>99.443444593179038</c:v>
                </c:pt>
                <c:pt idx="255">
                  <c:v>99.442995714294852</c:v>
                </c:pt>
                <c:pt idx="256">
                  <c:v>99.442995714294852</c:v>
                </c:pt>
                <c:pt idx="257">
                  <c:v>99.442533233020242</c:v>
                </c:pt>
                <c:pt idx="258">
                  <c:v>99.442533233020242</c:v>
                </c:pt>
                <c:pt idx="259">
                  <c:v>99.442070751745632</c:v>
                </c:pt>
                <c:pt idx="260">
                  <c:v>99.442070751745632</c:v>
                </c:pt>
                <c:pt idx="261">
                  <c:v>99.442070751745632</c:v>
                </c:pt>
                <c:pt idx="262">
                  <c:v>99.441608270471022</c:v>
                </c:pt>
                <c:pt idx="263">
                  <c:v>99.441159391586837</c:v>
                </c:pt>
                <c:pt idx="264">
                  <c:v>99.440696910312226</c:v>
                </c:pt>
                <c:pt idx="265">
                  <c:v>99.440234429037616</c:v>
                </c:pt>
                <c:pt idx="266">
                  <c:v>99.439785550153431</c:v>
                </c:pt>
                <c:pt idx="267">
                  <c:v>99.439323068878835</c:v>
                </c:pt>
                <c:pt idx="268">
                  <c:v>99.438860587604225</c:v>
                </c:pt>
                <c:pt idx="269">
                  <c:v>99.437949227445444</c:v>
                </c:pt>
                <c:pt idx="270">
                  <c:v>99.437486746170819</c:v>
                </c:pt>
                <c:pt idx="271">
                  <c:v>99.437037867286634</c:v>
                </c:pt>
                <c:pt idx="272">
                  <c:v>99.436112904737442</c:v>
                </c:pt>
                <c:pt idx="273">
                  <c:v>99.435664025853242</c:v>
                </c:pt>
                <c:pt idx="274">
                  <c:v>99.434739063304036</c:v>
                </c:pt>
                <c:pt idx="275">
                  <c:v>99.433827703145226</c:v>
                </c:pt>
                <c:pt idx="276">
                  <c:v>99.433365221870645</c:v>
                </c:pt>
                <c:pt idx="277">
                  <c:v>99.432916342986459</c:v>
                </c:pt>
                <c:pt idx="278">
                  <c:v>99.432453861711835</c:v>
                </c:pt>
                <c:pt idx="279">
                  <c:v>99.431991380437239</c:v>
                </c:pt>
                <c:pt idx="280">
                  <c:v>99.431542501553054</c:v>
                </c:pt>
                <c:pt idx="281">
                  <c:v>99.431080020278443</c:v>
                </c:pt>
                <c:pt idx="282">
                  <c:v>99.430617539003833</c:v>
                </c:pt>
                <c:pt idx="283">
                  <c:v>99.430168660119662</c:v>
                </c:pt>
                <c:pt idx="284">
                  <c:v>99.429706178845052</c:v>
                </c:pt>
                <c:pt idx="285">
                  <c:v>99.429243697570442</c:v>
                </c:pt>
                <c:pt idx="286">
                  <c:v>99.428794818686256</c:v>
                </c:pt>
                <c:pt idx="287">
                  <c:v>99.428794818686256</c:v>
                </c:pt>
                <c:pt idx="288">
                  <c:v>99.428332337411646</c:v>
                </c:pt>
                <c:pt idx="289">
                  <c:v>99.428332337411646</c:v>
                </c:pt>
                <c:pt idx="290">
                  <c:v>99.427869856137036</c:v>
                </c:pt>
                <c:pt idx="291">
                  <c:v>99.427869856137036</c:v>
                </c:pt>
                <c:pt idx="292">
                  <c:v>99.427420977252851</c:v>
                </c:pt>
                <c:pt idx="293">
                  <c:v>99.426958495978241</c:v>
                </c:pt>
                <c:pt idx="294">
                  <c:v>99.426958495978241</c:v>
                </c:pt>
                <c:pt idx="295">
                  <c:v>99.426496014703631</c:v>
                </c:pt>
                <c:pt idx="296">
                  <c:v>99.426496014703631</c:v>
                </c:pt>
                <c:pt idx="297">
                  <c:v>99.426047135819459</c:v>
                </c:pt>
                <c:pt idx="298">
                  <c:v>99.426047135819459</c:v>
                </c:pt>
                <c:pt idx="299">
                  <c:v>99.426047135819459</c:v>
                </c:pt>
                <c:pt idx="300">
                  <c:v>99.426047135819459</c:v>
                </c:pt>
                <c:pt idx="301">
                  <c:v>99.426047135819459</c:v>
                </c:pt>
                <c:pt idx="302">
                  <c:v>99.426047135819459</c:v>
                </c:pt>
                <c:pt idx="303">
                  <c:v>99.426047135819459</c:v>
                </c:pt>
                <c:pt idx="304">
                  <c:v>99.426047135819459</c:v>
                </c:pt>
                <c:pt idx="305">
                  <c:v>99.425584654544849</c:v>
                </c:pt>
                <c:pt idx="306">
                  <c:v>99.425122173270239</c:v>
                </c:pt>
                <c:pt idx="307">
                  <c:v>99.425122173270239</c:v>
                </c:pt>
                <c:pt idx="308">
                  <c:v>99.424659691995629</c:v>
                </c:pt>
                <c:pt idx="309">
                  <c:v>99.424210813111458</c:v>
                </c:pt>
                <c:pt idx="310">
                  <c:v>99.424210813111458</c:v>
                </c:pt>
                <c:pt idx="311">
                  <c:v>99.423748331836848</c:v>
                </c:pt>
                <c:pt idx="312">
                  <c:v>99.423285850562237</c:v>
                </c:pt>
                <c:pt idx="313">
                  <c:v>99.423285850562237</c:v>
                </c:pt>
                <c:pt idx="314">
                  <c:v>99.422836971678066</c:v>
                </c:pt>
                <c:pt idx="315">
                  <c:v>99.422374490403442</c:v>
                </c:pt>
                <c:pt idx="316">
                  <c:v>99.421912009128832</c:v>
                </c:pt>
                <c:pt idx="317">
                  <c:v>99.421912009128832</c:v>
                </c:pt>
                <c:pt idx="318">
                  <c:v>99.421463130244661</c:v>
                </c:pt>
                <c:pt idx="319">
                  <c:v>99.421463130244661</c:v>
                </c:pt>
                <c:pt idx="320">
                  <c:v>99.421000648970065</c:v>
                </c:pt>
                <c:pt idx="321">
                  <c:v>99.42053816769544</c:v>
                </c:pt>
                <c:pt idx="322">
                  <c:v>99.42053816769544</c:v>
                </c:pt>
                <c:pt idx="323">
                  <c:v>99.420089288811269</c:v>
                </c:pt>
                <c:pt idx="324">
                  <c:v>99.420089288811269</c:v>
                </c:pt>
                <c:pt idx="325">
                  <c:v>99.420089288811269</c:v>
                </c:pt>
                <c:pt idx="326">
                  <c:v>99.420089288811269</c:v>
                </c:pt>
                <c:pt idx="327">
                  <c:v>99.419626807536659</c:v>
                </c:pt>
                <c:pt idx="328">
                  <c:v>99.419164326262049</c:v>
                </c:pt>
                <c:pt idx="329">
                  <c:v>99.419164326262049</c:v>
                </c:pt>
                <c:pt idx="330">
                  <c:v>99.419164326262049</c:v>
                </c:pt>
                <c:pt idx="331">
                  <c:v>99.418715447377849</c:v>
                </c:pt>
                <c:pt idx="332">
                  <c:v>99.418252966103253</c:v>
                </c:pt>
                <c:pt idx="333">
                  <c:v>99.418252966103253</c:v>
                </c:pt>
                <c:pt idx="334">
                  <c:v>99.417790484828629</c:v>
                </c:pt>
                <c:pt idx="335">
                  <c:v>99.417341605944472</c:v>
                </c:pt>
                <c:pt idx="336">
                  <c:v>99.416879124669848</c:v>
                </c:pt>
                <c:pt idx="337">
                  <c:v>99.416416643395252</c:v>
                </c:pt>
                <c:pt idx="338">
                  <c:v>99.415967764511066</c:v>
                </c:pt>
                <c:pt idx="339">
                  <c:v>99.415505283236456</c:v>
                </c:pt>
                <c:pt idx="340">
                  <c:v>99.415505283236456</c:v>
                </c:pt>
                <c:pt idx="341">
                  <c:v>99.415042801961846</c:v>
                </c:pt>
                <c:pt idx="342">
                  <c:v>99.415042801961846</c:v>
                </c:pt>
                <c:pt idx="343">
                  <c:v>99.414593923077661</c:v>
                </c:pt>
                <c:pt idx="344">
                  <c:v>99.414593923077661</c:v>
                </c:pt>
                <c:pt idx="345">
                  <c:v>99.41413144180305</c:v>
                </c:pt>
                <c:pt idx="346">
                  <c:v>99.41413144180305</c:v>
                </c:pt>
                <c:pt idx="347">
                  <c:v>99.41413144180305</c:v>
                </c:pt>
                <c:pt idx="348">
                  <c:v>99.41366896052844</c:v>
                </c:pt>
                <c:pt idx="349">
                  <c:v>99.412757600369659</c:v>
                </c:pt>
                <c:pt idx="350">
                  <c:v>99.412295119095035</c:v>
                </c:pt>
                <c:pt idx="351">
                  <c:v>99.411383758936253</c:v>
                </c:pt>
                <c:pt idx="352">
                  <c:v>99.410921277661643</c:v>
                </c:pt>
                <c:pt idx="353">
                  <c:v>99.410472398777472</c:v>
                </c:pt>
                <c:pt idx="354">
                  <c:v>99.410009917502862</c:v>
                </c:pt>
                <c:pt idx="355">
                  <c:v>99.409547436228252</c:v>
                </c:pt>
                <c:pt idx="356">
                  <c:v>99.40909855734408</c:v>
                </c:pt>
                <c:pt idx="357">
                  <c:v>99.40863607606947</c:v>
                </c:pt>
                <c:pt idx="358">
                  <c:v>99.40817359479486</c:v>
                </c:pt>
                <c:pt idx="359">
                  <c:v>99.407724715910675</c:v>
                </c:pt>
                <c:pt idx="360">
                  <c:v>99.407724715910675</c:v>
                </c:pt>
                <c:pt idx="361">
                  <c:v>99.407724715910675</c:v>
                </c:pt>
                <c:pt idx="362">
                  <c:v>99.407724715910675</c:v>
                </c:pt>
                <c:pt idx="363">
                  <c:v>99.407724715910675</c:v>
                </c:pt>
                <c:pt idx="364">
                  <c:v>99.407724715910675</c:v>
                </c:pt>
                <c:pt idx="365">
                  <c:v>99.407262234636079</c:v>
                </c:pt>
                <c:pt idx="366">
                  <c:v>99.407262234636079</c:v>
                </c:pt>
                <c:pt idx="367">
                  <c:v>99.407262234636079</c:v>
                </c:pt>
                <c:pt idx="368">
                  <c:v>99.406799753361454</c:v>
                </c:pt>
                <c:pt idx="369">
                  <c:v>99.406799753361454</c:v>
                </c:pt>
                <c:pt idx="370">
                  <c:v>99.406799753361454</c:v>
                </c:pt>
                <c:pt idx="371">
                  <c:v>99.406337272086844</c:v>
                </c:pt>
                <c:pt idx="372">
                  <c:v>99.406337272086844</c:v>
                </c:pt>
                <c:pt idx="373">
                  <c:v>99.406337272086844</c:v>
                </c:pt>
                <c:pt idx="374">
                  <c:v>99.406337272086844</c:v>
                </c:pt>
                <c:pt idx="375">
                  <c:v>99.406337272086844</c:v>
                </c:pt>
                <c:pt idx="376">
                  <c:v>99.406337272086844</c:v>
                </c:pt>
                <c:pt idx="377">
                  <c:v>99.405888393202673</c:v>
                </c:pt>
                <c:pt idx="378">
                  <c:v>99.405888393202673</c:v>
                </c:pt>
                <c:pt idx="379">
                  <c:v>99.405888393202673</c:v>
                </c:pt>
                <c:pt idx="380">
                  <c:v>99.405888393202673</c:v>
                </c:pt>
                <c:pt idx="381">
                  <c:v>99.405888393202673</c:v>
                </c:pt>
                <c:pt idx="382">
                  <c:v>99.405888393202673</c:v>
                </c:pt>
                <c:pt idx="383">
                  <c:v>99.405888393202673</c:v>
                </c:pt>
                <c:pt idx="384">
                  <c:v>99.406337272086844</c:v>
                </c:pt>
                <c:pt idx="385">
                  <c:v>99.406337272086844</c:v>
                </c:pt>
                <c:pt idx="386">
                  <c:v>99.407262234636079</c:v>
                </c:pt>
                <c:pt idx="387">
                  <c:v>99.407262234636079</c:v>
                </c:pt>
                <c:pt idx="388">
                  <c:v>99.407262234636079</c:v>
                </c:pt>
                <c:pt idx="389">
                  <c:v>99.406799753361454</c:v>
                </c:pt>
                <c:pt idx="390">
                  <c:v>99.406799753361454</c:v>
                </c:pt>
                <c:pt idx="391">
                  <c:v>99.406337272086844</c:v>
                </c:pt>
                <c:pt idx="392">
                  <c:v>99.406337272086844</c:v>
                </c:pt>
                <c:pt idx="393">
                  <c:v>99.406337272086844</c:v>
                </c:pt>
                <c:pt idx="394">
                  <c:v>99.405888393202673</c:v>
                </c:pt>
                <c:pt idx="395">
                  <c:v>99.405888393202673</c:v>
                </c:pt>
                <c:pt idx="396">
                  <c:v>99.405425911928063</c:v>
                </c:pt>
                <c:pt idx="397">
                  <c:v>99.405425911928063</c:v>
                </c:pt>
                <c:pt idx="398">
                  <c:v>99.405425911928063</c:v>
                </c:pt>
                <c:pt idx="399">
                  <c:v>99.405425911928063</c:v>
                </c:pt>
                <c:pt idx="400">
                  <c:v>99.405425911928063</c:v>
                </c:pt>
                <c:pt idx="401">
                  <c:v>99.405425911928063</c:v>
                </c:pt>
                <c:pt idx="402">
                  <c:v>99.405425911928063</c:v>
                </c:pt>
                <c:pt idx="403">
                  <c:v>99.404963430653453</c:v>
                </c:pt>
                <c:pt idx="404">
                  <c:v>99.404963430653453</c:v>
                </c:pt>
                <c:pt idx="405">
                  <c:v>99.404514551769267</c:v>
                </c:pt>
                <c:pt idx="406">
                  <c:v>99.403589589220047</c:v>
                </c:pt>
                <c:pt idx="407">
                  <c:v>99.403140710335862</c:v>
                </c:pt>
                <c:pt idx="408">
                  <c:v>99.402215747786641</c:v>
                </c:pt>
                <c:pt idx="409">
                  <c:v>99.401766868902484</c:v>
                </c:pt>
                <c:pt idx="410">
                  <c:v>99.400841906353264</c:v>
                </c:pt>
                <c:pt idx="411">
                  <c:v>99.400393027469065</c:v>
                </c:pt>
                <c:pt idx="412">
                  <c:v>99.399468064919859</c:v>
                </c:pt>
                <c:pt idx="413">
                  <c:v>99.399019186035673</c:v>
                </c:pt>
                <c:pt idx="414">
                  <c:v>99.398094223486467</c:v>
                </c:pt>
                <c:pt idx="415">
                  <c:v>99.397182863327671</c:v>
                </c:pt>
                <c:pt idx="416">
                  <c:v>99.396720382053076</c:v>
                </c:pt>
                <c:pt idx="417">
                  <c:v>99.395809021894266</c:v>
                </c:pt>
                <c:pt idx="418">
                  <c:v>99.395346540619684</c:v>
                </c:pt>
                <c:pt idx="419">
                  <c:v>99.394897661735484</c:v>
                </c:pt>
                <c:pt idx="420">
                  <c:v>99.394897661735484</c:v>
                </c:pt>
                <c:pt idx="421">
                  <c:v>99.394435180460874</c:v>
                </c:pt>
                <c:pt idx="422">
                  <c:v>99.393972699186264</c:v>
                </c:pt>
                <c:pt idx="423">
                  <c:v>99.393523820302093</c:v>
                </c:pt>
                <c:pt idx="424">
                  <c:v>99.393061339027483</c:v>
                </c:pt>
                <c:pt idx="425">
                  <c:v>99.393061339027483</c:v>
                </c:pt>
                <c:pt idx="426">
                  <c:v>99.392598857752873</c:v>
                </c:pt>
                <c:pt idx="427">
                  <c:v>99.392598857752873</c:v>
                </c:pt>
                <c:pt idx="428">
                  <c:v>99.392149978868687</c:v>
                </c:pt>
                <c:pt idx="429">
                  <c:v>99.392149978868687</c:v>
                </c:pt>
                <c:pt idx="430">
                  <c:v>99.391687497594077</c:v>
                </c:pt>
                <c:pt idx="431">
                  <c:v>99.392149978868687</c:v>
                </c:pt>
                <c:pt idx="432">
                  <c:v>99.392149978868687</c:v>
                </c:pt>
                <c:pt idx="433">
                  <c:v>99.391687497594077</c:v>
                </c:pt>
                <c:pt idx="434">
                  <c:v>99.391687497594077</c:v>
                </c:pt>
                <c:pt idx="435">
                  <c:v>99.391687497594077</c:v>
                </c:pt>
                <c:pt idx="436">
                  <c:v>99.390776137435282</c:v>
                </c:pt>
                <c:pt idx="437">
                  <c:v>99.389851174886076</c:v>
                </c:pt>
                <c:pt idx="438">
                  <c:v>99.390313656160671</c:v>
                </c:pt>
                <c:pt idx="439">
                  <c:v>99.389851174886076</c:v>
                </c:pt>
                <c:pt idx="440">
                  <c:v>99.390313656160671</c:v>
                </c:pt>
                <c:pt idx="441">
                  <c:v>99.390313656160671</c:v>
                </c:pt>
                <c:pt idx="442">
                  <c:v>99.390776137435282</c:v>
                </c:pt>
                <c:pt idx="443">
                  <c:v>99.390776137435282</c:v>
                </c:pt>
                <c:pt idx="444">
                  <c:v>99.391687497594077</c:v>
                </c:pt>
                <c:pt idx="445">
                  <c:v>99.391225016319467</c:v>
                </c:pt>
                <c:pt idx="446">
                  <c:v>99.390313656160671</c:v>
                </c:pt>
                <c:pt idx="447">
                  <c:v>99.389851174886076</c:v>
                </c:pt>
                <c:pt idx="448">
                  <c:v>99.38940229600189</c:v>
                </c:pt>
                <c:pt idx="449">
                  <c:v>99.38893981472728</c:v>
                </c:pt>
                <c:pt idx="450">
                  <c:v>99.38801485217806</c:v>
                </c:pt>
                <c:pt idx="451">
                  <c:v>99.387565973293889</c:v>
                </c:pt>
                <c:pt idx="452">
                  <c:v>99.386641010744654</c:v>
                </c:pt>
                <c:pt idx="453">
                  <c:v>99.386641010744654</c:v>
                </c:pt>
                <c:pt idx="454">
                  <c:v>99.386192131860469</c:v>
                </c:pt>
                <c:pt idx="455">
                  <c:v>99.386192131860469</c:v>
                </c:pt>
                <c:pt idx="456">
                  <c:v>99.386192131860469</c:v>
                </c:pt>
                <c:pt idx="457">
                  <c:v>99.386192131860469</c:v>
                </c:pt>
                <c:pt idx="458">
                  <c:v>99.386192131860469</c:v>
                </c:pt>
                <c:pt idx="459">
                  <c:v>99.385729650585887</c:v>
                </c:pt>
                <c:pt idx="460">
                  <c:v>99.385729650585887</c:v>
                </c:pt>
                <c:pt idx="461">
                  <c:v>99.385267169311277</c:v>
                </c:pt>
                <c:pt idx="462">
                  <c:v>99.385267169311277</c:v>
                </c:pt>
                <c:pt idx="463">
                  <c:v>99.385267169311277</c:v>
                </c:pt>
                <c:pt idx="464">
                  <c:v>99.385729650585887</c:v>
                </c:pt>
                <c:pt idx="465">
                  <c:v>99.385267169311277</c:v>
                </c:pt>
                <c:pt idx="466">
                  <c:v>99.385267169311277</c:v>
                </c:pt>
                <c:pt idx="467">
                  <c:v>99.385729650585887</c:v>
                </c:pt>
                <c:pt idx="468">
                  <c:v>99.385267169311277</c:v>
                </c:pt>
                <c:pt idx="469">
                  <c:v>99.383893327877871</c:v>
                </c:pt>
                <c:pt idx="470">
                  <c:v>99.384355809152481</c:v>
                </c:pt>
                <c:pt idx="471">
                  <c:v>99.384355809152481</c:v>
                </c:pt>
                <c:pt idx="472">
                  <c:v>99.384355809152481</c:v>
                </c:pt>
                <c:pt idx="473">
                  <c:v>99.384355809152481</c:v>
                </c:pt>
                <c:pt idx="474">
                  <c:v>99.384355809152481</c:v>
                </c:pt>
                <c:pt idx="475">
                  <c:v>99.384355809152481</c:v>
                </c:pt>
                <c:pt idx="476">
                  <c:v>99.384355809152481</c:v>
                </c:pt>
                <c:pt idx="477">
                  <c:v>99.384355809152481</c:v>
                </c:pt>
                <c:pt idx="478">
                  <c:v>99.384818290427077</c:v>
                </c:pt>
                <c:pt idx="479">
                  <c:v>99.384355809152481</c:v>
                </c:pt>
                <c:pt idx="480">
                  <c:v>99.384355809152481</c:v>
                </c:pt>
                <c:pt idx="481">
                  <c:v>99.383893327877871</c:v>
                </c:pt>
                <c:pt idx="482">
                  <c:v>99.383444448993671</c:v>
                </c:pt>
                <c:pt idx="483">
                  <c:v>99.38298196771909</c:v>
                </c:pt>
                <c:pt idx="484">
                  <c:v>99.38251948644448</c:v>
                </c:pt>
                <c:pt idx="485">
                  <c:v>99.38251948644448</c:v>
                </c:pt>
                <c:pt idx="486">
                  <c:v>99.382070607560294</c:v>
                </c:pt>
                <c:pt idx="487">
                  <c:v>99.382070607560294</c:v>
                </c:pt>
                <c:pt idx="488">
                  <c:v>99.381608126285698</c:v>
                </c:pt>
                <c:pt idx="489">
                  <c:v>99.381608126285698</c:v>
                </c:pt>
                <c:pt idx="490">
                  <c:v>99.381145645011088</c:v>
                </c:pt>
                <c:pt idx="491">
                  <c:v>99.380234284852278</c:v>
                </c:pt>
                <c:pt idx="492">
                  <c:v>99.379771803577682</c:v>
                </c:pt>
                <c:pt idx="493">
                  <c:v>99.379322924693497</c:v>
                </c:pt>
                <c:pt idx="494">
                  <c:v>99.378860443418887</c:v>
                </c:pt>
                <c:pt idx="495">
                  <c:v>99.378860443418887</c:v>
                </c:pt>
                <c:pt idx="496">
                  <c:v>99.378397962144277</c:v>
                </c:pt>
                <c:pt idx="497">
                  <c:v>99.378397962144277</c:v>
                </c:pt>
                <c:pt idx="498">
                  <c:v>99.377949083260091</c:v>
                </c:pt>
                <c:pt idx="499">
                  <c:v>99.377949083260091</c:v>
                </c:pt>
                <c:pt idx="500">
                  <c:v>99.377949083260091</c:v>
                </c:pt>
                <c:pt idx="501">
                  <c:v>99.377949083260091</c:v>
                </c:pt>
                <c:pt idx="502">
                  <c:v>99.377486601985481</c:v>
                </c:pt>
                <c:pt idx="503">
                  <c:v>99.377486601985481</c:v>
                </c:pt>
                <c:pt idx="504">
                  <c:v>99.377486601985481</c:v>
                </c:pt>
                <c:pt idx="505">
                  <c:v>99.377024120710871</c:v>
                </c:pt>
                <c:pt idx="506">
                  <c:v>99.377024120710871</c:v>
                </c:pt>
                <c:pt idx="507">
                  <c:v>99.377024120710871</c:v>
                </c:pt>
                <c:pt idx="508">
                  <c:v>99.377024120710871</c:v>
                </c:pt>
                <c:pt idx="509">
                  <c:v>99.377024120710871</c:v>
                </c:pt>
                <c:pt idx="510">
                  <c:v>99.3765752418267</c:v>
                </c:pt>
                <c:pt idx="511">
                  <c:v>99.377024120710871</c:v>
                </c:pt>
                <c:pt idx="512">
                  <c:v>99.377024120710871</c:v>
                </c:pt>
                <c:pt idx="513">
                  <c:v>99.3765752418267</c:v>
                </c:pt>
                <c:pt idx="514">
                  <c:v>99.376112760552076</c:v>
                </c:pt>
                <c:pt idx="515">
                  <c:v>99.376112760552076</c:v>
                </c:pt>
                <c:pt idx="516">
                  <c:v>99.376112760552076</c:v>
                </c:pt>
                <c:pt idx="517">
                  <c:v>99.375650279277465</c:v>
                </c:pt>
                <c:pt idx="518">
                  <c:v>99.375650279277465</c:v>
                </c:pt>
                <c:pt idx="519">
                  <c:v>99.375201400393294</c:v>
                </c:pt>
                <c:pt idx="520">
                  <c:v>99.375201400393294</c:v>
                </c:pt>
                <c:pt idx="521">
                  <c:v>99.375201400393294</c:v>
                </c:pt>
                <c:pt idx="522">
                  <c:v>99.375201400393294</c:v>
                </c:pt>
                <c:pt idx="523">
                  <c:v>99.375201400393294</c:v>
                </c:pt>
                <c:pt idx="524">
                  <c:v>99.374738919118684</c:v>
                </c:pt>
                <c:pt idx="525">
                  <c:v>99.374738919118684</c:v>
                </c:pt>
                <c:pt idx="526">
                  <c:v>99.374276437844074</c:v>
                </c:pt>
                <c:pt idx="527">
                  <c:v>99.374276437844074</c:v>
                </c:pt>
                <c:pt idx="528">
                  <c:v>99.374276437844074</c:v>
                </c:pt>
                <c:pt idx="529">
                  <c:v>99.374738919118684</c:v>
                </c:pt>
                <c:pt idx="530">
                  <c:v>99.374738919118684</c:v>
                </c:pt>
                <c:pt idx="531">
                  <c:v>99.374738919118684</c:v>
                </c:pt>
                <c:pt idx="532">
                  <c:v>99.374738919118684</c:v>
                </c:pt>
                <c:pt idx="533">
                  <c:v>99.374738919118684</c:v>
                </c:pt>
                <c:pt idx="534">
                  <c:v>99.375201400393294</c:v>
                </c:pt>
                <c:pt idx="535">
                  <c:v>99.375650279277465</c:v>
                </c:pt>
                <c:pt idx="536">
                  <c:v>99.3765752418267</c:v>
                </c:pt>
                <c:pt idx="537">
                  <c:v>99.377486601985481</c:v>
                </c:pt>
                <c:pt idx="538">
                  <c:v>99.378860443418887</c:v>
                </c:pt>
                <c:pt idx="539">
                  <c:v>99.380696766126889</c:v>
                </c:pt>
                <c:pt idx="540">
                  <c:v>99.38251948644448</c:v>
                </c:pt>
                <c:pt idx="541">
                  <c:v>99.384818290427077</c:v>
                </c:pt>
                <c:pt idx="542">
                  <c:v>99.387103492019278</c:v>
                </c:pt>
                <c:pt idx="543">
                  <c:v>99.38940229600189</c:v>
                </c:pt>
                <c:pt idx="544">
                  <c:v>99.391687497594077</c:v>
                </c:pt>
                <c:pt idx="545">
                  <c:v>99.393972699186264</c:v>
                </c:pt>
                <c:pt idx="546">
                  <c:v>99.396271503168876</c:v>
                </c:pt>
                <c:pt idx="547">
                  <c:v>99.398556704761063</c:v>
                </c:pt>
                <c:pt idx="548">
                  <c:v>99.401304387627874</c:v>
                </c:pt>
                <c:pt idx="549">
                  <c:v>99.403589589220047</c:v>
                </c:pt>
                <c:pt idx="550">
                  <c:v>99.405888393202673</c:v>
                </c:pt>
                <c:pt idx="551">
                  <c:v>99.40817359479486</c:v>
                </c:pt>
                <c:pt idx="552">
                  <c:v>99.410472398777472</c:v>
                </c:pt>
                <c:pt idx="553">
                  <c:v>99.412757600369659</c:v>
                </c:pt>
                <c:pt idx="554">
                  <c:v>99.415042801961846</c:v>
                </c:pt>
                <c:pt idx="555">
                  <c:v>99.417341605944472</c:v>
                </c:pt>
                <c:pt idx="556">
                  <c:v>99.419626807536659</c:v>
                </c:pt>
                <c:pt idx="557">
                  <c:v>99.421912009128832</c:v>
                </c:pt>
                <c:pt idx="558">
                  <c:v>99.423748331836848</c:v>
                </c:pt>
                <c:pt idx="559">
                  <c:v>99.425584654544849</c:v>
                </c:pt>
                <c:pt idx="560">
                  <c:v>99.427420977252851</c:v>
                </c:pt>
                <c:pt idx="561">
                  <c:v>99.428332337411646</c:v>
                </c:pt>
                <c:pt idx="562">
                  <c:v>99.429243697570442</c:v>
                </c:pt>
                <c:pt idx="563">
                  <c:v>99.430168660119662</c:v>
                </c:pt>
                <c:pt idx="564">
                  <c:v>99.430168660119662</c:v>
                </c:pt>
                <c:pt idx="565">
                  <c:v>99.430617539003833</c:v>
                </c:pt>
                <c:pt idx="566">
                  <c:v>99.430168660119662</c:v>
                </c:pt>
                <c:pt idx="567">
                  <c:v>99.430168660119662</c:v>
                </c:pt>
                <c:pt idx="568">
                  <c:v>99.430168660119662</c:v>
                </c:pt>
                <c:pt idx="569">
                  <c:v>99.429706178845052</c:v>
                </c:pt>
                <c:pt idx="570">
                  <c:v>99.429243697570442</c:v>
                </c:pt>
                <c:pt idx="571">
                  <c:v>99.428794818686256</c:v>
                </c:pt>
                <c:pt idx="572">
                  <c:v>99.428332337411646</c:v>
                </c:pt>
                <c:pt idx="573">
                  <c:v>99.427869856137036</c:v>
                </c:pt>
                <c:pt idx="574">
                  <c:v>99.427420977252851</c:v>
                </c:pt>
                <c:pt idx="575">
                  <c:v>99.426958495978241</c:v>
                </c:pt>
                <c:pt idx="576">
                  <c:v>99.426496014703631</c:v>
                </c:pt>
                <c:pt idx="577">
                  <c:v>99.425584654544849</c:v>
                </c:pt>
                <c:pt idx="578">
                  <c:v>99.424659691995629</c:v>
                </c:pt>
                <c:pt idx="579">
                  <c:v>99.423748331836848</c:v>
                </c:pt>
                <c:pt idx="580">
                  <c:v>99.422374490403442</c:v>
                </c:pt>
                <c:pt idx="581">
                  <c:v>99.421000648970065</c:v>
                </c:pt>
                <c:pt idx="582">
                  <c:v>99.420089288811269</c:v>
                </c:pt>
                <c:pt idx="583">
                  <c:v>99.418715447377849</c:v>
                </c:pt>
                <c:pt idx="584">
                  <c:v>99.417790484828629</c:v>
                </c:pt>
                <c:pt idx="585">
                  <c:v>99.416416643395252</c:v>
                </c:pt>
                <c:pt idx="586">
                  <c:v>99.415505283236456</c:v>
                </c:pt>
                <c:pt idx="587">
                  <c:v>99.41413144180305</c:v>
                </c:pt>
                <c:pt idx="588">
                  <c:v>99.413220081644269</c:v>
                </c:pt>
                <c:pt idx="589">
                  <c:v>99.412295119095035</c:v>
                </c:pt>
                <c:pt idx="590">
                  <c:v>99.411846240210878</c:v>
                </c:pt>
                <c:pt idx="591">
                  <c:v>99.410472398777472</c:v>
                </c:pt>
                <c:pt idx="592">
                  <c:v>99.409547436228252</c:v>
                </c:pt>
                <c:pt idx="593">
                  <c:v>99.40817359479486</c:v>
                </c:pt>
                <c:pt idx="594">
                  <c:v>99.407262234636079</c:v>
                </c:pt>
                <c:pt idx="595">
                  <c:v>99.405888393202673</c:v>
                </c:pt>
                <c:pt idx="596">
                  <c:v>99.404052070494657</c:v>
                </c:pt>
                <c:pt idx="597">
                  <c:v>99.402678229061266</c:v>
                </c:pt>
                <c:pt idx="598">
                  <c:v>99.401304387627874</c:v>
                </c:pt>
                <c:pt idx="599">
                  <c:v>99.399930546194483</c:v>
                </c:pt>
                <c:pt idx="600">
                  <c:v>99.399930546194483</c:v>
                </c:pt>
                <c:pt idx="601">
                  <c:v>99.398556704761063</c:v>
                </c:pt>
                <c:pt idx="602">
                  <c:v>99.397645344602282</c:v>
                </c:pt>
                <c:pt idx="603">
                  <c:v>99.396271503168876</c:v>
                </c:pt>
                <c:pt idx="604">
                  <c:v>99.395346540619684</c:v>
                </c:pt>
                <c:pt idx="605">
                  <c:v>99.393972699186264</c:v>
                </c:pt>
                <c:pt idx="606">
                  <c:v>99.393061339027483</c:v>
                </c:pt>
                <c:pt idx="607">
                  <c:v>99.391687497594077</c:v>
                </c:pt>
                <c:pt idx="608">
                  <c:v>99.389851174886076</c:v>
                </c:pt>
                <c:pt idx="609">
                  <c:v>99.38893981472728</c:v>
                </c:pt>
                <c:pt idx="610">
                  <c:v>99.387565973293889</c:v>
                </c:pt>
                <c:pt idx="611">
                  <c:v>99.386641010744654</c:v>
                </c:pt>
                <c:pt idx="612">
                  <c:v>99.386192131860469</c:v>
                </c:pt>
                <c:pt idx="613">
                  <c:v>99.384355809152481</c:v>
                </c:pt>
                <c:pt idx="614">
                  <c:v>99.382070607560294</c:v>
                </c:pt>
                <c:pt idx="615">
                  <c:v>99.380234284852278</c:v>
                </c:pt>
                <c:pt idx="616">
                  <c:v>99.378397962144277</c:v>
                </c:pt>
                <c:pt idx="617">
                  <c:v>99.3765752418267</c:v>
                </c:pt>
                <c:pt idx="618">
                  <c:v>99.375201400393294</c:v>
                </c:pt>
                <c:pt idx="619">
                  <c:v>99.373365077685293</c:v>
                </c:pt>
                <c:pt idx="620">
                  <c:v>99.371528754977277</c:v>
                </c:pt>
                <c:pt idx="621">
                  <c:v>99.37061739481851</c:v>
                </c:pt>
                <c:pt idx="622">
                  <c:v>99.368781072110494</c:v>
                </c:pt>
                <c:pt idx="623">
                  <c:v>99.366944749402464</c:v>
                </c:pt>
                <c:pt idx="624">
                  <c:v>99.365122029084901</c:v>
                </c:pt>
                <c:pt idx="625">
                  <c:v>99.361911864943494</c:v>
                </c:pt>
                <c:pt idx="626">
                  <c:v>99.359626663351307</c:v>
                </c:pt>
                <c:pt idx="627">
                  <c:v>99.357327859368695</c:v>
                </c:pt>
                <c:pt idx="628">
                  <c:v>99.355505139051132</c:v>
                </c:pt>
                <c:pt idx="629">
                  <c:v>99.353668816343117</c:v>
                </c:pt>
                <c:pt idx="630">
                  <c:v>99.351370012360491</c:v>
                </c:pt>
                <c:pt idx="631">
                  <c:v>99.349547292042899</c:v>
                </c:pt>
                <c:pt idx="632">
                  <c:v>99.347710969334898</c:v>
                </c:pt>
                <c:pt idx="633">
                  <c:v>99.34587464662691</c:v>
                </c:pt>
                <c:pt idx="634">
                  <c:v>99.343589445034709</c:v>
                </c:pt>
                <c:pt idx="635">
                  <c:v>99.341304243442536</c:v>
                </c:pt>
                <c:pt idx="636">
                  <c:v>99.33900543945991</c:v>
                </c:pt>
                <c:pt idx="637">
                  <c:v>99.335346396434332</c:v>
                </c:pt>
                <c:pt idx="638">
                  <c:v>99.333510073726316</c:v>
                </c:pt>
                <c:pt idx="639">
                  <c:v>99.331673751018315</c:v>
                </c:pt>
                <c:pt idx="640">
                  <c:v>99.329851030700723</c:v>
                </c:pt>
                <c:pt idx="641">
                  <c:v>99.327552226718112</c:v>
                </c:pt>
                <c:pt idx="642">
                  <c:v>99.325267025125925</c:v>
                </c:pt>
                <c:pt idx="643">
                  <c:v>99.322981823533752</c:v>
                </c:pt>
                <c:pt idx="644">
                  <c:v>99.320234140666955</c:v>
                </c:pt>
                <c:pt idx="645">
                  <c:v>99.317935336684329</c:v>
                </c:pt>
                <c:pt idx="646">
                  <c:v>99.315650135092142</c:v>
                </c:pt>
                <c:pt idx="647">
                  <c:v>99.313351331109516</c:v>
                </c:pt>
                <c:pt idx="648">
                  <c:v>99.311066129517357</c:v>
                </c:pt>
                <c:pt idx="649">
                  <c:v>99.308780927925142</c:v>
                </c:pt>
                <c:pt idx="650">
                  <c:v>99.306482123942544</c:v>
                </c:pt>
                <c:pt idx="651">
                  <c:v>99.303734441075747</c:v>
                </c:pt>
                <c:pt idx="652">
                  <c:v>99.301449239483546</c:v>
                </c:pt>
                <c:pt idx="653">
                  <c:v>99.299612916775544</c:v>
                </c:pt>
                <c:pt idx="654">
                  <c:v>99.297327715183343</c:v>
                </c:pt>
                <c:pt idx="655">
                  <c:v>99.295028911200745</c:v>
                </c:pt>
                <c:pt idx="656">
                  <c:v>99.292743709608544</c:v>
                </c:pt>
                <c:pt idx="657">
                  <c:v>99.290458508016371</c:v>
                </c:pt>
                <c:pt idx="658">
                  <c:v>99.288159704033745</c:v>
                </c:pt>
                <c:pt idx="659">
                  <c:v>99.285874502441558</c:v>
                </c:pt>
                <c:pt idx="660">
                  <c:v>99.283589300849385</c:v>
                </c:pt>
                <c:pt idx="661">
                  <c:v>99.28129049686676</c:v>
                </c:pt>
                <c:pt idx="662">
                  <c:v>99.279005295274587</c:v>
                </c:pt>
                <c:pt idx="663">
                  <c:v>99.276706491291947</c:v>
                </c:pt>
                <c:pt idx="664">
                  <c:v>99.273958808425149</c:v>
                </c:pt>
                <c:pt idx="665">
                  <c:v>99.271673606832962</c:v>
                </c:pt>
                <c:pt idx="666">
                  <c:v>99.26938840524079</c:v>
                </c:pt>
                <c:pt idx="667">
                  <c:v>99.266640722374007</c:v>
                </c:pt>
                <c:pt idx="668">
                  <c:v>99.263879437116771</c:v>
                </c:pt>
                <c:pt idx="669">
                  <c:v>99.261594235524569</c:v>
                </c:pt>
                <c:pt idx="670">
                  <c:v>99.258846552657772</c:v>
                </c:pt>
                <c:pt idx="671">
                  <c:v>99.255636388516379</c:v>
                </c:pt>
                <c:pt idx="672">
                  <c:v>99.252888705649582</c:v>
                </c:pt>
                <c:pt idx="673">
                  <c:v>99.250603504057395</c:v>
                </c:pt>
                <c:pt idx="674">
                  <c:v>99.248767181349379</c:v>
                </c:pt>
                <c:pt idx="675">
                  <c:v>99.247393339915988</c:v>
                </c:pt>
                <c:pt idx="676">
                  <c:v>99.244645657049176</c:v>
                </c:pt>
                <c:pt idx="677">
                  <c:v>99.241897974182379</c:v>
                </c:pt>
                <c:pt idx="678">
                  <c:v>99.239150291315596</c:v>
                </c:pt>
                <c:pt idx="679">
                  <c:v>99.235940127174189</c:v>
                </c:pt>
                <c:pt idx="680">
                  <c:v>99.23274356542322</c:v>
                </c:pt>
                <c:pt idx="681">
                  <c:v>99.229533401281813</c:v>
                </c:pt>
                <c:pt idx="682">
                  <c:v>99.226323237140392</c:v>
                </c:pt>
                <c:pt idx="683">
                  <c:v>99.223113072998999</c:v>
                </c:pt>
                <c:pt idx="684">
                  <c:v>99.21945402997342</c:v>
                </c:pt>
                <c:pt idx="685">
                  <c:v>99.216243865832013</c:v>
                </c:pt>
                <c:pt idx="686">
                  <c:v>99.21304730408103</c:v>
                </c:pt>
                <c:pt idx="687">
                  <c:v>99.209837139939637</c:v>
                </c:pt>
                <c:pt idx="688">
                  <c:v>99.208000817231607</c:v>
                </c:pt>
                <c:pt idx="689">
                  <c:v>99.204790653090214</c:v>
                </c:pt>
                <c:pt idx="690">
                  <c:v>99.201131610064635</c:v>
                </c:pt>
                <c:pt idx="691">
                  <c:v>99.197472567039043</c:v>
                </c:pt>
                <c:pt idx="692">
                  <c:v>99.194262402897621</c:v>
                </c:pt>
                <c:pt idx="693">
                  <c:v>99.191514720030838</c:v>
                </c:pt>
                <c:pt idx="694">
                  <c:v>99.188304555889431</c:v>
                </c:pt>
                <c:pt idx="695">
                  <c:v>99.185094391748024</c:v>
                </c:pt>
                <c:pt idx="696">
                  <c:v>99.182346708881227</c:v>
                </c:pt>
                <c:pt idx="697">
                  <c:v>99.179599026014444</c:v>
                </c:pt>
                <c:pt idx="698">
                  <c:v>99.176402464263461</c:v>
                </c:pt>
                <c:pt idx="699">
                  <c:v>99.172729818847444</c:v>
                </c:pt>
                <c:pt idx="700">
                  <c:v>99.167696934388445</c:v>
                </c:pt>
                <c:pt idx="701">
                  <c:v>99.164024288972456</c:v>
                </c:pt>
                <c:pt idx="702">
                  <c:v>99.160827727221474</c:v>
                </c:pt>
                <c:pt idx="703">
                  <c:v>99.157617563080052</c:v>
                </c:pt>
                <c:pt idx="704">
                  <c:v>99.154869880213269</c:v>
                </c:pt>
                <c:pt idx="705">
                  <c:v>99.152122197346472</c:v>
                </c:pt>
                <c:pt idx="706">
                  <c:v>99.149374514479675</c:v>
                </c:pt>
                <c:pt idx="707">
                  <c:v>99.146164350338282</c:v>
                </c:pt>
                <c:pt idx="708">
                  <c:v>99.143416667471456</c:v>
                </c:pt>
                <c:pt idx="709">
                  <c:v>99.141131465879283</c:v>
                </c:pt>
                <c:pt idx="710">
                  <c:v>99.13792130173789</c:v>
                </c:pt>
                <c:pt idx="711">
                  <c:v>99.135173618871093</c:v>
                </c:pt>
                <c:pt idx="712">
                  <c:v>99.132425936004282</c:v>
                </c:pt>
                <c:pt idx="713">
                  <c:v>99.128304411704079</c:v>
                </c:pt>
                <c:pt idx="714">
                  <c:v>99.1250942475627</c:v>
                </c:pt>
                <c:pt idx="715">
                  <c:v>99.122346564695903</c:v>
                </c:pt>
                <c:pt idx="716">
                  <c:v>99.119598881829091</c:v>
                </c:pt>
                <c:pt idx="717">
                  <c:v>99.116851198962294</c:v>
                </c:pt>
                <c:pt idx="718">
                  <c:v>99.113641034820901</c:v>
                </c:pt>
                <c:pt idx="719">
                  <c:v>99.110893351954104</c:v>
                </c:pt>
                <c:pt idx="720">
                  <c:v>99.107683187812697</c:v>
                </c:pt>
                <c:pt idx="721">
                  <c:v>99.104473023671289</c:v>
                </c:pt>
                <c:pt idx="722">
                  <c:v>99.101276461920307</c:v>
                </c:pt>
                <c:pt idx="723">
                  <c:v>99.098066297778914</c:v>
                </c:pt>
                <c:pt idx="724">
                  <c:v>99.094856133637492</c:v>
                </c:pt>
                <c:pt idx="725">
                  <c:v>99.092108450770695</c:v>
                </c:pt>
                <c:pt idx="726">
                  <c:v>99.089360767903912</c:v>
                </c:pt>
                <c:pt idx="727">
                  <c:v>99.086150603762519</c:v>
                </c:pt>
                <c:pt idx="728">
                  <c:v>99.083402920895708</c:v>
                </c:pt>
                <c:pt idx="729">
                  <c:v>99.080206359144739</c:v>
                </c:pt>
                <c:pt idx="730">
                  <c:v>99.076996195003332</c:v>
                </c:pt>
                <c:pt idx="731">
                  <c:v>99.073786030861925</c:v>
                </c:pt>
                <c:pt idx="732">
                  <c:v>99.070589469110942</c:v>
                </c:pt>
                <c:pt idx="733">
                  <c:v>99.067379304969535</c:v>
                </c:pt>
                <c:pt idx="734">
                  <c:v>99.064169140828128</c:v>
                </c:pt>
                <c:pt idx="735">
                  <c:v>99.06095897668672</c:v>
                </c:pt>
                <c:pt idx="736">
                  <c:v>99.057762414935738</c:v>
                </c:pt>
                <c:pt idx="737">
                  <c:v>99.05408976951972</c:v>
                </c:pt>
                <c:pt idx="738">
                  <c:v>99.050879605378341</c:v>
                </c:pt>
                <c:pt idx="739">
                  <c:v>99.047683043627359</c:v>
                </c:pt>
                <c:pt idx="740">
                  <c:v>99.044472879485951</c:v>
                </c:pt>
                <c:pt idx="741">
                  <c:v>99.041262715344544</c:v>
                </c:pt>
                <c:pt idx="742">
                  <c:v>99.038066153593562</c:v>
                </c:pt>
                <c:pt idx="743">
                  <c:v>99.034855989452154</c:v>
                </c:pt>
                <c:pt idx="744">
                  <c:v>99.031645825310761</c:v>
                </c:pt>
                <c:pt idx="745">
                  <c:v>99.028898142443964</c:v>
                </c:pt>
                <c:pt idx="746">
                  <c:v>99.025687978302543</c:v>
                </c:pt>
                <c:pt idx="747">
                  <c:v>99.02249141655156</c:v>
                </c:pt>
                <c:pt idx="748">
                  <c:v>99.019281252410181</c:v>
                </c:pt>
                <c:pt idx="749">
                  <c:v>99.015608606994149</c:v>
                </c:pt>
                <c:pt idx="750">
                  <c:v>99.012412045243181</c:v>
                </c:pt>
                <c:pt idx="751">
                  <c:v>99.009201881101788</c:v>
                </c:pt>
                <c:pt idx="752">
                  <c:v>99.005991716960366</c:v>
                </c:pt>
                <c:pt idx="753">
                  <c:v>99.002795155209384</c:v>
                </c:pt>
                <c:pt idx="754">
                  <c:v>98.999584991067977</c:v>
                </c:pt>
                <c:pt idx="755">
                  <c:v>98.996374826926598</c:v>
                </c:pt>
                <c:pt idx="756">
                  <c:v>98.993164662785176</c:v>
                </c:pt>
                <c:pt idx="757">
                  <c:v>98.989968101034208</c:v>
                </c:pt>
                <c:pt idx="758">
                  <c:v>98.986757936892801</c:v>
                </c:pt>
                <c:pt idx="759">
                  <c:v>98.983547772751407</c:v>
                </c:pt>
                <c:pt idx="760">
                  <c:v>98.980337608609986</c:v>
                </c:pt>
                <c:pt idx="761">
                  <c:v>98.977141046859003</c:v>
                </c:pt>
                <c:pt idx="762">
                  <c:v>98.97393088271761</c:v>
                </c:pt>
                <c:pt idx="763">
                  <c:v>98.971183199850813</c:v>
                </c:pt>
                <c:pt idx="764">
                  <c:v>98.967973035709406</c:v>
                </c:pt>
                <c:pt idx="765">
                  <c:v>98.965225352842594</c:v>
                </c:pt>
                <c:pt idx="766">
                  <c:v>98.962015188701201</c:v>
                </c:pt>
                <c:pt idx="767">
                  <c:v>98.958818626950233</c:v>
                </c:pt>
                <c:pt idx="768">
                  <c:v>98.955608462808826</c:v>
                </c:pt>
                <c:pt idx="769">
                  <c:v>98.952398298667404</c:v>
                </c:pt>
                <c:pt idx="770">
                  <c:v>98.949201736916436</c:v>
                </c:pt>
                <c:pt idx="771">
                  <c:v>98.945991572775029</c:v>
                </c:pt>
                <c:pt idx="772">
                  <c:v>98.942781408633635</c:v>
                </c:pt>
                <c:pt idx="773">
                  <c:v>98.939571244492214</c:v>
                </c:pt>
                <c:pt idx="774">
                  <c:v>98.936374682741231</c:v>
                </c:pt>
                <c:pt idx="775">
                  <c:v>98.933164518599852</c:v>
                </c:pt>
                <c:pt idx="776">
                  <c:v>98.929954354458445</c:v>
                </c:pt>
                <c:pt idx="777">
                  <c:v>98.926744190317024</c:v>
                </c:pt>
                <c:pt idx="778">
                  <c:v>98.923085147291445</c:v>
                </c:pt>
                <c:pt idx="779">
                  <c:v>98.919874983150052</c:v>
                </c:pt>
                <c:pt idx="780">
                  <c:v>98.91667842139907</c:v>
                </c:pt>
                <c:pt idx="781">
                  <c:v>98.913005775983038</c:v>
                </c:pt>
                <c:pt idx="782">
                  <c:v>98.909795611841631</c:v>
                </c:pt>
                <c:pt idx="783">
                  <c:v>98.907047928974848</c:v>
                </c:pt>
                <c:pt idx="784">
                  <c:v>98.903851367223865</c:v>
                </c:pt>
                <c:pt idx="785">
                  <c:v>98.900641203082458</c:v>
                </c:pt>
                <c:pt idx="786">
                  <c:v>98.897431038941065</c:v>
                </c:pt>
                <c:pt idx="787">
                  <c:v>98.893771995915486</c:v>
                </c:pt>
                <c:pt idx="788">
                  <c:v>98.890099350499455</c:v>
                </c:pt>
                <c:pt idx="789">
                  <c:v>98.886440307473876</c:v>
                </c:pt>
                <c:pt idx="790">
                  <c:v>98.882781264448283</c:v>
                </c:pt>
                <c:pt idx="791">
                  <c:v>98.87910861903228</c:v>
                </c:pt>
                <c:pt idx="792">
                  <c:v>98.875912057281298</c:v>
                </c:pt>
                <c:pt idx="793">
                  <c:v>98.873150772024061</c:v>
                </c:pt>
                <c:pt idx="794">
                  <c:v>98.869954210273093</c:v>
                </c:pt>
                <c:pt idx="795">
                  <c:v>98.8667440461317</c:v>
                </c:pt>
                <c:pt idx="796">
                  <c:v>98.863533881990278</c:v>
                </c:pt>
                <c:pt idx="797">
                  <c:v>98.86033732023931</c:v>
                </c:pt>
                <c:pt idx="798">
                  <c:v>98.856664674823293</c:v>
                </c:pt>
                <c:pt idx="799">
                  <c:v>98.853454510681885</c:v>
                </c:pt>
                <c:pt idx="800">
                  <c:v>98.850257948930917</c:v>
                </c:pt>
                <c:pt idx="801">
                  <c:v>98.847047784789495</c:v>
                </c:pt>
                <c:pt idx="802">
                  <c:v>98.843388741763931</c:v>
                </c:pt>
                <c:pt idx="803">
                  <c:v>98.839716096347914</c:v>
                </c:pt>
                <c:pt idx="804">
                  <c:v>98.836505932206492</c:v>
                </c:pt>
                <c:pt idx="805">
                  <c:v>98.833309370455538</c:v>
                </c:pt>
                <c:pt idx="806">
                  <c:v>98.830099206314102</c:v>
                </c:pt>
                <c:pt idx="807">
                  <c:v>98.826440163288538</c:v>
                </c:pt>
                <c:pt idx="808">
                  <c:v>98.823229999147131</c:v>
                </c:pt>
                <c:pt idx="809">
                  <c:v>98.820019835005724</c:v>
                </c:pt>
                <c:pt idx="810">
                  <c:v>98.816360791980145</c:v>
                </c:pt>
                <c:pt idx="811">
                  <c:v>98.812688146564128</c:v>
                </c:pt>
                <c:pt idx="812">
                  <c:v>98.809029103538535</c:v>
                </c:pt>
                <c:pt idx="813">
                  <c:v>98.805818939397128</c:v>
                </c:pt>
                <c:pt idx="814">
                  <c:v>98.80260877525572</c:v>
                </c:pt>
                <c:pt idx="815">
                  <c:v>98.798949732230142</c:v>
                </c:pt>
                <c:pt idx="816">
                  <c:v>98.795290689204549</c:v>
                </c:pt>
                <c:pt idx="817">
                  <c:v>98.79161804378856</c:v>
                </c:pt>
                <c:pt idx="818">
                  <c:v>98.787959000762953</c:v>
                </c:pt>
                <c:pt idx="819">
                  <c:v>98.783837476462764</c:v>
                </c:pt>
                <c:pt idx="820">
                  <c:v>98.780164831046761</c:v>
                </c:pt>
                <c:pt idx="821">
                  <c:v>98.776505788021154</c:v>
                </c:pt>
                <c:pt idx="822">
                  <c:v>98.772384263720966</c:v>
                </c:pt>
                <c:pt idx="823">
                  <c:v>98.768262739420777</c:v>
                </c:pt>
                <c:pt idx="824">
                  <c:v>98.76459009400476</c:v>
                </c:pt>
                <c:pt idx="825">
                  <c:v>98.760468569704571</c:v>
                </c:pt>
                <c:pt idx="826">
                  <c:v>98.756809526678978</c:v>
                </c:pt>
                <c:pt idx="827">
                  <c:v>98.75268800237879</c:v>
                </c:pt>
                <c:pt idx="828">
                  <c:v>98.749015356962772</c:v>
                </c:pt>
                <c:pt idx="829">
                  <c:v>98.744893832662584</c:v>
                </c:pt>
                <c:pt idx="830">
                  <c:v>98.741234789636977</c:v>
                </c:pt>
                <c:pt idx="831">
                  <c:v>98.737113265336802</c:v>
                </c:pt>
                <c:pt idx="832">
                  <c:v>98.732991741036599</c:v>
                </c:pt>
                <c:pt idx="833">
                  <c:v>98.728870216736425</c:v>
                </c:pt>
                <c:pt idx="834">
                  <c:v>98.724748692436208</c:v>
                </c:pt>
                <c:pt idx="835">
                  <c:v>98.72107604702019</c:v>
                </c:pt>
                <c:pt idx="836">
                  <c:v>98.716954522720002</c:v>
                </c:pt>
                <c:pt idx="837">
                  <c:v>98.713295479694423</c:v>
                </c:pt>
                <c:pt idx="838">
                  <c:v>98.709622834278406</c:v>
                </c:pt>
                <c:pt idx="839">
                  <c:v>98.705501309978203</c:v>
                </c:pt>
                <c:pt idx="840">
                  <c:v>98.701379785678029</c:v>
                </c:pt>
                <c:pt idx="841">
                  <c:v>98.697720742652422</c:v>
                </c:pt>
                <c:pt idx="842">
                  <c:v>98.693599218352247</c:v>
                </c:pt>
                <c:pt idx="843">
                  <c:v>98.68947769405203</c:v>
                </c:pt>
                <c:pt idx="844">
                  <c:v>98.685356169751842</c:v>
                </c:pt>
                <c:pt idx="845">
                  <c:v>98.681683524335824</c:v>
                </c:pt>
                <c:pt idx="846">
                  <c:v>98.677562000035635</c:v>
                </c:pt>
                <c:pt idx="847">
                  <c:v>98.673902957010043</c:v>
                </c:pt>
                <c:pt idx="848">
                  <c:v>98.670230311594025</c:v>
                </c:pt>
                <c:pt idx="849">
                  <c:v>98.666571268568447</c:v>
                </c:pt>
                <c:pt idx="850">
                  <c:v>98.662912225542883</c:v>
                </c:pt>
                <c:pt idx="851">
                  <c:v>98.659239580126851</c:v>
                </c:pt>
                <c:pt idx="852">
                  <c:v>98.655580537101258</c:v>
                </c:pt>
                <c:pt idx="853">
                  <c:v>98.65145901280107</c:v>
                </c:pt>
                <c:pt idx="854">
                  <c:v>98.647786367385066</c:v>
                </c:pt>
                <c:pt idx="855">
                  <c:v>98.643664843084863</c:v>
                </c:pt>
                <c:pt idx="856">
                  <c:v>98.639543318784675</c:v>
                </c:pt>
                <c:pt idx="857">
                  <c:v>98.635421794484486</c:v>
                </c:pt>
                <c:pt idx="858">
                  <c:v>98.631762751458893</c:v>
                </c:pt>
                <c:pt idx="859">
                  <c:v>98.627641227158705</c:v>
                </c:pt>
                <c:pt idx="860">
                  <c:v>98.623506100468077</c:v>
                </c:pt>
                <c:pt idx="861">
                  <c:v>98.619384576167874</c:v>
                </c:pt>
                <c:pt idx="862">
                  <c:v>98.615263051867686</c:v>
                </c:pt>
                <c:pt idx="863">
                  <c:v>98.611141527567497</c:v>
                </c:pt>
                <c:pt idx="864">
                  <c:v>98.607482484541904</c:v>
                </c:pt>
                <c:pt idx="865">
                  <c:v>98.603809839125887</c:v>
                </c:pt>
                <c:pt idx="866">
                  <c:v>98.599688314825713</c:v>
                </c:pt>
                <c:pt idx="867">
                  <c:v>98.595566790525496</c:v>
                </c:pt>
                <c:pt idx="868">
                  <c:v>98.590996387341136</c:v>
                </c:pt>
                <c:pt idx="869">
                  <c:v>98.586861260650508</c:v>
                </c:pt>
                <c:pt idx="870">
                  <c:v>98.58229085746612</c:v>
                </c:pt>
                <c:pt idx="871">
                  <c:v>98.578169333165931</c:v>
                </c:pt>
                <c:pt idx="872">
                  <c:v>98.574047808865757</c:v>
                </c:pt>
                <c:pt idx="873">
                  <c:v>98.569463803290944</c:v>
                </c:pt>
                <c:pt idx="874">
                  <c:v>98.564879797716131</c:v>
                </c:pt>
                <c:pt idx="875">
                  <c:v>98.560758273415956</c:v>
                </c:pt>
                <c:pt idx="876">
                  <c:v>98.556174267841143</c:v>
                </c:pt>
                <c:pt idx="877">
                  <c:v>98.551590262266345</c:v>
                </c:pt>
                <c:pt idx="878">
                  <c:v>98.547019859081956</c:v>
                </c:pt>
                <c:pt idx="879">
                  <c:v>98.542898334781768</c:v>
                </c:pt>
                <c:pt idx="880">
                  <c:v>98.538776810481579</c:v>
                </c:pt>
                <c:pt idx="881">
                  <c:v>98.534192804906766</c:v>
                </c:pt>
                <c:pt idx="882">
                  <c:v>98.529608799331953</c:v>
                </c:pt>
                <c:pt idx="883">
                  <c:v>98.525024793757154</c:v>
                </c:pt>
                <c:pt idx="884">
                  <c:v>98.52045439057278</c:v>
                </c:pt>
                <c:pt idx="885">
                  <c:v>98.516319263882167</c:v>
                </c:pt>
                <c:pt idx="886">
                  <c:v>98.511748860697779</c:v>
                </c:pt>
                <c:pt idx="887">
                  <c:v>98.50670237384837</c:v>
                </c:pt>
                <c:pt idx="888">
                  <c:v>98.50213197066401</c:v>
                </c:pt>
                <c:pt idx="889">
                  <c:v>98.497547965089197</c:v>
                </c:pt>
                <c:pt idx="890">
                  <c:v>98.492963959514384</c:v>
                </c:pt>
                <c:pt idx="891">
                  <c:v>98.488379953939585</c:v>
                </c:pt>
                <c:pt idx="892">
                  <c:v>98.484258429639397</c:v>
                </c:pt>
                <c:pt idx="893">
                  <c:v>98.479674424064584</c:v>
                </c:pt>
                <c:pt idx="894">
                  <c:v>98.475552899764395</c:v>
                </c:pt>
                <c:pt idx="895">
                  <c:v>98.470982496580021</c:v>
                </c:pt>
                <c:pt idx="896">
                  <c:v>98.466398491005208</c:v>
                </c:pt>
                <c:pt idx="897">
                  <c:v>98.461814485430395</c:v>
                </c:pt>
                <c:pt idx="898">
                  <c:v>98.456781600971439</c:v>
                </c:pt>
                <c:pt idx="899">
                  <c:v>98.451735114122016</c:v>
                </c:pt>
                <c:pt idx="900">
                  <c:v>98.447151108547217</c:v>
                </c:pt>
                <c:pt idx="901">
                  <c:v>98.442580705362843</c:v>
                </c:pt>
                <c:pt idx="902">
                  <c:v>98.43799669978803</c:v>
                </c:pt>
                <c:pt idx="903">
                  <c:v>98.433412694213231</c:v>
                </c:pt>
                <c:pt idx="904">
                  <c:v>98.428828688638418</c:v>
                </c:pt>
                <c:pt idx="905">
                  <c:v>98.424258285454059</c:v>
                </c:pt>
                <c:pt idx="906">
                  <c:v>98.41967427987926</c:v>
                </c:pt>
                <c:pt idx="907">
                  <c:v>98.415090274304447</c:v>
                </c:pt>
                <c:pt idx="908">
                  <c:v>98.410506268729634</c:v>
                </c:pt>
                <c:pt idx="909">
                  <c:v>98.405935865545274</c:v>
                </c:pt>
                <c:pt idx="910">
                  <c:v>98.401351859970461</c:v>
                </c:pt>
                <c:pt idx="911">
                  <c:v>98.396318975511477</c:v>
                </c:pt>
                <c:pt idx="912">
                  <c:v>98.391272488662068</c:v>
                </c:pt>
                <c:pt idx="913">
                  <c:v>98.386239604203084</c:v>
                </c:pt>
                <c:pt idx="914">
                  <c:v>98.381655598628299</c:v>
                </c:pt>
                <c:pt idx="915">
                  <c:v>98.376609111778876</c:v>
                </c:pt>
                <c:pt idx="916">
                  <c:v>98.371576227319878</c:v>
                </c:pt>
                <c:pt idx="917">
                  <c:v>98.366543342860908</c:v>
                </c:pt>
                <c:pt idx="918">
                  <c:v>98.361959337286109</c:v>
                </c:pt>
                <c:pt idx="919">
                  <c:v>98.3569128504367</c:v>
                </c:pt>
                <c:pt idx="920">
                  <c:v>98.351417484703092</c:v>
                </c:pt>
                <c:pt idx="921">
                  <c:v>98.346384600244122</c:v>
                </c:pt>
                <c:pt idx="922">
                  <c:v>98.341338113394698</c:v>
                </c:pt>
                <c:pt idx="923">
                  <c:v>98.3363052289357</c:v>
                </c:pt>
                <c:pt idx="924">
                  <c:v>98.331721223360901</c:v>
                </c:pt>
                <c:pt idx="925">
                  <c:v>98.326688338901931</c:v>
                </c:pt>
                <c:pt idx="926">
                  <c:v>98.322104333327147</c:v>
                </c:pt>
                <c:pt idx="927">
                  <c:v>98.317071448868148</c:v>
                </c:pt>
                <c:pt idx="928">
                  <c:v>98.312487443293335</c:v>
                </c:pt>
                <c:pt idx="929">
                  <c:v>98.307454558834351</c:v>
                </c:pt>
                <c:pt idx="930">
                  <c:v>98.302408071984942</c:v>
                </c:pt>
                <c:pt idx="931">
                  <c:v>98.297375187525958</c:v>
                </c:pt>
                <c:pt idx="932">
                  <c:v>98.292328700676549</c:v>
                </c:pt>
                <c:pt idx="933">
                  <c:v>98.286833334942969</c:v>
                </c:pt>
                <c:pt idx="934">
                  <c:v>98.281800450483971</c:v>
                </c:pt>
                <c:pt idx="935">
                  <c:v>98.276305084750376</c:v>
                </c:pt>
                <c:pt idx="936">
                  <c:v>98.271258597900953</c:v>
                </c:pt>
                <c:pt idx="937">
                  <c:v>98.266674592326154</c:v>
                </c:pt>
                <c:pt idx="938">
                  <c:v>98.26164170786717</c:v>
                </c:pt>
                <c:pt idx="939">
                  <c:v>98.256608823408186</c:v>
                </c:pt>
                <c:pt idx="940">
                  <c:v>98.251562336558777</c:v>
                </c:pt>
                <c:pt idx="941">
                  <c:v>98.246529452099793</c:v>
                </c:pt>
                <c:pt idx="942">
                  <c:v>98.241482965250384</c:v>
                </c:pt>
                <c:pt idx="943">
                  <c:v>98.236450080791414</c:v>
                </c:pt>
                <c:pt idx="944">
                  <c:v>98.230954715057806</c:v>
                </c:pt>
                <c:pt idx="945">
                  <c:v>98.225908228208397</c:v>
                </c:pt>
                <c:pt idx="946">
                  <c:v>98.220412862474788</c:v>
                </c:pt>
                <c:pt idx="947">
                  <c:v>98.215379978015818</c:v>
                </c:pt>
                <c:pt idx="948">
                  <c:v>98.210795972441005</c:v>
                </c:pt>
                <c:pt idx="949">
                  <c:v>98.205763087982021</c:v>
                </c:pt>
                <c:pt idx="950">
                  <c:v>98.200716601132626</c:v>
                </c:pt>
                <c:pt idx="951">
                  <c:v>98.195683716673628</c:v>
                </c:pt>
                <c:pt idx="952">
                  <c:v>98.190188350940034</c:v>
                </c:pt>
                <c:pt idx="953">
                  <c:v>98.185141864090639</c:v>
                </c:pt>
                <c:pt idx="954">
                  <c:v>98.17964649835703</c:v>
                </c:pt>
                <c:pt idx="955">
                  <c:v>98.17461361389806</c:v>
                </c:pt>
                <c:pt idx="956">
                  <c:v>98.16911824816448</c:v>
                </c:pt>
                <c:pt idx="957">
                  <c:v>98.164071761315043</c:v>
                </c:pt>
                <c:pt idx="958">
                  <c:v>98.159038876856059</c:v>
                </c:pt>
                <c:pt idx="959">
                  <c:v>98.153992390006636</c:v>
                </c:pt>
                <c:pt idx="960">
                  <c:v>98.14895950554768</c:v>
                </c:pt>
                <c:pt idx="961">
                  <c:v>98.143464139814071</c:v>
                </c:pt>
                <c:pt idx="962">
                  <c:v>98.138417652964662</c:v>
                </c:pt>
                <c:pt idx="963">
                  <c:v>98.133384768505678</c:v>
                </c:pt>
                <c:pt idx="964">
                  <c:v>98.127889402772084</c:v>
                </c:pt>
                <c:pt idx="965">
                  <c:v>98.122842915922675</c:v>
                </c:pt>
                <c:pt idx="966">
                  <c:v>98.117810031463677</c:v>
                </c:pt>
                <c:pt idx="967">
                  <c:v>98.112314665730096</c:v>
                </c:pt>
                <c:pt idx="968">
                  <c:v>98.107268178880673</c:v>
                </c:pt>
                <c:pt idx="969">
                  <c:v>98.102235294421718</c:v>
                </c:pt>
                <c:pt idx="970">
                  <c:v>98.097202409962719</c:v>
                </c:pt>
                <c:pt idx="971">
                  <c:v>98.092155923113296</c:v>
                </c:pt>
                <c:pt idx="972">
                  <c:v>98.087123038654312</c:v>
                </c:pt>
                <c:pt idx="973">
                  <c:v>98.081627672920717</c:v>
                </c:pt>
                <c:pt idx="974">
                  <c:v>98.076118704796698</c:v>
                </c:pt>
                <c:pt idx="975">
                  <c:v>98.070174460178933</c:v>
                </c:pt>
                <c:pt idx="976">
                  <c:v>98.064679094445339</c:v>
                </c:pt>
                <c:pt idx="977">
                  <c:v>98.058721247437148</c:v>
                </c:pt>
                <c:pt idx="978">
                  <c:v>98.053225881703554</c:v>
                </c:pt>
                <c:pt idx="979">
                  <c:v>98.047268034695335</c:v>
                </c:pt>
                <c:pt idx="980">
                  <c:v>98.041772668961741</c:v>
                </c:pt>
                <c:pt idx="981">
                  <c:v>98.036277303228175</c:v>
                </c:pt>
                <c:pt idx="982">
                  <c:v>98.030781937494567</c:v>
                </c:pt>
                <c:pt idx="983">
                  <c:v>98.025286571760972</c:v>
                </c:pt>
                <c:pt idx="984">
                  <c:v>98.019328724752782</c:v>
                </c:pt>
                <c:pt idx="985">
                  <c:v>98.013833359019173</c:v>
                </c:pt>
                <c:pt idx="986">
                  <c:v>98.008337993285593</c:v>
                </c:pt>
                <c:pt idx="987">
                  <c:v>98.002829025161574</c:v>
                </c:pt>
                <c:pt idx="988">
                  <c:v>97.996884780543795</c:v>
                </c:pt>
                <c:pt idx="989">
                  <c:v>97.990926933535576</c:v>
                </c:pt>
                <c:pt idx="990">
                  <c:v>97.9849690865274</c:v>
                </c:pt>
                <c:pt idx="991">
                  <c:v>97.979473720793806</c:v>
                </c:pt>
                <c:pt idx="992">
                  <c:v>97.973515873785601</c:v>
                </c:pt>
                <c:pt idx="993">
                  <c:v>97.967558026777397</c:v>
                </c:pt>
                <c:pt idx="994">
                  <c:v>97.962062661043788</c:v>
                </c:pt>
                <c:pt idx="995">
                  <c:v>97.956118416426037</c:v>
                </c:pt>
                <c:pt idx="996">
                  <c:v>97.950609448302004</c:v>
                </c:pt>
                <c:pt idx="997">
                  <c:v>97.944665203684238</c:v>
                </c:pt>
                <c:pt idx="998">
                  <c:v>97.938707356676034</c:v>
                </c:pt>
                <c:pt idx="999">
                  <c:v>97.933211990942453</c:v>
                </c:pt>
                <c:pt idx="1000">
                  <c:v>97.927254143934235</c:v>
                </c:pt>
                <c:pt idx="1001">
                  <c:v>97.922221259475251</c:v>
                </c:pt>
                <c:pt idx="1002">
                  <c:v>97.916725893741656</c:v>
                </c:pt>
                <c:pt idx="1003">
                  <c:v>97.911216925617651</c:v>
                </c:pt>
                <c:pt idx="1004">
                  <c:v>97.905272680999872</c:v>
                </c:pt>
                <c:pt idx="1005">
                  <c:v>97.899777315266277</c:v>
                </c:pt>
                <c:pt idx="1006">
                  <c:v>97.893819468258073</c:v>
                </c:pt>
                <c:pt idx="1007">
                  <c:v>97.887861621249868</c:v>
                </c:pt>
                <c:pt idx="1008">
                  <c:v>97.881903774241678</c:v>
                </c:pt>
                <c:pt idx="1009">
                  <c:v>97.875945927233474</c:v>
                </c:pt>
                <c:pt idx="1010">
                  <c:v>97.870001682615694</c:v>
                </c:pt>
                <c:pt idx="1011">
                  <c:v>97.86404383560749</c:v>
                </c:pt>
                <c:pt idx="1012">
                  <c:v>97.858085988599285</c:v>
                </c:pt>
                <c:pt idx="1013">
                  <c:v>97.852590622865705</c:v>
                </c:pt>
                <c:pt idx="1014">
                  <c:v>97.846632775857501</c:v>
                </c:pt>
                <c:pt idx="1015">
                  <c:v>97.840674928849296</c:v>
                </c:pt>
                <c:pt idx="1016">
                  <c:v>97.835179563115702</c:v>
                </c:pt>
                <c:pt idx="1017">
                  <c:v>97.829684197382122</c:v>
                </c:pt>
                <c:pt idx="1018">
                  <c:v>97.823726350373917</c:v>
                </c:pt>
                <c:pt idx="1019">
                  <c:v>97.818230984640309</c:v>
                </c:pt>
                <c:pt idx="1020">
                  <c:v>97.812286740022543</c:v>
                </c:pt>
                <c:pt idx="1021">
                  <c:v>97.806328893014339</c:v>
                </c:pt>
                <c:pt idx="1022">
                  <c:v>97.800371046006134</c:v>
                </c:pt>
                <c:pt idx="1023">
                  <c:v>97.794413198997944</c:v>
                </c:pt>
                <c:pt idx="1024">
                  <c:v>97.788455351989739</c:v>
                </c:pt>
                <c:pt idx="1025">
                  <c:v>97.782959986256131</c:v>
                </c:pt>
                <c:pt idx="1026">
                  <c:v>97.77701574163838</c:v>
                </c:pt>
                <c:pt idx="1027">
                  <c:v>97.771057894630161</c:v>
                </c:pt>
                <c:pt idx="1028">
                  <c:v>97.765100047621971</c:v>
                </c:pt>
                <c:pt idx="1029">
                  <c:v>97.759142200613766</c:v>
                </c:pt>
                <c:pt idx="1030">
                  <c:v>97.752735474721391</c:v>
                </c:pt>
                <c:pt idx="1031">
                  <c:v>97.746777627713172</c:v>
                </c:pt>
                <c:pt idx="1032">
                  <c:v>97.740819780704996</c:v>
                </c:pt>
                <c:pt idx="1033">
                  <c:v>97.734861933696777</c:v>
                </c:pt>
                <c:pt idx="1034">
                  <c:v>97.728455207804402</c:v>
                </c:pt>
                <c:pt idx="1035">
                  <c:v>97.722048481912026</c:v>
                </c:pt>
                <c:pt idx="1036">
                  <c:v>97.716090634903807</c:v>
                </c:pt>
                <c:pt idx="1037">
                  <c:v>97.710132787895617</c:v>
                </c:pt>
                <c:pt idx="1038">
                  <c:v>97.703726062003227</c:v>
                </c:pt>
                <c:pt idx="1039">
                  <c:v>97.697768214995023</c:v>
                </c:pt>
                <c:pt idx="1040">
                  <c:v>97.691810367986832</c:v>
                </c:pt>
                <c:pt idx="1041">
                  <c:v>97.685852520978628</c:v>
                </c:pt>
                <c:pt idx="1042">
                  <c:v>97.679445795086252</c:v>
                </c:pt>
                <c:pt idx="1043">
                  <c:v>97.673487948078048</c:v>
                </c:pt>
                <c:pt idx="1044">
                  <c:v>97.667530101069858</c:v>
                </c:pt>
                <c:pt idx="1045">
                  <c:v>97.661572254061639</c:v>
                </c:pt>
                <c:pt idx="1046">
                  <c:v>97.655628009443888</c:v>
                </c:pt>
                <c:pt idx="1047">
                  <c:v>97.649670162435669</c:v>
                </c:pt>
                <c:pt idx="1048">
                  <c:v>97.643712315427464</c:v>
                </c:pt>
                <c:pt idx="1049">
                  <c:v>97.637305589535075</c:v>
                </c:pt>
                <c:pt idx="1050">
                  <c:v>97.631347742526899</c:v>
                </c:pt>
                <c:pt idx="1051">
                  <c:v>97.62492741424407</c:v>
                </c:pt>
                <c:pt idx="1052">
                  <c:v>97.618520688351694</c:v>
                </c:pt>
                <c:pt idx="1053">
                  <c:v>97.61256284134349</c:v>
                </c:pt>
                <c:pt idx="1054">
                  <c:v>97.6061561154511</c:v>
                </c:pt>
                <c:pt idx="1055">
                  <c:v>97.599735787168299</c:v>
                </c:pt>
                <c:pt idx="1056">
                  <c:v>97.593777940160081</c:v>
                </c:pt>
                <c:pt idx="1057">
                  <c:v>97.587371214267705</c:v>
                </c:pt>
                <c:pt idx="1058">
                  <c:v>97.581413367259515</c:v>
                </c:pt>
                <c:pt idx="1059">
                  <c:v>97.575006641367125</c:v>
                </c:pt>
                <c:pt idx="1060">
                  <c:v>97.56904879435892</c:v>
                </c:pt>
                <c:pt idx="1061">
                  <c:v>97.562642068466545</c:v>
                </c:pt>
                <c:pt idx="1062">
                  <c:v>97.55622174018373</c:v>
                </c:pt>
                <c:pt idx="1063">
                  <c:v>97.549815014291369</c:v>
                </c:pt>
                <c:pt idx="1064">
                  <c:v>97.54339468600854</c:v>
                </c:pt>
                <c:pt idx="1065">
                  <c:v>97.536525478841554</c:v>
                </c:pt>
                <c:pt idx="1066">
                  <c:v>97.529656271674568</c:v>
                </c:pt>
                <c:pt idx="1067">
                  <c:v>97.52323594339174</c:v>
                </c:pt>
                <c:pt idx="1068">
                  <c:v>97.516829217499378</c:v>
                </c:pt>
                <c:pt idx="1069">
                  <c:v>97.509960010332378</c:v>
                </c:pt>
                <c:pt idx="1070">
                  <c:v>97.503090803165378</c:v>
                </c:pt>
                <c:pt idx="1071">
                  <c:v>97.496221595998392</c:v>
                </c:pt>
                <c:pt idx="1072">
                  <c:v>97.489801267715578</c:v>
                </c:pt>
                <c:pt idx="1073">
                  <c:v>97.482932060548606</c:v>
                </c:pt>
                <c:pt idx="1074">
                  <c:v>97.476525334656202</c:v>
                </c:pt>
                <c:pt idx="1075">
                  <c:v>97.470105006373402</c:v>
                </c:pt>
                <c:pt idx="1076">
                  <c:v>97.465072121914417</c:v>
                </c:pt>
                <c:pt idx="1077">
                  <c:v>97.458202914747432</c:v>
                </c:pt>
                <c:pt idx="1078">
                  <c:v>97.451320105190007</c:v>
                </c:pt>
                <c:pt idx="1079">
                  <c:v>97.445375860572227</c:v>
                </c:pt>
                <c:pt idx="1080">
                  <c:v>97.439418013564023</c:v>
                </c:pt>
                <c:pt idx="1081">
                  <c:v>97.433460166555832</c:v>
                </c:pt>
                <c:pt idx="1082">
                  <c:v>97.427502319547628</c:v>
                </c:pt>
                <c:pt idx="1083">
                  <c:v>97.421095593655238</c:v>
                </c:pt>
                <c:pt idx="1084">
                  <c:v>97.415137746647048</c:v>
                </c:pt>
                <c:pt idx="1085">
                  <c:v>97.408731020754658</c:v>
                </c:pt>
                <c:pt idx="1086">
                  <c:v>97.402310692471843</c:v>
                </c:pt>
                <c:pt idx="1087">
                  <c:v>97.395903966579482</c:v>
                </c:pt>
                <c:pt idx="1088">
                  <c:v>97.389946119571277</c:v>
                </c:pt>
                <c:pt idx="1089">
                  <c:v>97.383525791288463</c:v>
                </c:pt>
                <c:pt idx="1090">
                  <c:v>97.377581546670683</c:v>
                </c:pt>
                <c:pt idx="1091">
                  <c:v>97.371623699662479</c:v>
                </c:pt>
                <c:pt idx="1092">
                  <c:v>97.365203371379678</c:v>
                </c:pt>
                <c:pt idx="1093">
                  <c:v>97.358796645487303</c:v>
                </c:pt>
                <c:pt idx="1094">
                  <c:v>97.352389919594913</c:v>
                </c:pt>
                <c:pt idx="1095">
                  <c:v>97.345969591312098</c:v>
                </c:pt>
                <c:pt idx="1096">
                  <c:v>97.339562865419708</c:v>
                </c:pt>
                <c:pt idx="1097">
                  <c:v>97.333142537136908</c:v>
                </c:pt>
                <c:pt idx="1098">
                  <c:v>97.326735811244518</c:v>
                </c:pt>
                <c:pt idx="1099">
                  <c:v>97.319866604077518</c:v>
                </c:pt>
                <c:pt idx="1100">
                  <c:v>97.312983794520107</c:v>
                </c:pt>
                <c:pt idx="1101">
                  <c:v>97.30474074591973</c:v>
                </c:pt>
                <c:pt idx="1102">
                  <c:v>97.29833402002734</c:v>
                </c:pt>
                <c:pt idx="1103">
                  <c:v>97.29146481286034</c:v>
                </c:pt>
                <c:pt idx="1104">
                  <c:v>97.284133124418744</c:v>
                </c:pt>
                <c:pt idx="1105">
                  <c:v>97.276801435977163</c:v>
                </c:pt>
                <c:pt idx="1106">
                  <c:v>97.269469747535538</c:v>
                </c:pt>
                <c:pt idx="1107">
                  <c:v>97.262151661484381</c:v>
                </c:pt>
                <c:pt idx="1108">
                  <c:v>97.2548199730428</c:v>
                </c:pt>
                <c:pt idx="1109">
                  <c:v>97.247488284601189</c:v>
                </c:pt>
                <c:pt idx="1110">
                  <c:v>97.240619077434204</c:v>
                </c:pt>
                <c:pt idx="1111">
                  <c:v>97.233287388992579</c:v>
                </c:pt>
                <c:pt idx="1112">
                  <c:v>97.226418181825608</c:v>
                </c:pt>
                <c:pt idx="1113">
                  <c:v>97.219548974658622</c:v>
                </c:pt>
                <c:pt idx="1114">
                  <c:v>97.212217286217012</c:v>
                </c:pt>
                <c:pt idx="1115">
                  <c:v>97.205348079050026</c:v>
                </c:pt>
                <c:pt idx="1116">
                  <c:v>97.198478871883026</c:v>
                </c:pt>
                <c:pt idx="1117">
                  <c:v>97.19160966471604</c:v>
                </c:pt>
                <c:pt idx="1118">
                  <c:v>97.184277976274444</c:v>
                </c:pt>
                <c:pt idx="1119">
                  <c:v>97.177408769107458</c:v>
                </c:pt>
                <c:pt idx="1120">
                  <c:v>97.170525959550019</c:v>
                </c:pt>
                <c:pt idx="1121">
                  <c:v>97.163656752383048</c:v>
                </c:pt>
                <c:pt idx="1122">
                  <c:v>97.156338666331862</c:v>
                </c:pt>
                <c:pt idx="1123">
                  <c:v>97.149455856774452</c:v>
                </c:pt>
                <c:pt idx="1124">
                  <c:v>97.142586649607438</c:v>
                </c:pt>
                <c:pt idx="1125">
                  <c:v>97.135254961165856</c:v>
                </c:pt>
                <c:pt idx="1126">
                  <c:v>97.127936875114685</c:v>
                </c:pt>
                <c:pt idx="1127">
                  <c:v>97.121067667947685</c:v>
                </c:pt>
                <c:pt idx="1128">
                  <c:v>97.11418485839026</c:v>
                </c:pt>
                <c:pt idx="1129">
                  <c:v>97.106866772339103</c:v>
                </c:pt>
                <c:pt idx="1130">
                  <c:v>97.099535083897493</c:v>
                </c:pt>
                <c:pt idx="1131">
                  <c:v>97.092665876730507</c:v>
                </c:pt>
                <c:pt idx="1132">
                  <c:v>97.085334188288925</c:v>
                </c:pt>
                <c:pt idx="1133">
                  <c:v>97.078464981121911</c:v>
                </c:pt>
                <c:pt idx="1134">
                  <c:v>97.072044652839111</c:v>
                </c:pt>
                <c:pt idx="1135">
                  <c:v>97.065175445672125</c:v>
                </c:pt>
                <c:pt idx="1136">
                  <c:v>97.057843757230529</c:v>
                </c:pt>
                <c:pt idx="1137">
                  <c:v>97.050974550063529</c:v>
                </c:pt>
                <c:pt idx="1138">
                  <c:v>97.043642861621933</c:v>
                </c:pt>
                <c:pt idx="1139">
                  <c:v>97.036324775570762</c:v>
                </c:pt>
                <c:pt idx="1140">
                  <c:v>97.028993087129166</c:v>
                </c:pt>
                <c:pt idx="1141">
                  <c:v>97.021661398687556</c:v>
                </c:pt>
                <c:pt idx="1142">
                  <c:v>97.01479219152057</c:v>
                </c:pt>
                <c:pt idx="1143">
                  <c:v>97.007460503078974</c:v>
                </c:pt>
                <c:pt idx="1144">
                  <c:v>97.000128814637378</c:v>
                </c:pt>
                <c:pt idx="1145">
                  <c:v>96.992797126195768</c:v>
                </c:pt>
                <c:pt idx="1146">
                  <c:v>96.985016558869987</c:v>
                </c:pt>
                <c:pt idx="1147">
                  <c:v>96.977684870428376</c:v>
                </c:pt>
                <c:pt idx="1148">
                  <c:v>96.970353181986781</c:v>
                </c:pt>
                <c:pt idx="1149">
                  <c:v>96.963483974819809</c:v>
                </c:pt>
                <c:pt idx="1150">
                  <c:v>96.956152286378199</c:v>
                </c:pt>
                <c:pt idx="1151">
                  <c:v>96.949283079211213</c:v>
                </c:pt>
                <c:pt idx="1152">
                  <c:v>96.941964993160042</c:v>
                </c:pt>
                <c:pt idx="1153">
                  <c:v>96.934170823443822</c:v>
                </c:pt>
                <c:pt idx="1154">
                  <c:v>96.927301616276836</c:v>
                </c:pt>
                <c:pt idx="1155">
                  <c:v>96.919507446560615</c:v>
                </c:pt>
                <c:pt idx="1156">
                  <c:v>96.912638239393644</c:v>
                </c:pt>
                <c:pt idx="1157">
                  <c:v>96.904857672067862</c:v>
                </c:pt>
                <c:pt idx="1158">
                  <c:v>96.897525983626267</c:v>
                </c:pt>
                <c:pt idx="1159">
                  <c:v>96.889282935025875</c:v>
                </c:pt>
                <c:pt idx="1160">
                  <c:v>96.881951246584279</c:v>
                </c:pt>
                <c:pt idx="1161">
                  <c:v>96.874170679258498</c:v>
                </c:pt>
                <c:pt idx="1162">
                  <c:v>96.866376509542278</c:v>
                </c:pt>
                <c:pt idx="1163">
                  <c:v>96.85859594221651</c:v>
                </c:pt>
                <c:pt idx="1164">
                  <c:v>96.8512642537749</c:v>
                </c:pt>
                <c:pt idx="1165">
                  <c:v>96.843021205174523</c:v>
                </c:pt>
                <c:pt idx="1166">
                  <c:v>96.835227035458288</c:v>
                </c:pt>
                <c:pt idx="1167">
                  <c:v>96.826983986857911</c:v>
                </c:pt>
                <c:pt idx="1168">
                  <c:v>96.81874093825752</c:v>
                </c:pt>
                <c:pt idx="1169">
                  <c:v>96.810946768541314</c:v>
                </c:pt>
                <c:pt idx="1170">
                  <c:v>96.803166201215532</c:v>
                </c:pt>
                <c:pt idx="1171">
                  <c:v>96.794923152615155</c:v>
                </c:pt>
                <c:pt idx="1172">
                  <c:v>96.787128982898935</c:v>
                </c:pt>
                <c:pt idx="1173">
                  <c:v>96.779348415573168</c:v>
                </c:pt>
                <c:pt idx="1174">
                  <c:v>96.771105366972776</c:v>
                </c:pt>
                <c:pt idx="1175">
                  <c:v>96.76284871598196</c:v>
                </c:pt>
                <c:pt idx="1176">
                  <c:v>96.754605667381568</c:v>
                </c:pt>
                <c:pt idx="1177">
                  <c:v>96.746825100055773</c:v>
                </c:pt>
                <c:pt idx="1178">
                  <c:v>96.739030930339567</c:v>
                </c:pt>
                <c:pt idx="1179">
                  <c:v>96.730787881739175</c:v>
                </c:pt>
                <c:pt idx="1180">
                  <c:v>96.722544833138784</c:v>
                </c:pt>
                <c:pt idx="1181">
                  <c:v>96.714764265813017</c:v>
                </c:pt>
                <c:pt idx="1182">
                  <c:v>96.7065076148222</c:v>
                </c:pt>
                <c:pt idx="1183">
                  <c:v>96.698264566221809</c:v>
                </c:pt>
                <c:pt idx="1184">
                  <c:v>96.690021517621418</c:v>
                </c:pt>
                <c:pt idx="1185">
                  <c:v>96.68177846902104</c:v>
                </c:pt>
                <c:pt idx="1186">
                  <c:v>96.673535420420649</c:v>
                </c:pt>
                <c:pt idx="1187">
                  <c:v>96.665292371820271</c:v>
                </c:pt>
                <c:pt idx="1188">
                  <c:v>96.656586841945241</c:v>
                </c:pt>
                <c:pt idx="1189">
                  <c:v>96.648343793344864</c:v>
                </c:pt>
                <c:pt idx="1190">
                  <c:v>96.640100744744487</c:v>
                </c:pt>
                <c:pt idx="1191">
                  <c:v>96.631395214869499</c:v>
                </c:pt>
                <c:pt idx="1192">
                  <c:v>96.622689684994484</c:v>
                </c:pt>
                <c:pt idx="1193">
                  <c:v>96.613984155119468</c:v>
                </c:pt>
                <c:pt idx="1194">
                  <c:v>96.60527862524448</c:v>
                </c:pt>
                <c:pt idx="1195">
                  <c:v>96.596124216485322</c:v>
                </c:pt>
                <c:pt idx="1196">
                  <c:v>96.58741868661032</c:v>
                </c:pt>
                <c:pt idx="1197">
                  <c:v>96.578250675460708</c:v>
                </c:pt>
                <c:pt idx="1198">
                  <c:v>96.569096266701521</c:v>
                </c:pt>
                <c:pt idx="1199">
                  <c:v>96.559479376667738</c:v>
                </c:pt>
                <c:pt idx="1200">
                  <c:v>96.550311365518127</c:v>
                </c:pt>
                <c:pt idx="1201">
                  <c:v>96.540694475484358</c:v>
                </c:pt>
                <c:pt idx="1202">
                  <c:v>96.531526464334732</c:v>
                </c:pt>
                <c:pt idx="1203">
                  <c:v>96.521909574300949</c:v>
                </c:pt>
                <c:pt idx="1204">
                  <c:v>96.512292684267166</c:v>
                </c:pt>
                <c:pt idx="1205">
                  <c:v>96.502675794233369</c:v>
                </c:pt>
                <c:pt idx="1206">
                  <c:v>96.493058904199586</c:v>
                </c:pt>
                <c:pt idx="1207">
                  <c:v>96.483442014165803</c:v>
                </c:pt>
                <c:pt idx="1208">
                  <c:v>96.473811521741595</c:v>
                </c:pt>
                <c:pt idx="1209">
                  <c:v>96.463745752823613</c:v>
                </c:pt>
                <c:pt idx="1210">
                  <c:v>96.45366638151522</c:v>
                </c:pt>
                <c:pt idx="1211">
                  <c:v>96.444049491481437</c:v>
                </c:pt>
                <c:pt idx="1212">
                  <c:v>96.433970120173043</c:v>
                </c:pt>
                <c:pt idx="1213">
                  <c:v>96.42389074886465</c:v>
                </c:pt>
                <c:pt idx="1214">
                  <c:v>96.413811377556243</c:v>
                </c:pt>
                <c:pt idx="1215">
                  <c:v>96.403732006247864</c:v>
                </c:pt>
                <c:pt idx="1216">
                  <c:v>96.393652634939457</c:v>
                </c:pt>
                <c:pt idx="1217">
                  <c:v>96.383124384746878</c:v>
                </c:pt>
                <c:pt idx="1218">
                  <c:v>96.373045013438485</c:v>
                </c:pt>
                <c:pt idx="1219">
                  <c:v>96.362503160855468</c:v>
                </c:pt>
                <c:pt idx="1220">
                  <c:v>96.351512429388293</c:v>
                </c:pt>
                <c:pt idx="1221">
                  <c:v>96.340984179195715</c:v>
                </c:pt>
                <c:pt idx="1222">
                  <c:v>96.330442326612712</c:v>
                </c:pt>
                <c:pt idx="1223">
                  <c:v>96.319914076420119</c:v>
                </c:pt>
                <c:pt idx="1224">
                  <c:v>96.30890974256252</c:v>
                </c:pt>
                <c:pt idx="1225">
                  <c:v>96.298381492369941</c:v>
                </c:pt>
                <c:pt idx="1226">
                  <c:v>96.287839639786938</c:v>
                </c:pt>
                <c:pt idx="1227">
                  <c:v>96.276848908319749</c:v>
                </c:pt>
                <c:pt idx="1228">
                  <c:v>96.26630705573676</c:v>
                </c:pt>
                <c:pt idx="1229">
                  <c:v>96.254867445385386</c:v>
                </c:pt>
                <c:pt idx="1230">
                  <c:v>96.243414232643588</c:v>
                </c:pt>
                <c:pt idx="1231">
                  <c:v>96.231049659743022</c:v>
                </c:pt>
                <c:pt idx="1232">
                  <c:v>96.218671484452003</c:v>
                </c:pt>
                <c:pt idx="1233">
                  <c:v>96.206769392826018</c:v>
                </c:pt>
                <c:pt idx="1234">
                  <c:v>96.194391217535014</c:v>
                </c:pt>
                <c:pt idx="1235">
                  <c:v>96.182489125909029</c:v>
                </c:pt>
                <c:pt idx="1236">
                  <c:v>96.170124553008449</c:v>
                </c:pt>
                <c:pt idx="1237">
                  <c:v>96.15820885899204</c:v>
                </c:pt>
                <c:pt idx="1238">
                  <c:v>96.14584428609146</c:v>
                </c:pt>
                <c:pt idx="1239">
                  <c:v>96.13301723191627</c:v>
                </c:pt>
                <c:pt idx="1240">
                  <c:v>96.119278817582284</c:v>
                </c:pt>
                <c:pt idx="1241">
                  <c:v>96.105989282132484</c:v>
                </c:pt>
                <c:pt idx="1242">
                  <c:v>96.092713349073108</c:v>
                </c:pt>
                <c:pt idx="1243">
                  <c:v>96.079423813623308</c:v>
                </c:pt>
                <c:pt idx="1244">
                  <c:v>96.067059240722728</c:v>
                </c:pt>
                <c:pt idx="1245">
                  <c:v>96.054694667822147</c:v>
                </c:pt>
                <c:pt idx="1246">
                  <c:v>96.040942651097737</c:v>
                </c:pt>
                <c:pt idx="1247">
                  <c:v>96.027204236763765</c:v>
                </c:pt>
                <c:pt idx="1248">
                  <c:v>96.013465822429765</c:v>
                </c:pt>
                <c:pt idx="1249">
                  <c:v>95.999713805705355</c:v>
                </c:pt>
                <c:pt idx="1250">
                  <c:v>95.985526512487198</c:v>
                </c:pt>
                <c:pt idx="1251">
                  <c:v>95.971774495762801</c:v>
                </c:pt>
                <c:pt idx="1252">
                  <c:v>95.957573600154205</c:v>
                </c:pt>
                <c:pt idx="1253">
                  <c:v>95.94337270454561</c:v>
                </c:pt>
                <c:pt idx="1254">
                  <c:v>95.928722930052828</c:v>
                </c:pt>
                <c:pt idx="1255">
                  <c:v>95.914522034444232</c:v>
                </c:pt>
                <c:pt idx="1256">
                  <c:v>95.90032113883565</c:v>
                </c:pt>
                <c:pt idx="1257">
                  <c:v>95.885657761952459</c:v>
                </c:pt>
                <c:pt idx="1258">
                  <c:v>95.870545506185081</c:v>
                </c:pt>
                <c:pt idx="1259">
                  <c:v>95.855433250417704</c:v>
                </c:pt>
                <c:pt idx="1260">
                  <c:v>95.839396032101092</c:v>
                </c:pt>
                <c:pt idx="1261">
                  <c:v>95.823372416174934</c:v>
                </c:pt>
                <c:pt idx="1262">
                  <c:v>95.806872716583726</c:v>
                </c:pt>
                <c:pt idx="1263">
                  <c:v>95.790386619382943</c:v>
                </c:pt>
                <c:pt idx="1264">
                  <c:v>95.77343804090755</c:v>
                </c:pt>
                <c:pt idx="1265">
                  <c:v>95.756951943706781</c:v>
                </c:pt>
                <c:pt idx="1266">
                  <c:v>95.740003365231402</c:v>
                </c:pt>
                <c:pt idx="1267">
                  <c:v>95.722129824206775</c:v>
                </c:pt>
                <c:pt idx="1268">
                  <c:v>95.704269885572614</c:v>
                </c:pt>
                <c:pt idx="1269">
                  <c:v>95.68594746566383</c:v>
                </c:pt>
                <c:pt idx="1270">
                  <c:v>95.666713685596264</c:v>
                </c:pt>
                <c:pt idx="1271">
                  <c:v>95.648391265687465</c:v>
                </c:pt>
                <c:pt idx="1272">
                  <c:v>95.62960636450407</c:v>
                </c:pt>
                <c:pt idx="1273">
                  <c:v>95.610372584436504</c:v>
                </c:pt>
                <c:pt idx="1274">
                  <c:v>95.590213841819718</c:v>
                </c:pt>
                <c:pt idx="1275">
                  <c:v>95.569592617928294</c:v>
                </c:pt>
                <c:pt idx="1276">
                  <c:v>95.549447477701946</c:v>
                </c:pt>
                <c:pt idx="1277">
                  <c:v>95.528377374926364</c:v>
                </c:pt>
                <c:pt idx="1278">
                  <c:v>95.507756151034968</c:v>
                </c:pt>
                <c:pt idx="1279">
                  <c:v>95.486237169375201</c:v>
                </c:pt>
                <c:pt idx="1280">
                  <c:v>95.463779622775803</c:v>
                </c:pt>
                <c:pt idx="1281">
                  <c:v>95.441335678566801</c:v>
                </c:pt>
                <c:pt idx="1282">
                  <c:v>95.418442855473643</c:v>
                </c:pt>
                <c:pt idx="1283">
                  <c:v>95.395985308874231</c:v>
                </c:pt>
                <c:pt idx="1284">
                  <c:v>95.373092485781086</c:v>
                </c:pt>
                <c:pt idx="1285">
                  <c:v>95.351559901730894</c:v>
                </c:pt>
                <c:pt idx="1286">
                  <c:v>95.328653476247311</c:v>
                </c:pt>
                <c:pt idx="1287">
                  <c:v>95.305747050763713</c:v>
                </c:pt>
                <c:pt idx="1288">
                  <c:v>95.282391746395945</c:v>
                </c:pt>
                <c:pt idx="1289">
                  <c:v>95.259036442028176</c:v>
                </c:pt>
                <c:pt idx="1290">
                  <c:v>95.234756175111187</c:v>
                </c:pt>
                <c:pt idx="1291">
                  <c:v>95.210475908194198</c:v>
                </c:pt>
                <c:pt idx="1292">
                  <c:v>95.185746762393038</c:v>
                </c:pt>
                <c:pt idx="1293">
                  <c:v>95.161004014201438</c:v>
                </c:pt>
                <c:pt idx="1294">
                  <c:v>95.136274868400278</c:v>
                </c:pt>
                <c:pt idx="1295">
                  <c:v>95.111069638934069</c:v>
                </c:pt>
                <c:pt idx="1296">
                  <c:v>95.084966651699517</c:v>
                </c:pt>
                <c:pt idx="1297">
                  <c:v>95.057476220641121</c:v>
                </c:pt>
                <c:pt idx="1298">
                  <c:v>95.029536910698539</c:v>
                </c:pt>
                <c:pt idx="1299">
                  <c:v>95.002060082030567</c:v>
                </c:pt>
                <c:pt idx="1300">
                  <c:v>94.974569650972185</c:v>
                </c:pt>
                <c:pt idx="1301">
                  <c:v>94.947541701188413</c:v>
                </c:pt>
                <c:pt idx="1302">
                  <c:v>94.91822854981244</c:v>
                </c:pt>
                <c:pt idx="1303">
                  <c:v>94.888452917161842</c:v>
                </c:pt>
                <c:pt idx="1304">
                  <c:v>94.858677284511288</c:v>
                </c:pt>
                <c:pt idx="1305">
                  <c:v>94.829826614409924</c:v>
                </c:pt>
                <c:pt idx="1306">
                  <c:v>94.799588500484717</c:v>
                </c:pt>
                <c:pt idx="1307">
                  <c:v>94.768901507675352</c:v>
                </c:pt>
                <c:pt idx="1308">
                  <c:v>94.737752033591377</c:v>
                </c:pt>
                <c:pt idx="1309">
                  <c:v>94.706602559507402</c:v>
                </c:pt>
                <c:pt idx="1310">
                  <c:v>94.67316788383124</c:v>
                </c:pt>
                <c:pt idx="1311">
                  <c:v>94.640182087039264</c:v>
                </c:pt>
                <c:pt idx="1312">
                  <c:v>94.606747411363088</c:v>
                </c:pt>
                <c:pt idx="1313">
                  <c:v>94.572387773137706</c:v>
                </c:pt>
                <c:pt idx="1314">
                  <c:v>94.537579256028138</c:v>
                </c:pt>
                <c:pt idx="1315">
                  <c:v>94.503682099077366</c:v>
                </c:pt>
                <c:pt idx="1316">
                  <c:v>94.469322460851984</c:v>
                </c:pt>
                <c:pt idx="1317">
                  <c:v>94.434513943742431</c:v>
                </c:pt>
                <c:pt idx="1318">
                  <c:v>94.398780464083643</c:v>
                </c:pt>
                <c:pt idx="1319">
                  <c:v>94.362598105540684</c:v>
                </c:pt>
                <c:pt idx="1320">
                  <c:v>94.325953265723101</c:v>
                </c:pt>
                <c:pt idx="1321">
                  <c:v>94.289308425905546</c:v>
                </c:pt>
                <c:pt idx="1322">
                  <c:v>94.252201104813352</c:v>
                </c:pt>
                <c:pt idx="1323">
                  <c:v>94.214644904837002</c:v>
                </c:pt>
                <c:pt idx="1324">
                  <c:v>94.176626223586041</c:v>
                </c:pt>
                <c:pt idx="1325">
                  <c:v>94.138145061060456</c:v>
                </c:pt>
                <c:pt idx="1326">
                  <c:v>94.09875253837609</c:v>
                </c:pt>
                <c:pt idx="1327">
                  <c:v>94.059822496966333</c:v>
                </c:pt>
                <c:pt idx="1328">
                  <c:v>94.020429974281967</c:v>
                </c:pt>
                <c:pt idx="1329">
                  <c:v>93.980112489048366</c:v>
                </c:pt>
                <c:pt idx="1330">
                  <c:v>93.939346124930609</c:v>
                </c:pt>
                <c:pt idx="1331">
                  <c:v>93.898117279538241</c:v>
                </c:pt>
                <c:pt idx="1332">
                  <c:v>93.856902036536297</c:v>
                </c:pt>
                <c:pt idx="1333">
                  <c:v>93.815210709869305</c:v>
                </c:pt>
                <c:pt idx="1334">
                  <c:v>93.773070504318156</c:v>
                </c:pt>
                <c:pt idx="1335">
                  <c:v>93.730467817492382</c:v>
                </c:pt>
                <c:pt idx="1336">
                  <c:v>93.687416251782423</c:v>
                </c:pt>
                <c:pt idx="1337">
                  <c:v>93.64481356495665</c:v>
                </c:pt>
                <c:pt idx="1338">
                  <c:v>93.60174839685628</c:v>
                </c:pt>
                <c:pt idx="1339">
                  <c:v>93.558696831146321</c:v>
                </c:pt>
                <c:pt idx="1340">
                  <c:v>93.516094144320547</c:v>
                </c:pt>
                <c:pt idx="1341">
                  <c:v>93.472580097335978</c:v>
                </c:pt>
                <c:pt idx="1342">
                  <c:v>93.429066050351423</c:v>
                </c:pt>
                <c:pt idx="1343">
                  <c:v>93.385089522092258</c:v>
                </c:pt>
                <c:pt idx="1344">
                  <c:v>93.342037956382299</c:v>
                </c:pt>
                <c:pt idx="1345">
                  <c:v>93.298510307007305</c:v>
                </c:pt>
                <c:pt idx="1346">
                  <c:v>93.254547381138565</c:v>
                </c:pt>
                <c:pt idx="1347">
                  <c:v>93.211019731763571</c:v>
                </c:pt>
                <c:pt idx="1348">
                  <c:v>93.167505684779002</c:v>
                </c:pt>
                <c:pt idx="1349">
                  <c:v>93.123991637794461</c:v>
                </c:pt>
                <c:pt idx="1350">
                  <c:v>93.080015109535296</c:v>
                </c:pt>
                <c:pt idx="1351">
                  <c:v>93.035589702391945</c:v>
                </c:pt>
                <c:pt idx="1352">
                  <c:v>92.991613174132766</c:v>
                </c:pt>
                <c:pt idx="1353">
                  <c:v>92.947174164598991</c:v>
                </c:pt>
                <c:pt idx="1354">
                  <c:v>92.90274875745564</c:v>
                </c:pt>
                <c:pt idx="1355">
                  <c:v>92.858309747921851</c:v>
                </c:pt>
                <c:pt idx="1356">
                  <c:v>92.814346822053125</c:v>
                </c:pt>
                <c:pt idx="1357">
                  <c:v>92.769907812519349</c:v>
                </c:pt>
                <c:pt idx="1358">
                  <c:v>92.725019924101375</c:v>
                </c:pt>
                <c:pt idx="1359">
                  <c:v>92.680580914567614</c:v>
                </c:pt>
                <c:pt idx="1360">
                  <c:v>92.635244147265468</c:v>
                </c:pt>
                <c:pt idx="1361">
                  <c:v>92.589893777572897</c:v>
                </c:pt>
                <c:pt idx="1362">
                  <c:v>92.545005889154936</c:v>
                </c:pt>
                <c:pt idx="1363">
                  <c:v>92.500566879621161</c:v>
                </c:pt>
                <c:pt idx="1364">
                  <c:v>92.4556789912032</c:v>
                </c:pt>
                <c:pt idx="1365">
                  <c:v>92.411239981669425</c:v>
                </c:pt>
                <c:pt idx="1366">
                  <c:v>92.366352093251464</c:v>
                </c:pt>
                <c:pt idx="1367">
                  <c:v>92.321464204833475</c:v>
                </c:pt>
                <c:pt idx="1368">
                  <c:v>92.276576316415543</c:v>
                </c:pt>
                <c:pt idx="1369">
                  <c:v>92.231688427997568</c:v>
                </c:pt>
                <c:pt idx="1370">
                  <c:v>92.186800539579622</c:v>
                </c:pt>
                <c:pt idx="1371">
                  <c:v>92.142361530045861</c:v>
                </c:pt>
                <c:pt idx="1372">
                  <c:v>92.097936122902496</c:v>
                </c:pt>
                <c:pt idx="1373">
                  <c:v>92.053034632094096</c:v>
                </c:pt>
                <c:pt idx="1374">
                  <c:v>92.00907170622537</c:v>
                </c:pt>
                <c:pt idx="1375">
                  <c:v>91.964632696691581</c:v>
                </c:pt>
                <c:pt idx="1376">
                  <c:v>91.92020728954823</c:v>
                </c:pt>
                <c:pt idx="1377">
                  <c:v>91.876230761289079</c:v>
                </c:pt>
                <c:pt idx="1378">
                  <c:v>91.832254233029914</c:v>
                </c:pt>
                <c:pt idx="1379">
                  <c:v>91.788740186045331</c:v>
                </c:pt>
                <c:pt idx="1380">
                  <c:v>91.745226139060762</c:v>
                </c:pt>
                <c:pt idx="1381">
                  <c:v>91.702160970960406</c:v>
                </c:pt>
                <c:pt idx="1382">
                  <c:v>91.658646923975837</c:v>
                </c:pt>
                <c:pt idx="1383">
                  <c:v>91.615132876991282</c:v>
                </c:pt>
                <c:pt idx="1384">
                  <c:v>91.572067708890899</c:v>
                </c:pt>
                <c:pt idx="1385">
                  <c:v>91.52947862445555</c:v>
                </c:pt>
                <c:pt idx="1386">
                  <c:v>91.486875937629762</c:v>
                </c:pt>
                <c:pt idx="1387">
                  <c:v>91.444273250804002</c:v>
                </c:pt>
                <c:pt idx="1388">
                  <c:v>91.402133045252839</c:v>
                </c:pt>
                <c:pt idx="1389">
                  <c:v>91.359992839701661</c:v>
                </c:pt>
                <c:pt idx="1390">
                  <c:v>91.317852634150526</c:v>
                </c:pt>
                <c:pt idx="1391">
                  <c:v>91.276161307483534</c:v>
                </c:pt>
                <c:pt idx="1392">
                  <c:v>91.23448358320698</c:v>
                </c:pt>
                <c:pt idx="1393">
                  <c:v>91.192792256540002</c:v>
                </c:pt>
                <c:pt idx="1394">
                  <c:v>91.15202589242223</c:v>
                </c:pt>
                <c:pt idx="1395">
                  <c:v>91.111722009579083</c:v>
                </c:pt>
                <c:pt idx="1396">
                  <c:v>91.071404524345496</c:v>
                </c:pt>
                <c:pt idx="1397">
                  <c:v>91.031100641502334</c:v>
                </c:pt>
                <c:pt idx="1398">
                  <c:v>90.991708118817954</c:v>
                </c:pt>
                <c:pt idx="1399">
                  <c:v>90.952764475017787</c:v>
                </c:pt>
                <c:pt idx="1400">
                  <c:v>90.913834433608017</c:v>
                </c:pt>
                <c:pt idx="1401">
                  <c:v>90.875353271082446</c:v>
                </c:pt>
                <c:pt idx="1402">
                  <c:v>90.836872108556861</c:v>
                </c:pt>
                <c:pt idx="1403">
                  <c:v>90.7988534273059</c:v>
                </c:pt>
                <c:pt idx="1404">
                  <c:v>90.76129722732955</c:v>
                </c:pt>
                <c:pt idx="1405">
                  <c:v>90.72418990623737</c:v>
                </c:pt>
                <c:pt idx="1406">
                  <c:v>90.68709618753563</c:v>
                </c:pt>
                <c:pt idx="1407">
                  <c:v>90.650451347718047</c:v>
                </c:pt>
                <c:pt idx="1408">
                  <c:v>90.613806507900478</c:v>
                </c:pt>
                <c:pt idx="1409">
                  <c:v>90.577161668082908</c:v>
                </c:pt>
                <c:pt idx="1410">
                  <c:v>90.540516828265339</c:v>
                </c:pt>
                <c:pt idx="1411">
                  <c:v>90.504783348606551</c:v>
                </c:pt>
                <c:pt idx="1412">
                  <c:v>90.469049868947764</c:v>
                </c:pt>
                <c:pt idx="1413">
                  <c:v>90.4337788705636</c:v>
                </c:pt>
                <c:pt idx="1414">
                  <c:v>90.398507872179437</c:v>
                </c:pt>
                <c:pt idx="1415">
                  <c:v>90.363236873795259</c:v>
                </c:pt>
                <c:pt idx="1416">
                  <c:v>90.327965875411081</c:v>
                </c:pt>
                <c:pt idx="1417">
                  <c:v>90.293157358301499</c:v>
                </c:pt>
                <c:pt idx="1418">
                  <c:v>90.258348841191946</c:v>
                </c:pt>
                <c:pt idx="1419">
                  <c:v>90.223989202966578</c:v>
                </c:pt>
                <c:pt idx="1420">
                  <c:v>90.189180685857025</c:v>
                </c:pt>
                <c:pt idx="1421">
                  <c:v>90.155283528906224</c:v>
                </c:pt>
                <c:pt idx="1422">
                  <c:v>90.121386371955467</c:v>
                </c:pt>
                <c:pt idx="1423">
                  <c:v>90.087489215004695</c:v>
                </c:pt>
                <c:pt idx="1424">
                  <c:v>90.054040936938094</c:v>
                </c:pt>
                <c:pt idx="1425">
                  <c:v>90.020606261261932</c:v>
                </c:pt>
                <c:pt idx="1426">
                  <c:v>89.98763406686038</c:v>
                </c:pt>
                <c:pt idx="1427">
                  <c:v>89.95464827006839</c:v>
                </c:pt>
                <c:pt idx="1428">
                  <c:v>89.922124954551009</c:v>
                </c:pt>
                <c:pt idx="1429">
                  <c:v>89.889601639033629</c:v>
                </c:pt>
                <c:pt idx="1430">
                  <c:v>89.857540804790858</c:v>
                </c:pt>
                <c:pt idx="1431">
                  <c:v>89.825928849432273</c:v>
                </c:pt>
                <c:pt idx="1432">
                  <c:v>89.794330496464127</c:v>
                </c:pt>
                <c:pt idx="1433">
                  <c:v>89.763181022380138</c:v>
                </c:pt>
                <c:pt idx="1434">
                  <c:v>89.732480427180363</c:v>
                </c:pt>
                <c:pt idx="1435">
                  <c:v>89.701793434370984</c:v>
                </c:pt>
                <c:pt idx="1436">
                  <c:v>89.671106441561619</c:v>
                </c:pt>
                <c:pt idx="1437">
                  <c:v>89.639956967477644</c:v>
                </c:pt>
                <c:pt idx="1438">
                  <c:v>89.608345012119045</c:v>
                </c:pt>
                <c:pt idx="1439">
                  <c:v>89.577209140425509</c:v>
                </c:pt>
                <c:pt idx="1440">
                  <c:v>89.546059666341534</c:v>
                </c:pt>
                <c:pt idx="1441">
                  <c:v>89.515821552416341</c:v>
                </c:pt>
                <c:pt idx="1442">
                  <c:v>89.485583438491147</c:v>
                </c:pt>
                <c:pt idx="1443">
                  <c:v>89.455821408230989</c:v>
                </c:pt>
                <c:pt idx="1444">
                  <c:v>89.426045775580405</c:v>
                </c:pt>
                <c:pt idx="1445">
                  <c:v>89.396270142929851</c:v>
                </c:pt>
                <c:pt idx="1446">
                  <c:v>89.366956991553863</c:v>
                </c:pt>
                <c:pt idx="1447">
                  <c:v>89.337630237787479</c:v>
                </c:pt>
                <c:pt idx="1448">
                  <c:v>89.309228446570287</c:v>
                </c:pt>
                <c:pt idx="1449">
                  <c:v>89.280377776468924</c:v>
                </c:pt>
                <c:pt idx="1450">
                  <c:v>89.252438466526343</c:v>
                </c:pt>
                <c:pt idx="1451">
                  <c:v>89.224036675309179</c:v>
                </c:pt>
                <c:pt idx="1452">
                  <c:v>89.196097365366597</c:v>
                </c:pt>
                <c:pt idx="1453">
                  <c:v>89.168144453033605</c:v>
                </c:pt>
                <c:pt idx="1454">
                  <c:v>89.140667624365634</c:v>
                </c:pt>
                <c:pt idx="1455">
                  <c:v>89.113639674581862</c:v>
                </c:pt>
                <c:pt idx="1456">
                  <c:v>89.08616284591389</c:v>
                </c:pt>
                <c:pt idx="1457">
                  <c:v>89.058672414855508</c:v>
                </c:pt>
                <c:pt idx="1458">
                  <c:v>89.031195586187536</c:v>
                </c:pt>
                <c:pt idx="1459">
                  <c:v>89.004616515287921</c:v>
                </c:pt>
                <c:pt idx="1460">
                  <c:v>88.978051046778759</c:v>
                </c:pt>
                <c:pt idx="1461">
                  <c:v>88.951948059544193</c:v>
                </c:pt>
                <c:pt idx="1462">
                  <c:v>88.924920109760421</c:v>
                </c:pt>
                <c:pt idx="1463">
                  <c:v>88.897892159976621</c:v>
                </c:pt>
                <c:pt idx="1464">
                  <c:v>88.870864210192849</c:v>
                </c:pt>
                <c:pt idx="1465">
                  <c:v>88.843836260409063</c:v>
                </c:pt>
                <c:pt idx="1466">
                  <c:v>88.816359431741091</c:v>
                </c:pt>
                <c:pt idx="1467">
                  <c:v>88.789331481957305</c:v>
                </c:pt>
                <c:pt idx="1468">
                  <c:v>88.762303532173519</c:v>
                </c:pt>
                <c:pt idx="1469">
                  <c:v>88.735738063664357</c:v>
                </c:pt>
                <c:pt idx="1470">
                  <c:v>88.709172595155181</c:v>
                </c:pt>
                <c:pt idx="1471">
                  <c:v>88.682607126646019</c:v>
                </c:pt>
                <c:pt idx="1472">
                  <c:v>88.655579176862219</c:v>
                </c:pt>
                <c:pt idx="1473">
                  <c:v>88.628088745803836</c:v>
                </c:pt>
                <c:pt idx="1474">
                  <c:v>88.600611917135879</c:v>
                </c:pt>
                <c:pt idx="1475">
                  <c:v>88.574495327510888</c:v>
                </c:pt>
                <c:pt idx="1476">
                  <c:v>88.548854821550933</c:v>
                </c:pt>
                <c:pt idx="1477">
                  <c:v>88.523649592084723</c:v>
                </c:pt>
                <c:pt idx="1478">
                  <c:v>88.498457965008939</c:v>
                </c:pt>
                <c:pt idx="1479">
                  <c:v>88.473266337933168</c:v>
                </c:pt>
                <c:pt idx="1480">
                  <c:v>88.448074710857398</c:v>
                </c:pt>
                <c:pt idx="1481">
                  <c:v>88.423331962665799</c:v>
                </c:pt>
                <c:pt idx="1482">
                  <c:v>88.398140335590014</c:v>
                </c:pt>
                <c:pt idx="1483">
                  <c:v>88.373873671063464</c:v>
                </c:pt>
                <c:pt idx="1484">
                  <c:v>88.349130922871851</c:v>
                </c:pt>
                <c:pt idx="1485">
                  <c:v>88.324850655954876</c:v>
                </c:pt>
                <c:pt idx="1486">
                  <c:v>88.300583991428326</c:v>
                </c:pt>
                <c:pt idx="1487">
                  <c:v>88.276752603395522</c:v>
                </c:pt>
                <c:pt idx="1488">
                  <c:v>88.252934817753129</c:v>
                </c:pt>
                <c:pt idx="1489">
                  <c:v>88.22957951338536</c:v>
                </c:pt>
                <c:pt idx="1490">
                  <c:v>88.206210606627167</c:v>
                </c:pt>
                <c:pt idx="1491">
                  <c:v>88.182855302259398</c:v>
                </c:pt>
                <c:pt idx="1492">
                  <c:v>88.159499997891615</c:v>
                </c:pt>
                <c:pt idx="1493">
                  <c:v>88.136131091133436</c:v>
                </c:pt>
                <c:pt idx="1494">
                  <c:v>88.112775786765667</c:v>
                </c:pt>
                <c:pt idx="1495">
                  <c:v>88.089406880007459</c:v>
                </c:pt>
                <c:pt idx="1496">
                  <c:v>88.066500454523876</c:v>
                </c:pt>
                <c:pt idx="1497">
                  <c:v>88.044056510314888</c:v>
                </c:pt>
                <c:pt idx="1498">
                  <c:v>88.021163687221744</c:v>
                </c:pt>
                <c:pt idx="1499">
                  <c:v>87.998719743012757</c:v>
                </c:pt>
                <c:pt idx="1500">
                  <c:v>87.976262196413344</c:v>
                </c:pt>
                <c:pt idx="1501">
                  <c:v>87.953818252204371</c:v>
                </c:pt>
                <c:pt idx="1502">
                  <c:v>87.930925429111213</c:v>
                </c:pt>
                <c:pt idx="1503">
                  <c:v>87.908467882511815</c:v>
                </c:pt>
                <c:pt idx="1504">
                  <c:v>87.886486419577437</c:v>
                </c:pt>
                <c:pt idx="1505">
                  <c:v>87.864042475368464</c:v>
                </c:pt>
                <c:pt idx="1506">
                  <c:v>87.842061012434087</c:v>
                </c:pt>
                <c:pt idx="1507">
                  <c:v>87.820528428383895</c:v>
                </c:pt>
                <c:pt idx="1508">
                  <c:v>87.798533363059107</c:v>
                </c:pt>
                <c:pt idx="1509">
                  <c:v>87.776551900124716</c:v>
                </c:pt>
                <c:pt idx="1510">
                  <c:v>87.755019316074538</c:v>
                </c:pt>
                <c:pt idx="1511">
                  <c:v>87.733500334414771</c:v>
                </c:pt>
                <c:pt idx="1512">
                  <c:v>87.711967750364579</c:v>
                </c:pt>
                <c:pt idx="1513">
                  <c:v>87.690897647588997</c:v>
                </c:pt>
                <c:pt idx="1514">
                  <c:v>87.669365063538805</c:v>
                </c:pt>
                <c:pt idx="1515">
                  <c:v>87.648294960763224</c:v>
                </c:pt>
                <c:pt idx="1516">
                  <c:v>87.627687339262266</c:v>
                </c:pt>
                <c:pt idx="1517">
                  <c:v>87.607066115370856</c:v>
                </c:pt>
                <c:pt idx="1518">
                  <c:v>87.586458493869884</c:v>
                </c:pt>
                <c:pt idx="1519">
                  <c:v>87.566299751253069</c:v>
                </c:pt>
                <c:pt idx="1520">
                  <c:v>87.545692129752112</c:v>
                </c:pt>
                <c:pt idx="1521">
                  <c:v>87.525533387135326</c:v>
                </c:pt>
                <c:pt idx="1522">
                  <c:v>87.505837125793136</c:v>
                </c:pt>
                <c:pt idx="1523">
                  <c:v>87.485678383176364</c:v>
                </c:pt>
                <c:pt idx="1524">
                  <c:v>87.465519640559563</c:v>
                </c:pt>
                <c:pt idx="1525">
                  <c:v>87.445374500333202</c:v>
                </c:pt>
                <c:pt idx="1526">
                  <c:v>87.425678238990997</c:v>
                </c:pt>
                <c:pt idx="1527">
                  <c:v>87.406430856533007</c:v>
                </c:pt>
                <c:pt idx="1528">
                  <c:v>87.386734595190831</c:v>
                </c:pt>
                <c:pt idx="1529">
                  <c:v>87.36750081512325</c:v>
                </c:pt>
                <c:pt idx="1530">
                  <c:v>87.348267035055684</c:v>
                </c:pt>
                <c:pt idx="1531">
                  <c:v>87.32901965259768</c:v>
                </c:pt>
                <c:pt idx="1532">
                  <c:v>87.309785872530085</c:v>
                </c:pt>
                <c:pt idx="1533">
                  <c:v>87.291000971346705</c:v>
                </c:pt>
                <c:pt idx="1534">
                  <c:v>87.271767191279125</c:v>
                </c:pt>
                <c:pt idx="1535">
                  <c:v>87.252519808821134</c:v>
                </c:pt>
                <c:pt idx="1536">
                  <c:v>87.23328602875354</c:v>
                </c:pt>
                <c:pt idx="1537">
                  <c:v>87.214501127570159</c:v>
                </c:pt>
                <c:pt idx="1538">
                  <c:v>87.195267347502579</c:v>
                </c:pt>
                <c:pt idx="1539">
                  <c:v>87.176033567435013</c:v>
                </c:pt>
                <c:pt idx="1540">
                  <c:v>87.157248666251618</c:v>
                </c:pt>
                <c:pt idx="1541">
                  <c:v>87.137552404909428</c:v>
                </c:pt>
                <c:pt idx="1542">
                  <c:v>87.117856143567238</c:v>
                </c:pt>
                <c:pt idx="1543">
                  <c:v>87.098622363499672</c:v>
                </c:pt>
                <c:pt idx="1544">
                  <c:v>87.079374981041667</c:v>
                </c:pt>
                <c:pt idx="1545">
                  <c:v>87.060603682248711</c:v>
                </c:pt>
                <c:pt idx="1546">
                  <c:v>87.041818781065317</c:v>
                </c:pt>
                <c:pt idx="1547">
                  <c:v>87.023033879881922</c:v>
                </c:pt>
                <c:pt idx="1548">
                  <c:v>87.004711459973123</c:v>
                </c:pt>
                <c:pt idx="1549">
                  <c:v>86.986851521338977</c:v>
                </c:pt>
                <c:pt idx="1550">
                  <c:v>86.968529101430164</c:v>
                </c:pt>
                <c:pt idx="1551">
                  <c:v>86.950206681521365</c:v>
                </c:pt>
                <c:pt idx="1552">
                  <c:v>86.931421780337999</c:v>
                </c:pt>
                <c:pt idx="1553">
                  <c:v>86.913561841703824</c:v>
                </c:pt>
                <c:pt idx="1554">
                  <c:v>86.896150781953835</c:v>
                </c:pt>
                <c:pt idx="1555">
                  <c:v>86.878290843319633</c:v>
                </c:pt>
                <c:pt idx="1556">
                  <c:v>86.860879783569658</c:v>
                </c:pt>
                <c:pt idx="1557">
                  <c:v>86.84393120509425</c:v>
                </c:pt>
                <c:pt idx="1558">
                  <c:v>86.826982626618872</c:v>
                </c:pt>
                <c:pt idx="1559">
                  <c:v>86.810034048143493</c:v>
                </c:pt>
                <c:pt idx="1560">
                  <c:v>86.793085469668085</c:v>
                </c:pt>
                <c:pt idx="1561">
                  <c:v>86.776136891192706</c:v>
                </c:pt>
                <c:pt idx="1562">
                  <c:v>86.759188312717342</c:v>
                </c:pt>
                <c:pt idx="1563">
                  <c:v>86.742239734241949</c:v>
                </c:pt>
                <c:pt idx="1564">
                  <c:v>86.725291155766541</c:v>
                </c:pt>
                <c:pt idx="1565">
                  <c:v>86.708805058565773</c:v>
                </c:pt>
                <c:pt idx="1566">
                  <c:v>86.691856480090394</c:v>
                </c:pt>
                <c:pt idx="1567">
                  <c:v>86.675370382889596</c:v>
                </c:pt>
                <c:pt idx="1568">
                  <c:v>86.658870683298389</c:v>
                </c:pt>
                <c:pt idx="1569">
                  <c:v>86.642384586097634</c:v>
                </c:pt>
                <c:pt idx="1570">
                  <c:v>86.625436007622241</c:v>
                </c:pt>
                <c:pt idx="1571">
                  <c:v>86.608949910421458</c:v>
                </c:pt>
                <c:pt idx="1572">
                  <c:v>86.592450210830251</c:v>
                </c:pt>
                <c:pt idx="1573">
                  <c:v>86.575964113629468</c:v>
                </c:pt>
                <c:pt idx="1574">
                  <c:v>86.55992689531287</c:v>
                </c:pt>
                <c:pt idx="1575">
                  <c:v>86.543440798112101</c:v>
                </c:pt>
                <c:pt idx="1576">
                  <c:v>86.527417182185928</c:v>
                </c:pt>
                <c:pt idx="1577">
                  <c:v>86.511379963869345</c:v>
                </c:pt>
                <c:pt idx="1578">
                  <c:v>86.495342745552733</c:v>
                </c:pt>
                <c:pt idx="1579">
                  <c:v>86.47931912962656</c:v>
                </c:pt>
                <c:pt idx="1580">
                  <c:v>86.463281911309949</c:v>
                </c:pt>
                <c:pt idx="1581">
                  <c:v>86.447707174267961</c:v>
                </c:pt>
                <c:pt idx="1582">
                  <c:v>86.431669955951378</c:v>
                </c:pt>
                <c:pt idx="1583">
                  <c:v>86.41609521890939</c:v>
                </c:pt>
                <c:pt idx="1584">
                  <c:v>86.400520481867389</c:v>
                </c:pt>
                <c:pt idx="1585">
                  <c:v>86.38495934721584</c:v>
                </c:pt>
                <c:pt idx="1586">
                  <c:v>86.369384610173853</c:v>
                </c:pt>
                <c:pt idx="1587">
                  <c:v>86.353809873131866</c:v>
                </c:pt>
                <c:pt idx="1588">
                  <c:v>86.338684014974064</c:v>
                </c:pt>
                <c:pt idx="1589">
                  <c:v>86.323109277932076</c:v>
                </c:pt>
                <c:pt idx="1590">
                  <c:v>86.307997022164699</c:v>
                </c:pt>
                <c:pt idx="1591">
                  <c:v>86.292422285122711</c:v>
                </c:pt>
                <c:pt idx="1592">
                  <c:v>86.27684754808071</c:v>
                </c:pt>
                <c:pt idx="1593">
                  <c:v>86.261735292313332</c:v>
                </c:pt>
                <c:pt idx="1594">
                  <c:v>86.246623036545955</c:v>
                </c:pt>
                <c:pt idx="1595">
                  <c:v>86.231497178388139</c:v>
                </c:pt>
                <c:pt idx="1596">
                  <c:v>86.216847403895372</c:v>
                </c:pt>
                <c:pt idx="1597">
                  <c:v>86.20218402701218</c:v>
                </c:pt>
                <c:pt idx="1598">
                  <c:v>86.187071771244803</c:v>
                </c:pt>
                <c:pt idx="1599">
                  <c:v>86.172408394361582</c:v>
                </c:pt>
                <c:pt idx="1600">
                  <c:v>86.157758619868829</c:v>
                </c:pt>
                <c:pt idx="1601">
                  <c:v>86.143557724260233</c:v>
                </c:pt>
                <c:pt idx="1602">
                  <c:v>86.128894347377027</c:v>
                </c:pt>
                <c:pt idx="1603">
                  <c:v>86.11423097049385</c:v>
                </c:pt>
                <c:pt idx="1604">
                  <c:v>86.099581196001068</c:v>
                </c:pt>
                <c:pt idx="1605">
                  <c:v>86.085380300392472</c:v>
                </c:pt>
                <c:pt idx="1606">
                  <c:v>86.070716923509266</c:v>
                </c:pt>
                <c:pt idx="1607">
                  <c:v>86.05651602790067</c:v>
                </c:pt>
                <c:pt idx="1608">
                  <c:v>86.042315132292103</c:v>
                </c:pt>
                <c:pt idx="1609">
                  <c:v>86.028114236683507</c:v>
                </c:pt>
                <c:pt idx="1610">
                  <c:v>86.013926943465336</c:v>
                </c:pt>
                <c:pt idx="1611">
                  <c:v>85.999726047856754</c:v>
                </c:pt>
                <c:pt idx="1612">
                  <c:v>85.985974031132329</c:v>
                </c:pt>
                <c:pt idx="1613">
                  <c:v>85.971773135523748</c:v>
                </c:pt>
                <c:pt idx="1614">
                  <c:v>85.957585842305591</c:v>
                </c:pt>
                <c:pt idx="1615">
                  <c:v>85.943384946696995</c:v>
                </c:pt>
                <c:pt idx="1616">
                  <c:v>85.92963292997257</c:v>
                </c:pt>
                <c:pt idx="1617">
                  <c:v>85.915894515638598</c:v>
                </c:pt>
                <c:pt idx="1618">
                  <c:v>85.902156101304612</c:v>
                </c:pt>
                <c:pt idx="1619">
                  <c:v>85.888417686970641</c:v>
                </c:pt>
                <c:pt idx="1620">
                  <c:v>85.87512815152084</c:v>
                </c:pt>
                <c:pt idx="1621">
                  <c:v>85.861389737186869</c:v>
                </c:pt>
                <c:pt idx="1622">
                  <c:v>85.847637720462444</c:v>
                </c:pt>
                <c:pt idx="1623">
                  <c:v>85.833899306128458</c:v>
                </c:pt>
                <c:pt idx="1624">
                  <c:v>85.820160891794501</c:v>
                </c:pt>
                <c:pt idx="1625">
                  <c:v>85.806422477460515</c:v>
                </c:pt>
                <c:pt idx="1626">
                  <c:v>85.79267046073609</c:v>
                </c:pt>
                <c:pt idx="1627">
                  <c:v>85.779394527676729</c:v>
                </c:pt>
                <c:pt idx="1628">
                  <c:v>85.766104992226914</c:v>
                </c:pt>
                <c:pt idx="1629">
                  <c:v>85.752829059167539</c:v>
                </c:pt>
                <c:pt idx="1630">
                  <c:v>85.739539523717738</c:v>
                </c:pt>
                <c:pt idx="1631">
                  <c:v>85.726249988267938</c:v>
                </c:pt>
                <c:pt idx="1632">
                  <c:v>85.712974055208562</c:v>
                </c:pt>
                <c:pt idx="1633">
                  <c:v>85.699235640874576</c:v>
                </c:pt>
                <c:pt idx="1634">
                  <c:v>85.685483624150166</c:v>
                </c:pt>
                <c:pt idx="1635">
                  <c:v>85.672207691090804</c:v>
                </c:pt>
                <c:pt idx="1636">
                  <c:v>85.65891815564099</c:v>
                </c:pt>
                <c:pt idx="1637">
                  <c:v>85.645642222581628</c:v>
                </c:pt>
                <c:pt idx="1638">
                  <c:v>85.632815168406424</c:v>
                </c:pt>
                <c:pt idx="1639">
                  <c:v>85.619988114231248</c:v>
                </c:pt>
                <c:pt idx="1640">
                  <c:v>85.607623541330653</c:v>
                </c:pt>
                <c:pt idx="1641">
                  <c:v>85.594796487155463</c:v>
                </c:pt>
                <c:pt idx="1642">
                  <c:v>85.582418311864458</c:v>
                </c:pt>
                <c:pt idx="1643">
                  <c:v>85.570053738963864</c:v>
                </c:pt>
                <c:pt idx="1644">
                  <c:v>85.558151647337894</c:v>
                </c:pt>
                <c:pt idx="1645">
                  <c:v>85.545324593162704</c:v>
                </c:pt>
                <c:pt idx="1646">
                  <c:v>85.532960020262124</c:v>
                </c:pt>
                <c:pt idx="1647">
                  <c:v>85.520581844971105</c:v>
                </c:pt>
                <c:pt idx="1648">
                  <c:v>85.508217272070524</c:v>
                </c:pt>
                <c:pt idx="1649">
                  <c:v>85.495852699169944</c:v>
                </c:pt>
                <c:pt idx="1650">
                  <c:v>85.48393700515355</c:v>
                </c:pt>
                <c:pt idx="1651">
                  <c:v>85.47203491352758</c:v>
                </c:pt>
                <c:pt idx="1652">
                  <c:v>85.460119219511171</c:v>
                </c:pt>
                <c:pt idx="1653">
                  <c:v>85.448217127885187</c:v>
                </c:pt>
                <c:pt idx="1654">
                  <c:v>85.436301433868778</c:v>
                </c:pt>
                <c:pt idx="1655">
                  <c:v>85.424385739852383</c:v>
                </c:pt>
                <c:pt idx="1656">
                  <c:v>85.412483648226413</c:v>
                </c:pt>
                <c:pt idx="1657">
                  <c:v>85.40056795420999</c:v>
                </c:pt>
                <c:pt idx="1658">
                  <c:v>85.38866586258402</c:v>
                </c:pt>
                <c:pt idx="1659">
                  <c:v>85.376750168567625</c:v>
                </c:pt>
                <c:pt idx="1660">
                  <c:v>85.364848076941655</c:v>
                </c:pt>
                <c:pt idx="1661">
                  <c:v>85.35293238292526</c:v>
                </c:pt>
                <c:pt idx="1662">
                  <c:v>85.341030291299262</c:v>
                </c:pt>
                <c:pt idx="1663">
                  <c:v>85.329577078557477</c:v>
                </c:pt>
                <c:pt idx="1664">
                  <c:v>85.318123865815679</c:v>
                </c:pt>
                <c:pt idx="1665">
                  <c:v>85.306208171799284</c:v>
                </c:pt>
                <c:pt idx="1666">
                  <c:v>85.294306080173314</c:v>
                </c:pt>
                <c:pt idx="1667">
                  <c:v>85.282852867431501</c:v>
                </c:pt>
                <c:pt idx="1668">
                  <c:v>85.270937173415106</c:v>
                </c:pt>
                <c:pt idx="1669">
                  <c:v>85.259035081789136</c:v>
                </c:pt>
                <c:pt idx="1670">
                  <c:v>85.247581869047323</c:v>
                </c:pt>
                <c:pt idx="1671">
                  <c:v>85.236128656305553</c:v>
                </c:pt>
                <c:pt idx="1672">
                  <c:v>85.22467544356374</c:v>
                </c:pt>
                <c:pt idx="1673">
                  <c:v>85.21322223082197</c:v>
                </c:pt>
                <c:pt idx="1674">
                  <c:v>85.201769018080171</c:v>
                </c:pt>
                <c:pt idx="1675">
                  <c:v>85.189866926454201</c:v>
                </c:pt>
                <c:pt idx="1676">
                  <c:v>85.178413713712402</c:v>
                </c:pt>
                <c:pt idx="1677">
                  <c:v>85.166498019696007</c:v>
                </c:pt>
                <c:pt idx="1678">
                  <c:v>85.155044806954194</c:v>
                </c:pt>
                <c:pt idx="1679">
                  <c:v>85.143605196602834</c:v>
                </c:pt>
                <c:pt idx="1680">
                  <c:v>85.13215198386105</c:v>
                </c:pt>
                <c:pt idx="1681">
                  <c:v>85.120698771119237</c:v>
                </c:pt>
                <c:pt idx="1682">
                  <c:v>85.109245558377438</c:v>
                </c:pt>
                <c:pt idx="1683">
                  <c:v>85.098254826910264</c:v>
                </c:pt>
                <c:pt idx="1684">
                  <c:v>85.08725049305265</c:v>
                </c:pt>
                <c:pt idx="1685">
                  <c:v>85.076259761585476</c:v>
                </c:pt>
                <c:pt idx="1686">
                  <c:v>85.065269030118287</c:v>
                </c:pt>
                <c:pt idx="1687">
                  <c:v>85.054278298651084</c:v>
                </c:pt>
                <c:pt idx="1688">
                  <c:v>85.043287567183896</c:v>
                </c:pt>
                <c:pt idx="1689">
                  <c:v>85.032283233326282</c:v>
                </c:pt>
                <c:pt idx="1690">
                  <c:v>85.021754983133718</c:v>
                </c:pt>
                <c:pt idx="1691">
                  <c:v>85.011213130550715</c:v>
                </c:pt>
                <c:pt idx="1692">
                  <c:v>85.000684880358136</c:v>
                </c:pt>
                <c:pt idx="1693">
                  <c:v>84.990143027775133</c:v>
                </c:pt>
                <c:pt idx="1694">
                  <c:v>84.979614777582555</c:v>
                </c:pt>
                <c:pt idx="1695">
                  <c:v>84.969072924999551</c:v>
                </c:pt>
                <c:pt idx="1696">
                  <c:v>84.958544674806973</c:v>
                </c:pt>
                <c:pt idx="1697">
                  <c:v>84.948002822223955</c:v>
                </c:pt>
                <c:pt idx="1698">
                  <c:v>84.937474572031377</c:v>
                </c:pt>
                <c:pt idx="1699">
                  <c:v>84.927395200722998</c:v>
                </c:pt>
                <c:pt idx="1700">
                  <c:v>84.916853348139981</c:v>
                </c:pt>
                <c:pt idx="1701">
                  <c:v>84.906773976831602</c:v>
                </c:pt>
                <c:pt idx="1702">
                  <c:v>84.896245726639023</c:v>
                </c:pt>
                <c:pt idx="1703">
                  <c:v>84.886166355330616</c:v>
                </c:pt>
                <c:pt idx="1704">
                  <c:v>84.875638105138052</c:v>
                </c:pt>
                <c:pt idx="1705">
                  <c:v>84.865558733829644</c:v>
                </c:pt>
                <c:pt idx="1706">
                  <c:v>84.855016881246641</c:v>
                </c:pt>
                <c:pt idx="1707">
                  <c:v>84.844937509938248</c:v>
                </c:pt>
                <c:pt idx="1708">
                  <c:v>84.834858138629869</c:v>
                </c:pt>
                <c:pt idx="1709">
                  <c:v>84.824792369711886</c:v>
                </c:pt>
                <c:pt idx="1710">
                  <c:v>84.814712998403479</c:v>
                </c:pt>
                <c:pt idx="1711">
                  <c:v>84.8046336270951</c:v>
                </c:pt>
                <c:pt idx="1712">
                  <c:v>84.794554255786693</c:v>
                </c:pt>
                <c:pt idx="1713">
                  <c:v>84.78401240320369</c:v>
                </c:pt>
                <c:pt idx="1714">
                  <c:v>84.773946634285721</c:v>
                </c:pt>
                <c:pt idx="1715">
                  <c:v>84.763867262977328</c:v>
                </c:pt>
                <c:pt idx="1716">
                  <c:v>84.754250372943545</c:v>
                </c:pt>
                <c:pt idx="1717">
                  <c:v>84.744171001635138</c:v>
                </c:pt>
                <c:pt idx="1718">
                  <c:v>84.734554111601369</c:v>
                </c:pt>
                <c:pt idx="1719">
                  <c:v>84.724923619177133</c:v>
                </c:pt>
                <c:pt idx="1720">
                  <c:v>84.715306729143364</c:v>
                </c:pt>
                <c:pt idx="1721">
                  <c:v>84.705689839109567</c:v>
                </c:pt>
                <c:pt idx="1722">
                  <c:v>84.69607294907577</c:v>
                </c:pt>
                <c:pt idx="1723">
                  <c:v>84.686456059041987</c:v>
                </c:pt>
                <c:pt idx="1724">
                  <c:v>84.676825566617765</c:v>
                </c:pt>
                <c:pt idx="1725">
                  <c:v>84.667208676583996</c:v>
                </c:pt>
                <c:pt idx="1726">
                  <c:v>84.658054267824795</c:v>
                </c:pt>
                <c:pt idx="1727">
                  <c:v>84.648437377791026</c:v>
                </c:pt>
                <c:pt idx="1728">
                  <c:v>84.639269366641415</c:v>
                </c:pt>
                <c:pt idx="1729">
                  <c:v>84.630114957882228</c:v>
                </c:pt>
                <c:pt idx="1730">
                  <c:v>84.62094694673263</c:v>
                </c:pt>
                <c:pt idx="1731">
                  <c:v>84.611792537973443</c:v>
                </c:pt>
                <c:pt idx="1732">
                  <c:v>84.602624526823845</c:v>
                </c:pt>
                <c:pt idx="1733">
                  <c:v>84.593470118064658</c:v>
                </c:pt>
                <c:pt idx="1734">
                  <c:v>84.584302106915061</c:v>
                </c:pt>
                <c:pt idx="1735">
                  <c:v>84.575147698155888</c:v>
                </c:pt>
                <c:pt idx="1736">
                  <c:v>84.565979687006276</c:v>
                </c:pt>
                <c:pt idx="1737">
                  <c:v>84.557274157131275</c:v>
                </c:pt>
                <c:pt idx="1738">
                  <c:v>84.548119748372102</c:v>
                </c:pt>
                <c:pt idx="1739">
                  <c:v>84.538951737222504</c:v>
                </c:pt>
                <c:pt idx="1740">
                  <c:v>84.529797328463317</c:v>
                </c:pt>
                <c:pt idx="1741">
                  <c:v>84.521091798588316</c:v>
                </c:pt>
                <c:pt idx="1742">
                  <c:v>84.511923787438704</c:v>
                </c:pt>
                <c:pt idx="1743">
                  <c:v>84.502769378679531</c:v>
                </c:pt>
                <c:pt idx="1744">
                  <c:v>84.494063848804529</c:v>
                </c:pt>
                <c:pt idx="1745">
                  <c:v>84.484909440045357</c:v>
                </c:pt>
                <c:pt idx="1746">
                  <c:v>84.476203910170369</c:v>
                </c:pt>
                <c:pt idx="1747">
                  <c:v>84.467498380295353</c:v>
                </c:pt>
                <c:pt idx="1748">
                  <c:v>84.458792850420366</c:v>
                </c:pt>
                <c:pt idx="1749">
                  <c:v>84.45008732054535</c:v>
                </c:pt>
                <c:pt idx="1750">
                  <c:v>84.441381790670363</c:v>
                </c:pt>
                <c:pt idx="1751">
                  <c:v>84.4326898631858</c:v>
                </c:pt>
                <c:pt idx="1752">
                  <c:v>84.424433212194984</c:v>
                </c:pt>
                <c:pt idx="1753">
                  <c:v>84.415741284710407</c:v>
                </c:pt>
                <c:pt idx="1754">
                  <c:v>84.407484633719591</c:v>
                </c:pt>
                <c:pt idx="1755">
                  <c:v>84.398792706235028</c:v>
                </c:pt>
                <c:pt idx="1756">
                  <c:v>84.390087176360026</c:v>
                </c:pt>
                <c:pt idx="1757">
                  <c:v>84.381844127759649</c:v>
                </c:pt>
                <c:pt idx="1758">
                  <c:v>84.373138597884619</c:v>
                </c:pt>
                <c:pt idx="1759">
                  <c:v>84.364433068009632</c:v>
                </c:pt>
                <c:pt idx="1760">
                  <c:v>84.355727538134644</c:v>
                </c:pt>
                <c:pt idx="1761">
                  <c:v>84.347484489534253</c:v>
                </c:pt>
                <c:pt idx="1762">
                  <c:v>84.338778959659265</c:v>
                </c:pt>
                <c:pt idx="1763">
                  <c:v>84.33053591105886</c:v>
                </c:pt>
                <c:pt idx="1764">
                  <c:v>84.322292862458482</c:v>
                </c:pt>
                <c:pt idx="1765">
                  <c:v>84.314049813858077</c:v>
                </c:pt>
                <c:pt idx="1766">
                  <c:v>84.305793162867275</c:v>
                </c:pt>
                <c:pt idx="1767">
                  <c:v>84.297101235382684</c:v>
                </c:pt>
                <c:pt idx="1768">
                  <c:v>84.288844584391882</c:v>
                </c:pt>
                <c:pt idx="1769">
                  <c:v>84.280601535791504</c:v>
                </c:pt>
                <c:pt idx="1770">
                  <c:v>84.272358487191099</c:v>
                </c:pt>
                <c:pt idx="1771">
                  <c:v>84.264577919865332</c:v>
                </c:pt>
                <c:pt idx="1772">
                  <c:v>84.256783750149111</c:v>
                </c:pt>
                <c:pt idx="1773">
                  <c:v>84.248540701548734</c:v>
                </c:pt>
                <c:pt idx="1774">
                  <c:v>84.240760134222953</c:v>
                </c:pt>
                <c:pt idx="1775">
                  <c:v>84.232054604347965</c:v>
                </c:pt>
                <c:pt idx="1776">
                  <c:v>84.22381155574756</c:v>
                </c:pt>
                <c:pt idx="1777">
                  <c:v>84.215554904756758</c:v>
                </c:pt>
                <c:pt idx="1778">
                  <c:v>84.207311856156352</c:v>
                </c:pt>
                <c:pt idx="1779">
                  <c:v>84.19953128883057</c:v>
                </c:pt>
                <c:pt idx="1780">
                  <c:v>84.191737119114379</c:v>
                </c:pt>
                <c:pt idx="1781">
                  <c:v>84.184419033063193</c:v>
                </c:pt>
                <c:pt idx="1782">
                  <c:v>84.176624863346987</c:v>
                </c:pt>
                <c:pt idx="1783">
                  <c:v>84.168844296021206</c:v>
                </c:pt>
                <c:pt idx="1784">
                  <c:v>84.16151260757961</c:v>
                </c:pt>
                <c:pt idx="1785">
                  <c:v>84.154180919138014</c:v>
                </c:pt>
                <c:pt idx="1786">
                  <c:v>84.146849230696404</c:v>
                </c:pt>
                <c:pt idx="1787">
                  <c:v>84.139068663370637</c:v>
                </c:pt>
                <c:pt idx="1788">
                  <c:v>84.131736974929026</c:v>
                </c:pt>
                <c:pt idx="1789">
                  <c:v>84.124405286487416</c:v>
                </c:pt>
                <c:pt idx="1790">
                  <c:v>84.11707359804582</c:v>
                </c:pt>
                <c:pt idx="1791">
                  <c:v>84.109741909604224</c:v>
                </c:pt>
                <c:pt idx="1792">
                  <c:v>84.102423823553067</c:v>
                </c:pt>
                <c:pt idx="1793">
                  <c:v>84.095092135111457</c:v>
                </c:pt>
                <c:pt idx="1794">
                  <c:v>84.087760446669861</c:v>
                </c:pt>
                <c:pt idx="1795">
                  <c:v>84.080428758228251</c:v>
                </c:pt>
                <c:pt idx="1796">
                  <c:v>84.073097069786655</c:v>
                </c:pt>
                <c:pt idx="1797">
                  <c:v>84.065778983735484</c:v>
                </c:pt>
                <c:pt idx="1798">
                  <c:v>84.058447295293874</c:v>
                </c:pt>
                <c:pt idx="1799">
                  <c:v>84.051578088126902</c:v>
                </c:pt>
                <c:pt idx="1800">
                  <c:v>84.044708880959902</c:v>
                </c:pt>
                <c:pt idx="1801">
                  <c:v>84.037826071402492</c:v>
                </c:pt>
                <c:pt idx="1802">
                  <c:v>84.031419345510102</c:v>
                </c:pt>
                <c:pt idx="1803">
                  <c:v>84.02455013834313</c:v>
                </c:pt>
                <c:pt idx="1804">
                  <c:v>84.017680931176116</c:v>
                </c:pt>
                <c:pt idx="1805">
                  <c:v>84.01081172400913</c:v>
                </c:pt>
                <c:pt idx="1806">
                  <c:v>84.00392891445172</c:v>
                </c:pt>
                <c:pt idx="1807">
                  <c:v>83.996610828400549</c:v>
                </c:pt>
                <c:pt idx="1808">
                  <c:v>83.989741621233563</c:v>
                </c:pt>
                <c:pt idx="1809">
                  <c:v>83.982858811676124</c:v>
                </c:pt>
                <c:pt idx="1810">
                  <c:v>83.975989604509138</c:v>
                </c:pt>
                <c:pt idx="1811">
                  <c:v>83.969120397342152</c:v>
                </c:pt>
                <c:pt idx="1812">
                  <c:v>83.962251190175152</c:v>
                </c:pt>
                <c:pt idx="1813">
                  <c:v>83.955381983008166</c:v>
                </c:pt>
                <c:pt idx="1814">
                  <c:v>83.948961654725366</c:v>
                </c:pt>
                <c:pt idx="1815">
                  <c:v>83.942092447558366</c:v>
                </c:pt>
                <c:pt idx="1816">
                  <c:v>83.93522324039138</c:v>
                </c:pt>
                <c:pt idx="1817">
                  <c:v>83.928816514498976</c:v>
                </c:pt>
                <c:pt idx="1818">
                  <c:v>83.92239618621619</c:v>
                </c:pt>
                <c:pt idx="1819">
                  <c:v>83.915526979049176</c:v>
                </c:pt>
                <c:pt idx="1820">
                  <c:v>83.90865777188219</c:v>
                </c:pt>
                <c:pt idx="1821">
                  <c:v>83.901788564715218</c:v>
                </c:pt>
                <c:pt idx="1822">
                  <c:v>83.895368236432404</c:v>
                </c:pt>
                <c:pt idx="1823">
                  <c:v>83.888499029265404</c:v>
                </c:pt>
                <c:pt idx="1824">
                  <c:v>83.882092303373028</c:v>
                </c:pt>
                <c:pt idx="1825">
                  <c:v>83.875223096206028</c:v>
                </c:pt>
                <c:pt idx="1826">
                  <c:v>83.868353889039057</c:v>
                </c:pt>
                <c:pt idx="1827">
                  <c:v>83.861933560756228</c:v>
                </c:pt>
                <c:pt idx="1828">
                  <c:v>83.855064353589242</c:v>
                </c:pt>
                <c:pt idx="1829">
                  <c:v>83.84865762769688</c:v>
                </c:pt>
                <c:pt idx="1830">
                  <c:v>83.841774818139442</c:v>
                </c:pt>
                <c:pt idx="1831">
                  <c:v>83.835368092247066</c:v>
                </c:pt>
                <c:pt idx="1832">
                  <c:v>83.828961366354676</c:v>
                </c:pt>
                <c:pt idx="1833">
                  <c:v>83.822541038071861</c:v>
                </c:pt>
                <c:pt idx="1834">
                  <c:v>83.816134312179486</c:v>
                </c:pt>
                <c:pt idx="1835">
                  <c:v>83.809713983896671</c:v>
                </c:pt>
                <c:pt idx="1836">
                  <c:v>83.803756136888481</c:v>
                </c:pt>
                <c:pt idx="1837">
                  <c:v>83.797349410996105</c:v>
                </c:pt>
                <c:pt idx="1838">
                  <c:v>83.791391563987887</c:v>
                </c:pt>
                <c:pt idx="1839">
                  <c:v>83.784984838095511</c:v>
                </c:pt>
                <c:pt idx="1840">
                  <c:v>83.779026991087292</c:v>
                </c:pt>
                <c:pt idx="1841">
                  <c:v>83.773531625353712</c:v>
                </c:pt>
                <c:pt idx="1842">
                  <c:v>83.767573778345522</c:v>
                </c:pt>
                <c:pt idx="1843">
                  <c:v>83.761615931337317</c:v>
                </c:pt>
                <c:pt idx="1844">
                  <c:v>83.755658084329113</c:v>
                </c:pt>
                <c:pt idx="1845">
                  <c:v>83.749713839711333</c:v>
                </c:pt>
                <c:pt idx="1846">
                  <c:v>83.743755992703129</c:v>
                </c:pt>
                <c:pt idx="1847">
                  <c:v>83.737335664420343</c:v>
                </c:pt>
                <c:pt idx="1848">
                  <c:v>83.731391419802563</c:v>
                </c:pt>
                <c:pt idx="1849">
                  <c:v>83.725433572794344</c:v>
                </c:pt>
                <c:pt idx="1850">
                  <c:v>83.71947572578614</c:v>
                </c:pt>
                <c:pt idx="1851">
                  <c:v>83.713517878777949</c:v>
                </c:pt>
                <c:pt idx="1852">
                  <c:v>83.708022513044341</c:v>
                </c:pt>
                <c:pt idx="1853">
                  <c:v>83.702527147310761</c:v>
                </c:pt>
                <c:pt idx="1854">
                  <c:v>83.696569300302556</c:v>
                </c:pt>
                <c:pt idx="1855">
                  <c:v>83.691073934568976</c:v>
                </c:pt>
                <c:pt idx="1856">
                  <c:v>83.685116087560758</c:v>
                </c:pt>
                <c:pt idx="1857">
                  <c:v>83.679171842942978</c:v>
                </c:pt>
                <c:pt idx="1858">
                  <c:v>83.673213995934788</c:v>
                </c:pt>
                <c:pt idx="1859">
                  <c:v>83.667718630201207</c:v>
                </c:pt>
                <c:pt idx="1860">
                  <c:v>83.661760783192989</c:v>
                </c:pt>
                <c:pt idx="1861">
                  <c:v>83.656265417459423</c:v>
                </c:pt>
                <c:pt idx="1862">
                  <c:v>83.650770051725814</c:v>
                </c:pt>
                <c:pt idx="1863">
                  <c:v>83.64527468599222</c:v>
                </c:pt>
                <c:pt idx="1864">
                  <c:v>83.639779320258626</c:v>
                </c:pt>
                <c:pt idx="1865">
                  <c:v>83.633821473250407</c:v>
                </c:pt>
                <c:pt idx="1866">
                  <c:v>83.627863626242231</c:v>
                </c:pt>
                <c:pt idx="1867">
                  <c:v>83.621905779234012</c:v>
                </c:pt>
                <c:pt idx="1868">
                  <c:v>83.616410413500432</c:v>
                </c:pt>
                <c:pt idx="1869">
                  <c:v>83.610915047766838</c:v>
                </c:pt>
                <c:pt idx="1870">
                  <c:v>83.60588216330784</c:v>
                </c:pt>
                <c:pt idx="1871">
                  <c:v>83.600835676458445</c:v>
                </c:pt>
                <c:pt idx="1872">
                  <c:v>83.595802791999446</c:v>
                </c:pt>
                <c:pt idx="1873">
                  <c:v>83.590756305150038</c:v>
                </c:pt>
                <c:pt idx="1874">
                  <c:v>83.585723420691068</c:v>
                </c:pt>
                <c:pt idx="1875">
                  <c:v>83.580690536232083</c:v>
                </c:pt>
                <c:pt idx="1876">
                  <c:v>83.576106530657285</c:v>
                </c:pt>
                <c:pt idx="1877">
                  <c:v>83.57061116492369</c:v>
                </c:pt>
                <c:pt idx="1878">
                  <c:v>83.565564678074267</c:v>
                </c:pt>
                <c:pt idx="1879">
                  <c:v>83.560069312340673</c:v>
                </c:pt>
                <c:pt idx="1880">
                  <c:v>83.555036427881703</c:v>
                </c:pt>
                <c:pt idx="1881">
                  <c:v>83.54998994103228</c:v>
                </c:pt>
                <c:pt idx="1882">
                  <c:v>83.545419537847906</c:v>
                </c:pt>
                <c:pt idx="1883">
                  <c:v>83.540373050998468</c:v>
                </c:pt>
                <c:pt idx="1884">
                  <c:v>83.53578904542367</c:v>
                </c:pt>
                <c:pt idx="1885">
                  <c:v>83.53121864223931</c:v>
                </c:pt>
                <c:pt idx="1886">
                  <c:v>83.526634636664511</c:v>
                </c:pt>
                <c:pt idx="1887">
                  <c:v>83.522050631089712</c:v>
                </c:pt>
                <c:pt idx="1888">
                  <c:v>83.517017746630714</c:v>
                </c:pt>
                <c:pt idx="1889">
                  <c:v>83.512433741055929</c:v>
                </c:pt>
                <c:pt idx="1890">
                  <c:v>83.507849735481116</c:v>
                </c:pt>
                <c:pt idx="1891">
                  <c:v>83.503728211180928</c:v>
                </c:pt>
                <c:pt idx="1892">
                  <c:v>83.499144205606115</c:v>
                </c:pt>
                <c:pt idx="1893">
                  <c:v>83.494573802421741</c:v>
                </c:pt>
                <c:pt idx="1894">
                  <c:v>83.489989796846942</c:v>
                </c:pt>
                <c:pt idx="1895">
                  <c:v>83.485405791272143</c:v>
                </c:pt>
                <c:pt idx="1896">
                  <c:v>83.480372906813145</c:v>
                </c:pt>
                <c:pt idx="1897">
                  <c:v>83.476251382512956</c:v>
                </c:pt>
                <c:pt idx="1898">
                  <c:v>83.471667376938157</c:v>
                </c:pt>
                <c:pt idx="1899">
                  <c:v>83.467083371363358</c:v>
                </c:pt>
                <c:pt idx="1900">
                  <c:v>83.462961847063156</c:v>
                </c:pt>
                <c:pt idx="1901">
                  <c:v>83.458377841488357</c:v>
                </c:pt>
                <c:pt idx="1902">
                  <c:v>83.453793835913544</c:v>
                </c:pt>
                <c:pt idx="1903">
                  <c:v>83.449672311613369</c:v>
                </c:pt>
                <c:pt idx="1904">
                  <c:v>83.445550787313152</c:v>
                </c:pt>
                <c:pt idx="1905">
                  <c:v>83.441429263012949</c:v>
                </c:pt>
                <c:pt idx="1906">
                  <c:v>83.437307738712775</c:v>
                </c:pt>
                <c:pt idx="1907">
                  <c:v>83.433186214412586</c:v>
                </c:pt>
                <c:pt idx="1908">
                  <c:v>83.429064690112369</c:v>
                </c:pt>
                <c:pt idx="1909">
                  <c:v>83.424480684537585</c:v>
                </c:pt>
                <c:pt idx="1910">
                  <c:v>83.420359160237396</c:v>
                </c:pt>
                <c:pt idx="1911">
                  <c:v>83.415775154662583</c:v>
                </c:pt>
                <c:pt idx="1912">
                  <c:v>83.411653630362409</c:v>
                </c:pt>
                <c:pt idx="1913">
                  <c:v>83.407532106062192</c:v>
                </c:pt>
                <c:pt idx="1914">
                  <c:v>83.402961702877818</c:v>
                </c:pt>
                <c:pt idx="1915">
                  <c:v>83.39882657618719</c:v>
                </c:pt>
                <c:pt idx="1916">
                  <c:v>83.395167533161597</c:v>
                </c:pt>
                <c:pt idx="1917">
                  <c:v>83.391046008861409</c:v>
                </c:pt>
                <c:pt idx="1918">
                  <c:v>83.38692448456122</c:v>
                </c:pt>
                <c:pt idx="1919">
                  <c:v>83.382802960261017</c:v>
                </c:pt>
                <c:pt idx="1920">
                  <c:v>83.379130314845014</c:v>
                </c:pt>
                <c:pt idx="1921">
                  <c:v>83.375008790544811</c:v>
                </c:pt>
                <c:pt idx="1922">
                  <c:v>83.370887266244623</c:v>
                </c:pt>
                <c:pt idx="1923">
                  <c:v>83.36722822321903</c:v>
                </c:pt>
                <c:pt idx="1924">
                  <c:v>83.363106698918827</c:v>
                </c:pt>
                <c:pt idx="1925">
                  <c:v>83.359434053502824</c:v>
                </c:pt>
                <c:pt idx="1926">
                  <c:v>83.355312529202621</c:v>
                </c:pt>
                <c:pt idx="1927">
                  <c:v>83.351653486177042</c:v>
                </c:pt>
                <c:pt idx="1928">
                  <c:v>83.34753196187684</c:v>
                </c:pt>
                <c:pt idx="1929">
                  <c:v>83.343859316460851</c:v>
                </c:pt>
                <c:pt idx="1930">
                  <c:v>83.339737792160633</c:v>
                </c:pt>
                <c:pt idx="1931">
                  <c:v>83.336078749135055</c:v>
                </c:pt>
                <c:pt idx="1932">
                  <c:v>83.332419706109462</c:v>
                </c:pt>
                <c:pt idx="1933">
                  <c:v>83.328284579418849</c:v>
                </c:pt>
                <c:pt idx="1934">
                  <c:v>83.324625536393256</c:v>
                </c:pt>
                <c:pt idx="1935">
                  <c:v>83.320966493367678</c:v>
                </c:pt>
                <c:pt idx="1936">
                  <c:v>83.31729384795166</c:v>
                </c:pt>
                <c:pt idx="1937">
                  <c:v>83.313634804926082</c:v>
                </c:pt>
                <c:pt idx="1938">
                  <c:v>83.30996215951005</c:v>
                </c:pt>
                <c:pt idx="1939">
                  <c:v>83.306303116484472</c:v>
                </c:pt>
                <c:pt idx="1940">
                  <c:v>83.303092952343079</c:v>
                </c:pt>
                <c:pt idx="1941">
                  <c:v>83.2994339093175</c:v>
                </c:pt>
                <c:pt idx="1942">
                  <c:v>83.295761263901468</c:v>
                </c:pt>
                <c:pt idx="1943">
                  <c:v>83.29210222087589</c:v>
                </c:pt>
                <c:pt idx="1944">
                  <c:v>83.288443177850297</c:v>
                </c:pt>
                <c:pt idx="1945">
                  <c:v>83.284770532434294</c:v>
                </c:pt>
                <c:pt idx="1946">
                  <c:v>83.281111489408687</c:v>
                </c:pt>
                <c:pt idx="1947">
                  <c:v>83.277438843992684</c:v>
                </c:pt>
                <c:pt idx="1948">
                  <c:v>83.274242282241701</c:v>
                </c:pt>
                <c:pt idx="1949">
                  <c:v>83.270569636825698</c:v>
                </c:pt>
                <c:pt idx="1950">
                  <c:v>83.266910593800119</c:v>
                </c:pt>
                <c:pt idx="1951">
                  <c:v>83.263251550774541</c:v>
                </c:pt>
                <c:pt idx="1952">
                  <c:v>83.260041386633134</c:v>
                </c:pt>
                <c:pt idx="1953">
                  <c:v>83.256368741217102</c:v>
                </c:pt>
                <c:pt idx="1954">
                  <c:v>83.253172179466134</c:v>
                </c:pt>
                <c:pt idx="1955">
                  <c:v>83.250424496599337</c:v>
                </c:pt>
                <c:pt idx="1956">
                  <c:v>83.247214332457929</c:v>
                </c:pt>
                <c:pt idx="1957">
                  <c:v>83.244004168316536</c:v>
                </c:pt>
                <c:pt idx="1958">
                  <c:v>83.240794004175129</c:v>
                </c:pt>
                <c:pt idx="1959">
                  <c:v>83.238046321308317</c:v>
                </c:pt>
                <c:pt idx="1960">
                  <c:v>83.234849759557335</c:v>
                </c:pt>
                <c:pt idx="1961">
                  <c:v>83.232102076690552</c:v>
                </c:pt>
                <c:pt idx="1962">
                  <c:v>83.228891912549159</c:v>
                </c:pt>
                <c:pt idx="1963">
                  <c:v>83.225681748407723</c:v>
                </c:pt>
                <c:pt idx="1964">
                  <c:v>83.222471584266316</c:v>
                </c:pt>
                <c:pt idx="1965">
                  <c:v>83.219275022515347</c:v>
                </c:pt>
                <c:pt idx="1966">
                  <c:v>83.216064858373954</c:v>
                </c:pt>
                <c:pt idx="1967">
                  <c:v>83.213317175507157</c:v>
                </c:pt>
                <c:pt idx="1968">
                  <c:v>83.210107011365736</c:v>
                </c:pt>
                <c:pt idx="1969">
                  <c:v>83.207359328498939</c:v>
                </c:pt>
                <c:pt idx="1970">
                  <c:v>83.204149164357545</c:v>
                </c:pt>
                <c:pt idx="1971">
                  <c:v>83.201401481490748</c:v>
                </c:pt>
                <c:pt idx="1972">
                  <c:v>83.198653798623951</c:v>
                </c:pt>
                <c:pt idx="1973">
                  <c:v>83.195906115757168</c:v>
                </c:pt>
                <c:pt idx="1974">
                  <c:v>83.1927095540062</c:v>
                </c:pt>
                <c:pt idx="1975">
                  <c:v>83.189961871139388</c:v>
                </c:pt>
                <c:pt idx="1976">
                  <c:v>83.187200585882152</c:v>
                </c:pt>
                <c:pt idx="1977">
                  <c:v>83.184452903015355</c:v>
                </c:pt>
                <c:pt idx="1978">
                  <c:v>83.181705220148558</c:v>
                </c:pt>
                <c:pt idx="1979">
                  <c:v>83.178957537281775</c:v>
                </c:pt>
                <c:pt idx="1980">
                  <c:v>83.176209854414978</c:v>
                </c:pt>
                <c:pt idx="1981">
                  <c:v>83.173013292663995</c:v>
                </c:pt>
                <c:pt idx="1982">
                  <c:v>83.169803128522616</c:v>
                </c:pt>
                <c:pt idx="1983">
                  <c:v>83.166592964381181</c:v>
                </c:pt>
                <c:pt idx="1984">
                  <c:v>83.162933921355602</c:v>
                </c:pt>
                <c:pt idx="1985">
                  <c:v>83.159723757214195</c:v>
                </c:pt>
                <c:pt idx="1986">
                  <c:v>83.156976074347412</c:v>
                </c:pt>
                <c:pt idx="1987">
                  <c:v>83.153765910205991</c:v>
                </c:pt>
                <c:pt idx="1988">
                  <c:v>83.151480708613818</c:v>
                </c:pt>
                <c:pt idx="1989">
                  <c:v>83.148733025747021</c:v>
                </c:pt>
                <c:pt idx="1990">
                  <c:v>83.146434221764395</c:v>
                </c:pt>
                <c:pt idx="1991">
                  <c:v>83.144149020172222</c:v>
                </c:pt>
                <c:pt idx="1992">
                  <c:v>83.141401337305396</c:v>
                </c:pt>
                <c:pt idx="1993">
                  <c:v>83.139116135713223</c:v>
                </c:pt>
                <c:pt idx="1994">
                  <c:v>83.136354850456001</c:v>
                </c:pt>
                <c:pt idx="1995">
                  <c:v>83.1340696488638</c:v>
                </c:pt>
                <c:pt idx="1996">
                  <c:v>83.131784447271627</c:v>
                </c:pt>
                <c:pt idx="1997">
                  <c:v>83.129485643289016</c:v>
                </c:pt>
                <c:pt idx="1998">
                  <c:v>83.127200441696829</c:v>
                </c:pt>
                <c:pt idx="1999">
                  <c:v>83.124915240104627</c:v>
                </c:pt>
                <c:pt idx="2000">
                  <c:v>83.122616436122016</c:v>
                </c:pt>
                <c:pt idx="2001">
                  <c:v>83.120331234529814</c:v>
                </c:pt>
                <c:pt idx="2002">
                  <c:v>83.118032430547231</c:v>
                </c:pt>
                <c:pt idx="2003">
                  <c:v>83.11528474768042</c:v>
                </c:pt>
                <c:pt idx="2004">
                  <c:v>83.112999546088233</c:v>
                </c:pt>
                <c:pt idx="2005">
                  <c:v>83.110251863221436</c:v>
                </c:pt>
                <c:pt idx="2006">
                  <c:v>83.107966661629249</c:v>
                </c:pt>
                <c:pt idx="2007">
                  <c:v>83.105667857646637</c:v>
                </c:pt>
                <c:pt idx="2008">
                  <c:v>83.103845137329046</c:v>
                </c:pt>
                <c:pt idx="2009">
                  <c:v>83.102008814621044</c:v>
                </c:pt>
                <c:pt idx="2010">
                  <c:v>83.100172491913028</c:v>
                </c:pt>
                <c:pt idx="2011">
                  <c:v>83.097887290320855</c:v>
                </c:pt>
                <c:pt idx="2012">
                  <c:v>83.095588486338229</c:v>
                </c:pt>
                <c:pt idx="2013">
                  <c:v>83.093303284746057</c:v>
                </c:pt>
                <c:pt idx="2014">
                  <c:v>83.090555601879259</c:v>
                </c:pt>
                <c:pt idx="2015">
                  <c:v>83.087807919012448</c:v>
                </c:pt>
                <c:pt idx="2016">
                  <c:v>83.085522717420275</c:v>
                </c:pt>
                <c:pt idx="2017">
                  <c:v>83.083223913437649</c:v>
                </c:pt>
                <c:pt idx="2018">
                  <c:v>83.080476230570838</c:v>
                </c:pt>
                <c:pt idx="2019">
                  <c:v>83.078191028978679</c:v>
                </c:pt>
                <c:pt idx="2020">
                  <c:v>83.075892224996053</c:v>
                </c:pt>
                <c:pt idx="2021">
                  <c:v>83.073144542129256</c:v>
                </c:pt>
                <c:pt idx="2022">
                  <c:v>83.070396859262459</c:v>
                </c:pt>
                <c:pt idx="2023">
                  <c:v>83.068111657670286</c:v>
                </c:pt>
                <c:pt idx="2024">
                  <c:v>83.065363974803475</c:v>
                </c:pt>
                <c:pt idx="2025">
                  <c:v>83.063065170820863</c:v>
                </c:pt>
                <c:pt idx="2026">
                  <c:v>83.060779969228676</c:v>
                </c:pt>
                <c:pt idx="2027">
                  <c:v>83.058494767636489</c:v>
                </c:pt>
                <c:pt idx="2028">
                  <c:v>83.055747084769692</c:v>
                </c:pt>
                <c:pt idx="2029">
                  <c:v>83.05344828078708</c:v>
                </c:pt>
                <c:pt idx="2030">
                  <c:v>83.051163079194879</c:v>
                </c:pt>
                <c:pt idx="2031">
                  <c:v>83.048877877602706</c:v>
                </c:pt>
                <c:pt idx="2032">
                  <c:v>83.04704155489469</c:v>
                </c:pt>
                <c:pt idx="2033">
                  <c:v>83.044742750912064</c:v>
                </c:pt>
                <c:pt idx="2034">
                  <c:v>83.042920030594502</c:v>
                </c:pt>
                <c:pt idx="2035">
                  <c:v>83.041083707886486</c:v>
                </c:pt>
                <c:pt idx="2036">
                  <c:v>83.038798506294285</c:v>
                </c:pt>
                <c:pt idx="2037">
                  <c:v>83.036962183586283</c:v>
                </c:pt>
                <c:pt idx="2038">
                  <c:v>83.03467698199411</c:v>
                </c:pt>
                <c:pt idx="2039">
                  <c:v>83.032840659286109</c:v>
                </c:pt>
                <c:pt idx="2040">
                  <c:v>83.031004336578107</c:v>
                </c:pt>
                <c:pt idx="2041">
                  <c:v>83.029630495144673</c:v>
                </c:pt>
                <c:pt idx="2042">
                  <c:v>83.027794172436685</c:v>
                </c:pt>
                <c:pt idx="2043">
                  <c:v>83.025971452119109</c:v>
                </c:pt>
                <c:pt idx="2044">
                  <c:v>83.024135129411107</c:v>
                </c:pt>
                <c:pt idx="2045">
                  <c:v>83.02184992781892</c:v>
                </c:pt>
                <c:pt idx="2046">
                  <c:v>83.020013605110918</c:v>
                </c:pt>
                <c:pt idx="2047">
                  <c:v>83.018639763677513</c:v>
                </c:pt>
                <c:pt idx="2048">
                  <c:v>83.017265922244121</c:v>
                </c:pt>
                <c:pt idx="2049">
                  <c:v>83.01542959953612</c:v>
                </c:pt>
                <c:pt idx="2050">
                  <c:v>83.013606879218528</c:v>
                </c:pt>
                <c:pt idx="2051">
                  <c:v>83.012233037785137</c:v>
                </c:pt>
                <c:pt idx="2052">
                  <c:v>83.010396715077121</c:v>
                </c:pt>
                <c:pt idx="2053">
                  <c:v>83.009471752527901</c:v>
                </c:pt>
                <c:pt idx="2054">
                  <c:v>83.008097911094509</c:v>
                </c:pt>
                <c:pt idx="2055">
                  <c:v>83.006724069661104</c:v>
                </c:pt>
                <c:pt idx="2056">
                  <c:v>83.005350228227698</c:v>
                </c:pt>
                <c:pt idx="2057">
                  <c:v>83.003527507910135</c:v>
                </c:pt>
                <c:pt idx="2058">
                  <c:v>83.001691185202134</c:v>
                </c:pt>
                <c:pt idx="2059">
                  <c:v>82.999854862494132</c:v>
                </c:pt>
                <c:pt idx="2060">
                  <c:v>82.998032142176541</c:v>
                </c:pt>
                <c:pt idx="2061">
                  <c:v>82.996195819468525</c:v>
                </c:pt>
                <c:pt idx="2062">
                  <c:v>82.994359496760524</c:v>
                </c:pt>
                <c:pt idx="2063">
                  <c:v>82.992985655327118</c:v>
                </c:pt>
                <c:pt idx="2064">
                  <c:v>82.991149332619116</c:v>
                </c:pt>
                <c:pt idx="2065">
                  <c:v>82.989326612301554</c:v>
                </c:pt>
                <c:pt idx="2066">
                  <c:v>82.987490289593538</c:v>
                </c:pt>
                <c:pt idx="2067">
                  <c:v>82.985205088001337</c:v>
                </c:pt>
                <c:pt idx="2068">
                  <c:v>82.983831246567945</c:v>
                </c:pt>
                <c:pt idx="2069">
                  <c:v>82.981994923859943</c:v>
                </c:pt>
                <c:pt idx="2070">
                  <c:v>82.980621082426552</c:v>
                </c:pt>
                <c:pt idx="2071">
                  <c:v>82.978784759718522</c:v>
                </c:pt>
                <c:pt idx="2072">
                  <c:v>82.976962039400959</c:v>
                </c:pt>
                <c:pt idx="2073">
                  <c:v>82.975574595577129</c:v>
                </c:pt>
                <c:pt idx="2074">
                  <c:v>82.974200754143723</c:v>
                </c:pt>
                <c:pt idx="2075">
                  <c:v>82.972826912710346</c:v>
                </c:pt>
                <c:pt idx="2076">
                  <c:v>82.971004192392755</c:v>
                </c:pt>
                <c:pt idx="2077">
                  <c:v>82.969630350959363</c:v>
                </c:pt>
                <c:pt idx="2078">
                  <c:v>82.967331546976737</c:v>
                </c:pt>
                <c:pt idx="2079">
                  <c:v>82.965508826659146</c:v>
                </c:pt>
                <c:pt idx="2080">
                  <c:v>82.963210022676535</c:v>
                </c:pt>
                <c:pt idx="2081">
                  <c:v>82.961387302358972</c:v>
                </c:pt>
                <c:pt idx="2082">
                  <c:v>82.960013460925566</c:v>
                </c:pt>
                <c:pt idx="2083">
                  <c:v>82.958177138217565</c:v>
                </c:pt>
                <c:pt idx="2084">
                  <c:v>82.956340815509549</c:v>
                </c:pt>
                <c:pt idx="2085">
                  <c:v>82.954966974076143</c:v>
                </c:pt>
                <c:pt idx="2086">
                  <c:v>82.953130651368156</c:v>
                </c:pt>
                <c:pt idx="2087">
                  <c:v>82.951307931050579</c:v>
                </c:pt>
                <c:pt idx="2088">
                  <c:v>82.949471608342577</c:v>
                </c:pt>
                <c:pt idx="2089">
                  <c:v>82.948097766909157</c:v>
                </c:pt>
                <c:pt idx="2090">
                  <c:v>82.946261444201156</c:v>
                </c:pt>
                <c:pt idx="2091">
                  <c:v>82.944887602767764</c:v>
                </c:pt>
                <c:pt idx="2092">
                  <c:v>82.943976242608969</c:v>
                </c:pt>
                <c:pt idx="2093">
                  <c:v>82.942602401175563</c:v>
                </c:pt>
                <c:pt idx="2094">
                  <c:v>82.941228559742171</c:v>
                </c:pt>
                <c:pt idx="2095">
                  <c:v>82.940303597192951</c:v>
                </c:pt>
                <c:pt idx="2096">
                  <c:v>82.938929755759546</c:v>
                </c:pt>
                <c:pt idx="2097">
                  <c:v>82.937555914326168</c:v>
                </c:pt>
                <c:pt idx="2098">
                  <c:v>82.935733194008591</c:v>
                </c:pt>
                <c:pt idx="2099">
                  <c:v>82.9343593525752</c:v>
                </c:pt>
                <c:pt idx="2100">
                  <c:v>82.932985511141794</c:v>
                </c:pt>
                <c:pt idx="2101">
                  <c:v>82.931611669708388</c:v>
                </c:pt>
                <c:pt idx="2102">
                  <c:v>82.930237828274983</c:v>
                </c:pt>
                <c:pt idx="2103">
                  <c:v>82.929312865725777</c:v>
                </c:pt>
                <c:pt idx="2104">
                  <c:v>82.927939024292357</c:v>
                </c:pt>
                <c:pt idx="2105">
                  <c:v>82.927490145408186</c:v>
                </c:pt>
                <c:pt idx="2106">
                  <c:v>82.926565182858965</c:v>
                </c:pt>
                <c:pt idx="2107">
                  <c:v>82.925653822700184</c:v>
                </c:pt>
                <c:pt idx="2108">
                  <c:v>82.924742462541403</c:v>
                </c:pt>
                <c:pt idx="2109">
                  <c:v>82.923355018717558</c:v>
                </c:pt>
                <c:pt idx="2110">
                  <c:v>82.922443658558791</c:v>
                </c:pt>
                <c:pt idx="2111">
                  <c:v>82.921532298399995</c:v>
                </c:pt>
                <c:pt idx="2112">
                  <c:v>82.920607335850775</c:v>
                </c:pt>
                <c:pt idx="2113">
                  <c:v>82.919233494417384</c:v>
                </c:pt>
                <c:pt idx="2114">
                  <c:v>82.918322134258588</c:v>
                </c:pt>
                <c:pt idx="2115">
                  <c:v>82.917410774099807</c:v>
                </c:pt>
                <c:pt idx="2116">
                  <c:v>82.916036932666401</c:v>
                </c:pt>
                <c:pt idx="2117">
                  <c:v>82.91466309123301</c:v>
                </c:pt>
                <c:pt idx="2118">
                  <c:v>82.913738128683789</c:v>
                </c:pt>
                <c:pt idx="2119">
                  <c:v>82.912364287250369</c:v>
                </c:pt>
                <c:pt idx="2120">
                  <c:v>82.910990445816978</c:v>
                </c:pt>
                <c:pt idx="2121">
                  <c:v>82.910079085658211</c:v>
                </c:pt>
                <c:pt idx="2122">
                  <c:v>82.908705244224805</c:v>
                </c:pt>
                <c:pt idx="2123">
                  <c:v>82.907331402791399</c:v>
                </c:pt>
                <c:pt idx="2124">
                  <c:v>82.906420042632618</c:v>
                </c:pt>
                <c:pt idx="2125">
                  <c:v>82.905032598808788</c:v>
                </c:pt>
                <c:pt idx="2126">
                  <c:v>82.903658757375382</c:v>
                </c:pt>
                <c:pt idx="2127">
                  <c:v>82.902747397216601</c:v>
                </c:pt>
                <c:pt idx="2128">
                  <c:v>82.901373555783195</c:v>
                </c:pt>
                <c:pt idx="2129">
                  <c:v>82.899999714349775</c:v>
                </c:pt>
                <c:pt idx="2130">
                  <c:v>82.898625872916412</c:v>
                </c:pt>
                <c:pt idx="2131">
                  <c:v>82.897252031482992</c:v>
                </c:pt>
                <c:pt idx="2132">
                  <c:v>82.895878190049601</c:v>
                </c:pt>
                <c:pt idx="2133">
                  <c:v>82.894504348616209</c:v>
                </c:pt>
                <c:pt idx="2134">
                  <c:v>82.893130507182804</c:v>
                </c:pt>
                <c:pt idx="2135">
                  <c:v>82.891756665749412</c:v>
                </c:pt>
                <c:pt idx="2136">
                  <c:v>82.890845305590616</c:v>
                </c:pt>
                <c:pt idx="2137">
                  <c:v>82.889471464157225</c:v>
                </c:pt>
                <c:pt idx="2138">
                  <c:v>82.888097622723834</c:v>
                </c:pt>
                <c:pt idx="2139">
                  <c:v>82.886710178900003</c:v>
                </c:pt>
                <c:pt idx="2140">
                  <c:v>82.885336337466597</c:v>
                </c:pt>
                <c:pt idx="2141">
                  <c:v>82.883962496033206</c:v>
                </c:pt>
                <c:pt idx="2142">
                  <c:v>82.882588654599815</c:v>
                </c:pt>
                <c:pt idx="2143">
                  <c:v>82.880765934282223</c:v>
                </c:pt>
                <c:pt idx="2144">
                  <c:v>82.879392092848846</c:v>
                </c:pt>
                <c:pt idx="2145">
                  <c:v>82.878018251415426</c:v>
                </c:pt>
                <c:pt idx="2146">
                  <c:v>82.876644409982035</c:v>
                </c:pt>
                <c:pt idx="2147">
                  <c:v>82.875270568548629</c:v>
                </c:pt>
                <c:pt idx="2148">
                  <c:v>82.873896727115223</c:v>
                </c:pt>
                <c:pt idx="2149">
                  <c:v>82.872971764566017</c:v>
                </c:pt>
                <c:pt idx="2150">
                  <c:v>82.871597923132626</c:v>
                </c:pt>
                <c:pt idx="2151">
                  <c:v>82.870224081699234</c:v>
                </c:pt>
                <c:pt idx="2152">
                  <c:v>82.868850240265829</c:v>
                </c:pt>
                <c:pt idx="2153">
                  <c:v>82.867938880107033</c:v>
                </c:pt>
                <c:pt idx="2154">
                  <c:v>82.866102557399017</c:v>
                </c:pt>
                <c:pt idx="2155">
                  <c:v>82.864728715965626</c:v>
                </c:pt>
                <c:pt idx="2156">
                  <c:v>82.863354874532234</c:v>
                </c:pt>
                <c:pt idx="2157">
                  <c:v>82.861981033098814</c:v>
                </c:pt>
                <c:pt idx="2158">
                  <c:v>82.861069672940033</c:v>
                </c:pt>
                <c:pt idx="2159">
                  <c:v>82.85969583150667</c:v>
                </c:pt>
                <c:pt idx="2160">
                  <c:v>82.858770868957421</c:v>
                </c:pt>
                <c:pt idx="2161">
                  <c:v>82.85739702752403</c:v>
                </c:pt>
                <c:pt idx="2162">
                  <c:v>82.856485667365234</c:v>
                </c:pt>
                <c:pt idx="2163">
                  <c:v>82.855574307206453</c:v>
                </c:pt>
                <c:pt idx="2164">
                  <c:v>82.854200465773047</c:v>
                </c:pt>
                <c:pt idx="2165">
                  <c:v>82.853275503223827</c:v>
                </c:pt>
                <c:pt idx="2166">
                  <c:v>82.852364143065046</c:v>
                </c:pt>
                <c:pt idx="2167">
                  <c:v>82.851439180515825</c:v>
                </c:pt>
                <c:pt idx="2168">
                  <c:v>82.850527820357044</c:v>
                </c:pt>
                <c:pt idx="2169">
                  <c:v>82.849153978923638</c:v>
                </c:pt>
                <c:pt idx="2170">
                  <c:v>82.847780137490247</c:v>
                </c:pt>
                <c:pt idx="2171">
                  <c:v>82.846868777331466</c:v>
                </c:pt>
                <c:pt idx="2172">
                  <c:v>82.845494935898046</c:v>
                </c:pt>
                <c:pt idx="2173">
                  <c:v>82.844121094464668</c:v>
                </c:pt>
                <c:pt idx="2174">
                  <c:v>82.842747253031263</c:v>
                </c:pt>
                <c:pt idx="2175">
                  <c:v>82.841373411597857</c:v>
                </c:pt>
                <c:pt idx="2176">
                  <c:v>82.839999570164451</c:v>
                </c:pt>
                <c:pt idx="2177">
                  <c:v>82.839074607615231</c:v>
                </c:pt>
                <c:pt idx="2178">
                  <c:v>82.83770076618184</c:v>
                </c:pt>
                <c:pt idx="2179">
                  <c:v>82.836326924748448</c:v>
                </c:pt>
                <c:pt idx="2180">
                  <c:v>82.835415564589667</c:v>
                </c:pt>
                <c:pt idx="2181">
                  <c:v>82.834490602040432</c:v>
                </c:pt>
                <c:pt idx="2182">
                  <c:v>82.833116760607041</c:v>
                </c:pt>
                <c:pt idx="2183">
                  <c:v>82.83220540044826</c:v>
                </c:pt>
                <c:pt idx="2184">
                  <c:v>82.830831559014868</c:v>
                </c:pt>
                <c:pt idx="2185">
                  <c:v>82.828995236306852</c:v>
                </c:pt>
                <c:pt idx="2186">
                  <c:v>82.827621394873461</c:v>
                </c:pt>
                <c:pt idx="2187">
                  <c:v>82.826247553440055</c:v>
                </c:pt>
                <c:pt idx="2188">
                  <c:v>82.825336193281245</c:v>
                </c:pt>
                <c:pt idx="2189">
                  <c:v>82.824424833122492</c:v>
                </c:pt>
                <c:pt idx="2190">
                  <c:v>82.823962351847882</c:v>
                </c:pt>
                <c:pt idx="2191">
                  <c:v>82.823050991689072</c:v>
                </c:pt>
                <c:pt idx="2192">
                  <c:v>82.822588510414462</c:v>
                </c:pt>
                <c:pt idx="2193">
                  <c:v>82.822126029139852</c:v>
                </c:pt>
                <c:pt idx="2194">
                  <c:v>82.821677150255667</c:v>
                </c:pt>
                <c:pt idx="2195">
                  <c:v>82.821214668981071</c:v>
                </c:pt>
                <c:pt idx="2196">
                  <c:v>82.820752187706461</c:v>
                </c:pt>
                <c:pt idx="2197">
                  <c:v>82.819840827547679</c:v>
                </c:pt>
                <c:pt idx="2198">
                  <c:v>82.818929467388884</c:v>
                </c:pt>
                <c:pt idx="2199">
                  <c:v>82.817555625955492</c:v>
                </c:pt>
                <c:pt idx="2200">
                  <c:v>82.815719303247477</c:v>
                </c:pt>
                <c:pt idx="2201">
                  <c:v>82.812971620380679</c:v>
                </c:pt>
                <c:pt idx="2202">
                  <c:v>82.809761456239258</c:v>
                </c:pt>
                <c:pt idx="2203">
                  <c:v>82.806102413213694</c:v>
                </c:pt>
                <c:pt idx="2204">
                  <c:v>82.80105592636427</c:v>
                </c:pt>
                <c:pt idx="2205">
                  <c:v>82.79509807935608</c:v>
                </c:pt>
                <c:pt idx="2206">
                  <c:v>82.78822887218908</c:v>
                </c:pt>
                <c:pt idx="2207">
                  <c:v>82.780448304863313</c:v>
                </c:pt>
                <c:pt idx="2208">
                  <c:v>82.771280293713716</c:v>
                </c:pt>
                <c:pt idx="2209">
                  <c:v>82.761663403679918</c:v>
                </c:pt>
                <c:pt idx="2210">
                  <c:v>82.750210190938105</c:v>
                </c:pt>
                <c:pt idx="2211">
                  <c:v>82.736934257878744</c:v>
                </c:pt>
                <c:pt idx="2212">
                  <c:v>82.722270880995552</c:v>
                </c:pt>
                <c:pt idx="2213">
                  <c:v>82.705784783794755</c:v>
                </c:pt>
                <c:pt idx="2214">
                  <c:v>82.687911242770156</c:v>
                </c:pt>
                <c:pt idx="2215">
                  <c:v>82.669139943977186</c:v>
                </c:pt>
                <c:pt idx="2216">
                  <c:v>82.64944368263501</c:v>
                </c:pt>
                <c:pt idx="2217">
                  <c:v>82.630196300177005</c:v>
                </c:pt>
                <c:pt idx="2218">
                  <c:v>82.610962520109439</c:v>
                </c:pt>
                <c:pt idx="2219">
                  <c:v>82.591266258767249</c:v>
                </c:pt>
                <c:pt idx="2220">
                  <c:v>82.572032478699683</c:v>
                </c:pt>
                <c:pt idx="2221">
                  <c:v>82.553247577516288</c:v>
                </c:pt>
                <c:pt idx="2222">
                  <c:v>82.535387638882099</c:v>
                </c:pt>
                <c:pt idx="2223">
                  <c:v>82.51797657913211</c:v>
                </c:pt>
                <c:pt idx="2224">
                  <c:v>82.501028000656731</c:v>
                </c:pt>
                <c:pt idx="2225">
                  <c:v>82.484079422181338</c:v>
                </c:pt>
                <c:pt idx="2226">
                  <c:v>82.467593324980569</c:v>
                </c:pt>
                <c:pt idx="2227">
                  <c:v>82.451093625389362</c:v>
                </c:pt>
                <c:pt idx="2228">
                  <c:v>82.43551888834736</c:v>
                </c:pt>
                <c:pt idx="2229">
                  <c:v>82.420869113854593</c:v>
                </c:pt>
                <c:pt idx="2230">
                  <c:v>82.406668218245997</c:v>
                </c:pt>
                <c:pt idx="2231">
                  <c:v>82.393841164070807</c:v>
                </c:pt>
                <c:pt idx="2232">
                  <c:v>82.381476591170227</c:v>
                </c:pt>
                <c:pt idx="2233">
                  <c:v>82.370023378428442</c:v>
                </c:pt>
                <c:pt idx="2234">
                  <c:v>82.359481525845439</c:v>
                </c:pt>
                <c:pt idx="2235">
                  <c:v>82.34895327565286</c:v>
                </c:pt>
                <c:pt idx="2236">
                  <c:v>82.339336385619049</c:v>
                </c:pt>
                <c:pt idx="2237">
                  <c:v>82.330168374469466</c:v>
                </c:pt>
                <c:pt idx="2238">
                  <c:v>82.321462844594478</c:v>
                </c:pt>
                <c:pt idx="2239">
                  <c:v>82.312757314719462</c:v>
                </c:pt>
                <c:pt idx="2240">
                  <c:v>82.304976747393681</c:v>
                </c:pt>
                <c:pt idx="2241">
                  <c:v>82.297645058952071</c:v>
                </c:pt>
                <c:pt idx="2242">
                  <c:v>82.290313370510475</c:v>
                </c:pt>
                <c:pt idx="2243">
                  <c:v>82.282981682068879</c:v>
                </c:pt>
                <c:pt idx="2244">
                  <c:v>82.276112474901893</c:v>
                </c:pt>
                <c:pt idx="2245">
                  <c:v>82.269705749009532</c:v>
                </c:pt>
                <c:pt idx="2246">
                  <c:v>82.263747902001299</c:v>
                </c:pt>
                <c:pt idx="2247">
                  <c:v>82.257790054993109</c:v>
                </c:pt>
                <c:pt idx="2248">
                  <c:v>82.2522946892595</c:v>
                </c:pt>
                <c:pt idx="2249">
                  <c:v>82.24679932352592</c:v>
                </c:pt>
                <c:pt idx="2250">
                  <c:v>82.24176643906695</c:v>
                </c:pt>
                <c:pt idx="2251">
                  <c:v>82.237182433492123</c:v>
                </c:pt>
                <c:pt idx="2252">
                  <c:v>82.233060909191934</c:v>
                </c:pt>
                <c:pt idx="2253">
                  <c:v>82.229388263775917</c:v>
                </c:pt>
                <c:pt idx="2254">
                  <c:v>82.226191702024948</c:v>
                </c:pt>
                <c:pt idx="2255">
                  <c:v>82.222519056608945</c:v>
                </c:pt>
                <c:pt idx="2256">
                  <c:v>82.218860013583367</c:v>
                </c:pt>
                <c:pt idx="2257">
                  <c:v>82.21473848928315</c:v>
                </c:pt>
                <c:pt idx="2258">
                  <c:v>82.211065843867132</c:v>
                </c:pt>
                <c:pt idx="2259">
                  <c:v>82.207406800841554</c:v>
                </c:pt>
                <c:pt idx="2260">
                  <c:v>82.204196636700161</c:v>
                </c:pt>
                <c:pt idx="2261">
                  <c:v>82.201000074949178</c:v>
                </c:pt>
                <c:pt idx="2262">
                  <c:v>82.198252392082367</c:v>
                </c:pt>
                <c:pt idx="2263">
                  <c:v>82.195953588099755</c:v>
                </c:pt>
                <c:pt idx="2264">
                  <c:v>82.193668386507568</c:v>
                </c:pt>
                <c:pt idx="2265">
                  <c:v>82.191369582524956</c:v>
                </c:pt>
                <c:pt idx="2266">
                  <c:v>82.189084380932769</c:v>
                </c:pt>
                <c:pt idx="2267">
                  <c:v>82.186799179340568</c:v>
                </c:pt>
                <c:pt idx="2268">
                  <c:v>82.18450037535797</c:v>
                </c:pt>
                <c:pt idx="2269">
                  <c:v>82.182215173765769</c:v>
                </c:pt>
                <c:pt idx="2270">
                  <c:v>82.180378851057768</c:v>
                </c:pt>
                <c:pt idx="2271">
                  <c:v>82.178093649465595</c:v>
                </c:pt>
                <c:pt idx="2272">
                  <c:v>82.176257326757579</c:v>
                </c:pt>
                <c:pt idx="2273">
                  <c:v>82.174421004049563</c:v>
                </c:pt>
                <c:pt idx="2274">
                  <c:v>82.172598283731986</c:v>
                </c:pt>
                <c:pt idx="2275">
                  <c:v>82.170761961023985</c:v>
                </c:pt>
                <c:pt idx="2276">
                  <c:v>82.168925638315983</c:v>
                </c:pt>
                <c:pt idx="2277">
                  <c:v>82.167102917998392</c:v>
                </c:pt>
                <c:pt idx="2278">
                  <c:v>82.165729076565</c:v>
                </c:pt>
                <c:pt idx="2279">
                  <c:v>82.163892753856999</c:v>
                </c:pt>
                <c:pt idx="2280">
                  <c:v>82.162518912423593</c:v>
                </c:pt>
                <c:pt idx="2281">
                  <c:v>82.161145070990202</c:v>
                </c:pt>
                <c:pt idx="2282">
                  <c:v>82.160220108440967</c:v>
                </c:pt>
                <c:pt idx="2283">
                  <c:v>82.158846267007576</c:v>
                </c:pt>
                <c:pt idx="2284">
                  <c:v>82.157472425574184</c:v>
                </c:pt>
                <c:pt idx="2285">
                  <c:v>82.156098584140778</c:v>
                </c:pt>
                <c:pt idx="2286">
                  <c:v>82.155187223981997</c:v>
                </c:pt>
                <c:pt idx="2287">
                  <c:v>82.153813382548606</c:v>
                </c:pt>
                <c:pt idx="2288">
                  <c:v>82.152439541115186</c:v>
                </c:pt>
                <c:pt idx="2289">
                  <c:v>82.150603218407184</c:v>
                </c:pt>
                <c:pt idx="2290">
                  <c:v>82.149691858248403</c:v>
                </c:pt>
                <c:pt idx="2291">
                  <c:v>82.148318016814997</c:v>
                </c:pt>
                <c:pt idx="2292">
                  <c:v>82.147406656656216</c:v>
                </c:pt>
                <c:pt idx="2293">
                  <c:v>82.146481694106981</c:v>
                </c:pt>
                <c:pt idx="2294">
                  <c:v>82.145570333948214</c:v>
                </c:pt>
                <c:pt idx="2295">
                  <c:v>82.144658973789419</c:v>
                </c:pt>
                <c:pt idx="2296">
                  <c:v>82.143734011240198</c:v>
                </c:pt>
                <c:pt idx="2297">
                  <c:v>82.142822651081417</c:v>
                </c:pt>
                <c:pt idx="2298">
                  <c:v>82.141897688532183</c:v>
                </c:pt>
                <c:pt idx="2299">
                  <c:v>82.140986328373415</c:v>
                </c:pt>
                <c:pt idx="2300">
                  <c:v>82.14007496821462</c:v>
                </c:pt>
                <c:pt idx="2301">
                  <c:v>82.13961248694001</c:v>
                </c:pt>
                <c:pt idx="2302">
                  <c:v>82.138701126781228</c:v>
                </c:pt>
                <c:pt idx="2303">
                  <c:v>82.137776164232008</c:v>
                </c:pt>
                <c:pt idx="2304">
                  <c:v>82.137327285347823</c:v>
                </c:pt>
                <c:pt idx="2305">
                  <c:v>82.136402322798602</c:v>
                </c:pt>
                <c:pt idx="2306">
                  <c:v>82.135953443914417</c:v>
                </c:pt>
                <c:pt idx="2307">
                  <c:v>82.135490962639807</c:v>
                </c:pt>
                <c:pt idx="2308">
                  <c:v>82.135028481365197</c:v>
                </c:pt>
                <c:pt idx="2309">
                  <c:v>82.134579602481011</c:v>
                </c:pt>
                <c:pt idx="2310">
                  <c:v>82.133654639931805</c:v>
                </c:pt>
                <c:pt idx="2311">
                  <c:v>82.13320576104762</c:v>
                </c:pt>
                <c:pt idx="2312">
                  <c:v>82.132743279773024</c:v>
                </c:pt>
                <c:pt idx="2313">
                  <c:v>82.132280798498414</c:v>
                </c:pt>
                <c:pt idx="2314">
                  <c:v>82.131831919614214</c:v>
                </c:pt>
                <c:pt idx="2315">
                  <c:v>82.131369438339604</c:v>
                </c:pt>
                <c:pt idx="2316">
                  <c:v>82.130906957064994</c:v>
                </c:pt>
                <c:pt idx="2317">
                  <c:v>82.130458078180823</c:v>
                </c:pt>
                <c:pt idx="2318">
                  <c:v>82.129995596906241</c:v>
                </c:pt>
                <c:pt idx="2319">
                  <c:v>82.129533115631602</c:v>
                </c:pt>
                <c:pt idx="2320">
                  <c:v>82.128621755472821</c:v>
                </c:pt>
                <c:pt idx="2321">
                  <c:v>82.128159274198211</c:v>
                </c:pt>
                <c:pt idx="2322">
                  <c:v>82.12724791403943</c:v>
                </c:pt>
                <c:pt idx="2323">
                  <c:v>82.126785432764805</c:v>
                </c:pt>
                <c:pt idx="2324">
                  <c:v>82.125874072606024</c:v>
                </c:pt>
                <c:pt idx="2325">
                  <c:v>82.124949110056804</c:v>
                </c:pt>
                <c:pt idx="2326">
                  <c:v>82.124500231172632</c:v>
                </c:pt>
                <c:pt idx="2327">
                  <c:v>82.124037749898022</c:v>
                </c:pt>
                <c:pt idx="2328">
                  <c:v>82.124037749898022</c:v>
                </c:pt>
                <c:pt idx="2329">
                  <c:v>82.123575268623412</c:v>
                </c:pt>
                <c:pt idx="2330">
                  <c:v>82.123126389739227</c:v>
                </c:pt>
                <c:pt idx="2331">
                  <c:v>82.122663908464617</c:v>
                </c:pt>
                <c:pt idx="2332">
                  <c:v>82.121752548305821</c:v>
                </c:pt>
                <c:pt idx="2333">
                  <c:v>82.121290067031225</c:v>
                </c:pt>
                <c:pt idx="2334">
                  <c:v>82.12037870687243</c:v>
                </c:pt>
                <c:pt idx="2335">
                  <c:v>82.119916225597819</c:v>
                </c:pt>
                <c:pt idx="2336">
                  <c:v>82.119453744323209</c:v>
                </c:pt>
                <c:pt idx="2337">
                  <c:v>82.118542384164428</c:v>
                </c:pt>
                <c:pt idx="2338">
                  <c:v>82.118079902889818</c:v>
                </c:pt>
                <c:pt idx="2339">
                  <c:v>82.117168542731008</c:v>
                </c:pt>
                <c:pt idx="2340">
                  <c:v>82.116706061456426</c:v>
                </c:pt>
                <c:pt idx="2341">
                  <c:v>82.116257182572227</c:v>
                </c:pt>
                <c:pt idx="2342">
                  <c:v>82.115794701297617</c:v>
                </c:pt>
                <c:pt idx="2343">
                  <c:v>82.115794701297617</c:v>
                </c:pt>
                <c:pt idx="2344">
                  <c:v>82.115332220023035</c:v>
                </c:pt>
                <c:pt idx="2345">
                  <c:v>82.114883341138835</c:v>
                </c:pt>
                <c:pt idx="2346">
                  <c:v>82.114883341138835</c:v>
                </c:pt>
                <c:pt idx="2347">
                  <c:v>82.114883341138835</c:v>
                </c:pt>
                <c:pt idx="2348">
                  <c:v>82.114883341138835</c:v>
                </c:pt>
                <c:pt idx="2349">
                  <c:v>82.114420859864225</c:v>
                </c:pt>
                <c:pt idx="2350">
                  <c:v>82.114420859864225</c:v>
                </c:pt>
                <c:pt idx="2351">
                  <c:v>82.114420859864225</c:v>
                </c:pt>
                <c:pt idx="2352">
                  <c:v>82.113958378589629</c:v>
                </c:pt>
                <c:pt idx="2353">
                  <c:v>82.113509499705444</c:v>
                </c:pt>
                <c:pt idx="2354">
                  <c:v>82.113047018430834</c:v>
                </c:pt>
                <c:pt idx="2355">
                  <c:v>82.113047018430834</c:v>
                </c:pt>
                <c:pt idx="2356">
                  <c:v>82.112135658272052</c:v>
                </c:pt>
                <c:pt idx="2357">
                  <c:v>82.111673176997428</c:v>
                </c:pt>
                <c:pt idx="2358">
                  <c:v>82.111210695722818</c:v>
                </c:pt>
                <c:pt idx="2359">
                  <c:v>82.111210695722818</c:v>
                </c:pt>
                <c:pt idx="2360">
                  <c:v>82.110761816838647</c:v>
                </c:pt>
                <c:pt idx="2361">
                  <c:v>82.110299335564036</c:v>
                </c:pt>
                <c:pt idx="2362">
                  <c:v>82.110299335564036</c:v>
                </c:pt>
                <c:pt idx="2363">
                  <c:v>82.109836854289426</c:v>
                </c:pt>
                <c:pt idx="2364">
                  <c:v>82.109387975405241</c:v>
                </c:pt>
                <c:pt idx="2365">
                  <c:v>82.109387975405241</c:v>
                </c:pt>
                <c:pt idx="2366">
                  <c:v>82.108925494130631</c:v>
                </c:pt>
                <c:pt idx="2367">
                  <c:v>82.108925494130631</c:v>
                </c:pt>
                <c:pt idx="2368">
                  <c:v>82.108463012856021</c:v>
                </c:pt>
                <c:pt idx="2369">
                  <c:v>82.108463012856021</c:v>
                </c:pt>
                <c:pt idx="2370">
                  <c:v>82.108014133971835</c:v>
                </c:pt>
                <c:pt idx="2371">
                  <c:v>82.107551652697239</c:v>
                </c:pt>
                <c:pt idx="2372">
                  <c:v>82.106626690148019</c:v>
                </c:pt>
                <c:pt idx="2373">
                  <c:v>82.106177811263848</c:v>
                </c:pt>
                <c:pt idx="2374">
                  <c:v>82.106177811263848</c:v>
                </c:pt>
                <c:pt idx="2375">
                  <c:v>82.105715329989238</c:v>
                </c:pt>
                <c:pt idx="2376">
                  <c:v>82.105715329989238</c:v>
                </c:pt>
                <c:pt idx="2377">
                  <c:v>82.105715329989238</c:v>
                </c:pt>
                <c:pt idx="2378">
                  <c:v>82.105715329989238</c:v>
                </c:pt>
                <c:pt idx="2379">
                  <c:v>82.105252848714613</c:v>
                </c:pt>
                <c:pt idx="2380">
                  <c:v>82.104803969830442</c:v>
                </c:pt>
                <c:pt idx="2381">
                  <c:v>82.104803969830442</c:v>
                </c:pt>
                <c:pt idx="2382">
                  <c:v>82.104803969830442</c:v>
                </c:pt>
                <c:pt idx="2383">
                  <c:v>82.104803969830442</c:v>
                </c:pt>
                <c:pt idx="2384">
                  <c:v>82.104803969830442</c:v>
                </c:pt>
                <c:pt idx="2385">
                  <c:v>82.104341488555832</c:v>
                </c:pt>
                <c:pt idx="2386">
                  <c:v>82.104341488555832</c:v>
                </c:pt>
                <c:pt idx="2387">
                  <c:v>82.103879007281222</c:v>
                </c:pt>
                <c:pt idx="2388">
                  <c:v>82.103879007281222</c:v>
                </c:pt>
                <c:pt idx="2389">
                  <c:v>82.103879007281222</c:v>
                </c:pt>
                <c:pt idx="2390">
                  <c:v>82.103430128397051</c:v>
                </c:pt>
                <c:pt idx="2391">
                  <c:v>82.103430128397051</c:v>
                </c:pt>
                <c:pt idx="2392">
                  <c:v>82.103430128397051</c:v>
                </c:pt>
                <c:pt idx="2393">
                  <c:v>82.103430128397051</c:v>
                </c:pt>
                <c:pt idx="2394">
                  <c:v>82.103430128397051</c:v>
                </c:pt>
                <c:pt idx="2395">
                  <c:v>82.103430128397051</c:v>
                </c:pt>
                <c:pt idx="2396">
                  <c:v>82.103430128397051</c:v>
                </c:pt>
                <c:pt idx="2397">
                  <c:v>82.103430128397051</c:v>
                </c:pt>
                <c:pt idx="2398">
                  <c:v>82.103430128397051</c:v>
                </c:pt>
                <c:pt idx="2399">
                  <c:v>82.103430128397051</c:v>
                </c:pt>
                <c:pt idx="2400">
                  <c:v>82.102967647122441</c:v>
                </c:pt>
                <c:pt idx="2401">
                  <c:v>82.10250516584783</c:v>
                </c:pt>
                <c:pt idx="2402">
                  <c:v>82.102056286963659</c:v>
                </c:pt>
                <c:pt idx="2403">
                  <c:v>82.101593805689049</c:v>
                </c:pt>
                <c:pt idx="2404">
                  <c:v>82.101131324414439</c:v>
                </c:pt>
                <c:pt idx="2405">
                  <c:v>82.100682445530239</c:v>
                </c:pt>
                <c:pt idx="2406">
                  <c:v>82.100219964255643</c:v>
                </c:pt>
                <c:pt idx="2407">
                  <c:v>82.099757482981033</c:v>
                </c:pt>
                <c:pt idx="2408">
                  <c:v>82.098846122822238</c:v>
                </c:pt>
                <c:pt idx="2409">
                  <c:v>82.098383641547628</c:v>
                </c:pt>
                <c:pt idx="2410">
                  <c:v>82.097934762663442</c:v>
                </c:pt>
                <c:pt idx="2411">
                  <c:v>82.097472281388832</c:v>
                </c:pt>
                <c:pt idx="2412">
                  <c:v>82.097472281388832</c:v>
                </c:pt>
                <c:pt idx="2413">
                  <c:v>82.097472281388832</c:v>
                </c:pt>
                <c:pt idx="2414">
                  <c:v>82.097472281388832</c:v>
                </c:pt>
                <c:pt idx="2415">
                  <c:v>82.097472281388832</c:v>
                </c:pt>
                <c:pt idx="2416">
                  <c:v>82.097472281388832</c:v>
                </c:pt>
                <c:pt idx="2417">
                  <c:v>82.097009800114236</c:v>
                </c:pt>
                <c:pt idx="2418">
                  <c:v>82.096560921230051</c:v>
                </c:pt>
                <c:pt idx="2419">
                  <c:v>82.096560921230051</c:v>
                </c:pt>
                <c:pt idx="2420">
                  <c:v>82.096560921230051</c:v>
                </c:pt>
                <c:pt idx="2421">
                  <c:v>82.096560921230051</c:v>
                </c:pt>
                <c:pt idx="2422">
                  <c:v>82.096560921230051</c:v>
                </c:pt>
                <c:pt idx="2423">
                  <c:v>82.096560921230051</c:v>
                </c:pt>
                <c:pt idx="2424">
                  <c:v>82.096560921230051</c:v>
                </c:pt>
                <c:pt idx="2425">
                  <c:v>82.096560921230051</c:v>
                </c:pt>
                <c:pt idx="2426">
                  <c:v>82.097009800114236</c:v>
                </c:pt>
                <c:pt idx="2427">
                  <c:v>82.097009800114236</c:v>
                </c:pt>
                <c:pt idx="2428">
                  <c:v>82.097009800114236</c:v>
                </c:pt>
                <c:pt idx="2429">
                  <c:v>82.097472281388832</c:v>
                </c:pt>
                <c:pt idx="2430">
                  <c:v>82.097472281388832</c:v>
                </c:pt>
                <c:pt idx="2431">
                  <c:v>82.097472281388832</c:v>
                </c:pt>
                <c:pt idx="2432">
                  <c:v>82.097472281388832</c:v>
                </c:pt>
                <c:pt idx="2433">
                  <c:v>82.097472281388832</c:v>
                </c:pt>
                <c:pt idx="2434">
                  <c:v>82.097472281388832</c:v>
                </c:pt>
                <c:pt idx="2435">
                  <c:v>82.097472281388832</c:v>
                </c:pt>
                <c:pt idx="2436">
                  <c:v>82.097472281388832</c:v>
                </c:pt>
                <c:pt idx="2437">
                  <c:v>82.096560921230051</c:v>
                </c:pt>
                <c:pt idx="2438">
                  <c:v>82.096098439955441</c:v>
                </c:pt>
                <c:pt idx="2439">
                  <c:v>82.095635958680845</c:v>
                </c:pt>
                <c:pt idx="2440">
                  <c:v>82.095187079796659</c:v>
                </c:pt>
                <c:pt idx="2441">
                  <c:v>82.094724598522049</c:v>
                </c:pt>
                <c:pt idx="2442">
                  <c:v>82.094262117247425</c:v>
                </c:pt>
                <c:pt idx="2443">
                  <c:v>82.093813238363268</c:v>
                </c:pt>
                <c:pt idx="2444">
                  <c:v>82.093350757088643</c:v>
                </c:pt>
                <c:pt idx="2445">
                  <c:v>82.092888275814033</c:v>
                </c:pt>
                <c:pt idx="2446">
                  <c:v>82.092888275814033</c:v>
                </c:pt>
                <c:pt idx="2447">
                  <c:v>82.092888275814033</c:v>
                </c:pt>
                <c:pt idx="2448">
                  <c:v>82.092439396929862</c:v>
                </c:pt>
                <c:pt idx="2449">
                  <c:v>82.091976915655252</c:v>
                </c:pt>
                <c:pt idx="2450">
                  <c:v>82.091976915655252</c:v>
                </c:pt>
                <c:pt idx="2451">
                  <c:v>82.091514434380628</c:v>
                </c:pt>
                <c:pt idx="2452">
                  <c:v>82.091514434380628</c:v>
                </c:pt>
                <c:pt idx="2453">
                  <c:v>82.091065555496456</c:v>
                </c:pt>
                <c:pt idx="2454">
                  <c:v>82.091065555496456</c:v>
                </c:pt>
                <c:pt idx="2455">
                  <c:v>82.09060307422186</c:v>
                </c:pt>
                <c:pt idx="2456">
                  <c:v>82.09060307422186</c:v>
                </c:pt>
                <c:pt idx="2457">
                  <c:v>82.09060307422186</c:v>
                </c:pt>
                <c:pt idx="2458">
                  <c:v>82.09060307422186</c:v>
                </c:pt>
                <c:pt idx="2459">
                  <c:v>82.091065555496456</c:v>
                </c:pt>
                <c:pt idx="2460">
                  <c:v>82.091065555496456</c:v>
                </c:pt>
                <c:pt idx="2461">
                  <c:v>82.091514434380628</c:v>
                </c:pt>
                <c:pt idx="2462">
                  <c:v>82.091976915655252</c:v>
                </c:pt>
                <c:pt idx="2463">
                  <c:v>82.092439396929862</c:v>
                </c:pt>
                <c:pt idx="2464">
                  <c:v>82.092439396929862</c:v>
                </c:pt>
                <c:pt idx="2465">
                  <c:v>82.092439396929862</c:v>
                </c:pt>
                <c:pt idx="2466">
                  <c:v>82.092888275814033</c:v>
                </c:pt>
                <c:pt idx="2467">
                  <c:v>82.092888275814033</c:v>
                </c:pt>
                <c:pt idx="2468">
                  <c:v>82.092888275814033</c:v>
                </c:pt>
                <c:pt idx="2469">
                  <c:v>82.092888275814033</c:v>
                </c:pt>
                <c:pt idx="2470">
                  <c:v>82.092439396929862</c:v>
                </c:pt>
                <c:pt idx="2471">
                  <c:v>82.091514434380628</c:v>
                </c:pt>
                <c:pt idx="2472">
                  <c:v>82.091065555496456</c:v>
                </c:pt>
                <c:pt idx="2473">
                  <c:v>82.09060307422186</c:v>
                </c:pt>
                <c:pt idx="2474">
                  <c:v>82.09014059294725</c:v>
                </c:pt>
                <c:pt idx="2475">
                  <c:v>82.08969171406306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26B-4393-93C8-5ACB5ADF4DBC}"/>
            </c:ext>
          </c:extLst>
        </c:ser>
        <c:ser>
          <c:idx val="2"/>
          <c:order val="2"/>
          <c:tx>
            <c:strRef>
              <c:f>'Fig 6'!$G$7</c:f>
              <c:strCache>
                <c:ptCount val="1"/>
                <c:pt idx="0">
                  <c:v>20BE5LU-TA</c:v>
                </c:pt>
              </c:strCache>
            </c:strRef>
          </c:tx>
          <c:spPr>
            <a:ln w="15875">
              <a:solidFill>
                <a:srgbClr val="4472C4">
                  <a:lumMod val="50000"/>
                </a:srgbClr>
              </a:solidFill>
              <a:prstDash val="solid"/>
            </a:ln>
          </c:spPr>
          <c:marker>
            <c:symbol val="none"/>
          </c:marker>
          <c:xVal>
            <c:numRef>
              <c:f>'Fig 6'!$H$9:$H$2511</c:f>
              <c:numCache>
                <c:formatCode>General</c:formatCode>
                <c:ptCount val="2503"/>
                <c:pt idx="0">
                  <c:v>100</c:v>
                </c:pt>
                <c:pt idx="1">
                  <c:v>100</c:v>
                </c:pt>
                <c:pt idx="2">
                  <c:v>101</c:v>
                </c:pt>
                <c:pt idx="3">
                  <c:v>101</c:v>
                </c:pt>
                <c:pt idx="4">
                  <c:v>101</c:v>
                </c:pt>
                <c:pt idx="5">
                  <c:v>102</c:v>
                </c:pt>
                <c:pt idx="6">
                  <c:v>102</c:v>
                </c:pt>
                <c:pt idx="7">
                  <c:v>102</c:v>
                </c:pt>
                <c:pt idx="8">
                  <c:v>103</c:v>
                </c:pt>
                <c:pt idx="9">
                  <c:v>103</c:v>
                </c:pt>
                <c:pt idx="10">
                  <c:v>103</c:v>
                </c:pt>
                <c:pt idx="11">
                  <c:v>104</c:v>
                </c:pt>
                <c:pt idx="12">
                  <c:v>104</c:v>
                </c:pt>
                <c:pt idx="13">
                  <c:v>104</c:v>
                </c:pt>
                <c:pt idx="14">
                  <c:v>105</c:v>
                </c:pt>
                <c:pt idx="15">
                  <c:v>105</c:v>
                </c:pt>
                <c:pt idx="16">
                  <c:v>105</c:v>
                </c:pt>
                <c:pt idx="17">
                  <c:v>106</c:v>
                </c:pt>
                <c:pt idx="18">
                  <c:v>106</c:v>
                </c:pt>
                <c:pt idx="19">
                  <c:v>106</c:v>
                </c:pt>
                <c:pt idx="20">
                  <c:v>107</c:v>
                </c:pt>
                <c:pt idx="21">
                  <c:v>107</c:v>
                </c:pt>
                <c:pt idx="22">
                  <c:v>107</c:v>
                </c:pt>
                <c:pt idx="23">
                  <c:v>108</c:v>
                </c:pt>
                <c:pt idx="24">
                  <c:v>108</c:v>
                </c:pt>
                <c:pt idx="25">
                  <c:v>108</c:v>
                </c:pt>
                <c:pt idx="26">
                  <c:v>109</c:v>
                </c:pt>
                <c:pt idx="27">
                  <c:v>109</c:v>
                </c:pt>
                <c:pt idx="28">
                  <c:v>109</c:v>
                </c:pt>
                <c:pt idx="29">
                  <c:v>110</c:v>
                </c:pt>
                <c:pt idx="30">
                  <c:v>110</c:v>
                </c:pt>
                <c:pt idx="31">
                  <c:v>110</c:v>
                </c:pt>
                <c:pt idx="32">
                  <c:v>111</c:v>
                </c:pt>
                <c:pt idx="33">
                  <c:v>111</c:v>
                </c:pt>
                <c:pt idx="34">
                  <c:v>111</c:v>
                </c:pt>
                <c:pt idx="35">
                  <c:v>112</c:v>
                </c:pt>
                <c:pt idx="36">
                  <c:v>112</c:v>
                </c:pt>
                <c:pt idx="37">
                  <c:v>112</c:v>
                </c:pt>
                <c:pt idx="38">
                  <c:v>113</c:v>
                </c:pt>
                <c:pt idx="39">
                  <c:v>113</c:v>
                </c:pt>
                <c:pt idx="40">
                  <c:v>113</c:v>
                </c:pt>
                <c:pt idx="41">
                  <c:v>114</c:v>
                </c:pt>
                <c:pt idx="42">
                  <c:v>114</c:v>
                </c:pt>
                <c:pt idx="43">
                  <c:v>114</c:v>
                </c:pt>
                <c:pt idx="44">
                  <c:v>115</c:v>
                </c:pt>
                <c:pt idx="45">
                  <c:v>115</c:v>
                </c:pt>
                <c:pt idx="46">
                  <c:v>115</c:v>
                </c:pt>
                <c:pt idx="47">
                  <c:v>116</c:v>
                </c:pt>
                <c:pt idx="48">
                  <c:v>116</c:v>
                </c:pt>
                <c:pt idx="49">
                  <c:v>116</c:v>
                </c:pt>
                <c:pt idx="50">
                  <c:v>117</c:v>
                </c:pt>
                <c:pt idx="51">
                  <c:v>117</c:v>
                </c:pt>
                <c:pt idx="52">
                  <c:v>117</c:v>
                </c:pt>
                <c:pt idx="53">
                  <c:v>118</c:v>
                </c:pt>
                <c:pt idx="54">
                  <c:v>118</c:v>
                </c:pt>
                <c:pt idx="55">
                  <c:v>118</c:v>
                </c:pt>
                <c:pt idx="56">
                  <c:v>119</c:v>
                </c:pt>
                <c:pt idx="57">
                  <c:v>119</c:v>
                </c:pt>
                <c:pt idx="58">
                  <c:v>119</c:v>
                </c:pt>
                <c:pt idx="59">
                  <c:v>120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1</c:v>
                </c:pt>
                <c:pt idx="363">
                  <c:v>121</c:v>
                </c:pt>
                <c:pt idx="364">
                  <c:v>122</c:v>
                </c:pt>
                <c:pt idx="365">
                  <c:v>122</c:v>
                </c:pt>
                <c:pt idx="366">
                  <c:v>122</c:v>
                </c:pt>
                <c:pt idx="367">
                  <c:v>123</c:v>
                </c:pt>
                <c:pt idx="368">
                  <c:v>123</c:v>
                </c:pt>
                <c:pt idx="369">
                  <c:v>124</c:v>
                </c:pt>
                <c:pt idx="370">
                  <c:v>124</c:v>
                </c:pt>
                <c:pt idx="371">
                  <c:v>125</c:v>
                </c:pt>
                <c:pt idx="372">
                  <c:v>125</c:v>
                </c:pt>
                <c:pt idx="373">
                  <c:v>125</c:v>
                </c:pt>
                <c:pt idx="374">
                  <c:v>126</c:v>
                </c:pt>
                <c:pt idx="375">
                  <c:v>126</c:v>
                </c:pt>
                <c:pt idx="376">
                  <c:v>127</c:v>
                </c:pt>
                <c:pt idx="377">
                  <c:v>127</c:v>
                </c:pt>
                <c:pt idx="378">
                  <c:v>127</c:v>
                </c:pt>
                <c:pt idx="379">
                  <c:v>128</c:v>
                </c:pt>
                <c:pt idx="380">
                  <c:v>128</c:v>
                </c:pt>
                <c:pt idx="381">
                  <c:v>129</c:v>
                </c:pt>
                <c:pt idx="382">
                  <c:v>129</c:v>
                </c:pt>
                <c:pt idx="383">
                  <c:v>130</c:v>
                </c:pt>
                <c:pt idx="384">
                  <c:v>130</c:v>
                </c:pt>
                <c:pt idx="385">
                  <c:v>130</c:v>
                </c:pt>
                <c:pt idx="386">
                  <c:v>131</c:v>
                </c:pt>
                <c:pt idx="387">
                  <c:v>131</c:v>
                </c:pt>
                <c:pt idx="388">
                  <c:v>132</c:v>
                </c:pt>
                <c:pt idx="389">
                  <c:v>132</c:v>
                </c:pt>
                <c:pt idx="390">
                  <c:v>132</c:v>
                </c:pt>
                <c:pt idx="391">
                  <c:v>133</c:v>
                </c:pt>
                <c:pt idx="392">
                  <c:v>133</c:v>
                </c:pt>
                <c:pt idx="393">
                  <c:v>134</c:v>
                </c:pt>
                <c:pt idx="394">
                  <c:v>134</c:v>
                </c:pt>
                <c:pt idx="395">
                  <c:v>135</c:v>
                </c:pt>
                <c:pt idx="396">
                  <c:v>135</c:v>
                </c:pt>
                <c:pt idx="397">
                  <c:v>135</c:v>
                </c:pt>
                <c:pt idx="398">
                  <c:v>136</c:v>
                </c:pt>
                <c:pt idx="399">
                  <c:v>136</c:v>
                </c:pt>
                <c:pt idx="400">
                  <c:v>137</c:v>
                </c:pt>
                <c:pt idx="401">
                  <c:v>137</c:v>
                </c:pt>
                <c:pt idx="402">
                  <c:v>137</c:v>
                </c:pt>
                <c:pt idx="403">
                  <c:v>138</c:v>
                </c:pt>
                <c:pt idx="404">
                  <c:v>138</c:v>
                </c:pt>
                <c:pt idx="405">
                  <c:v>139</c:v>
                </c:pt>
                <c:pt idx="406">
                  <c:v>139</c:v>
                </c:pt>
                <c:pt idx="407">
                  <c:v>140</c:v>
                </c:pt>
                <c:pt idx="408">
                  <c:v>140</c:v>
                </c:pt>
                <c:pt idx="409">
                  <c:v>140</c:v>
                </c:pt>
                <c:pt idx="410">
                  <c:v>141</c:v>
                </c:pt>
                <c:pt idx="411">
                  <c:v>141</c:v>
                </c:pt>
                <c:pt idx="412">
                  <c:v>142</c:v>
                </c:pt>
                <c:pt idx="413">
                  <c:v>142</c:v>
                </c:pt>
                <c:pt idx="414">
                  <c:v>142</c:v>
                </c:pt>
                <c:pt idx="415">
                  <c:v>143</c:v>
                </c:pt>
                <c:pt idx="416">
                  <c:v>143</c:v>
                </c:pt>
                <c:pt idx="417">
                  <c:v>144</c:v>
                </c:pt>
                <c:pt idx="418">
                  <c:v>144</c:v>
                </c:pt>
                <c:pt idx="419">
                  <c:v>145</c:v>
                </c:pt>
                <c:pt idx="420">
                  <c:v>145</c:v>
                </c:pt>
                <c:pt idx="421">
                  <c:v>145</c:v>
                </c:pt>
                <c:pt idx="422">
                  <c:v>146</c:v>
                </c:pt>
                <c:pt idx="423">
                  <c:v>146</c:v>
                </c:pt>
                <c:pt idx="424">
                  <c:v>147</c:v>
                </c:pt>
                <c:pt idx="425">
                  <c:v>147</c:v>
                </c:pt>
                <c:pt idx="426">
                  <c:v>147</c:v>
                </c:pt>
                <c:pt idx="427">
                  <c:v>148</c:v>
                </c:pt>
                <c:pt idx="428">
                  <c:v>148</c:v>
                </c:pt>
                <c:pt idx="429">
                  <c:v>149</c:v>
                </c:pt>
                <c:pt idx="430">
                  <c:v>149</c:v>
                </c:pt>
                <c:pt idx="431">
                  <c:v>150</c:v>
                </c:pt>
                <c:pt idx="432">
                  <c:v>150</c:v>
                </c:pt>
                <c:pt idx="433">
                  <c:v>150</c:v>
                </c:pt>
                <c:pt idx="434">
                  <c:v>151</c:v>
                </c:pt>
                <c:pt idx="435">
                  <c:v>151</c:v>
                </c:pt>
                <c:pt idx="436">
                  <c:v>152</c:v>
                </c:pt>
                <c:pt idx="437">
                  <c:v>152</c:v>
                </c:pt>
                <c:pt idx="438">
                  <c:v>152</c:v>
                </c:pt>
                <c:pt idx="439">
                  <c:v>153</c:v>
                </c:pt>
                <c:pt idx="440">
                  <c:v>153</c:v>
                </c:pt>
                <c:pt idx="441">
                  <c:v>154</c:v>
                </c:pt>
                <c:pt idx="442">
                  <c:v>154</c:v>
                </c:pt>
                <c:pt idx="443">
                  <c:v>155</c:v>
                </c:pt>
                <c:pt idx="444">
                  <c:v>155</c:v>
                </c:pt>
                <c:pt idx="445">
                  <c:v>155</c:v>
                </c:pt>
                <c:pt idx="446">
                  <c:v>156</c:v>
                </c:pt>
                <c:pt idx="447">
                  <c:v>156</c:v>
                </c:pt>
                <c:pt idx="448">
                  <c:v>157</c:v>
                </c:pt>
                <c:pt idx="449">
                  <c:v>157</c:v>
                </c:pt>
                <c:pt idx="450">
                  <c:v>157</c:v>
                </c:pt>
                <c:pt idx="451">
                  <c:v>158</c:v>
                </c:pt>
                <c:pt idx="452">
                  <c:v>158</c:v>
                </c:pt>
                <c:pt idx="453">
                  <c:v>159</c:v>
                </c:pt>
                <c:pt idx="454">
                  <c:v>159</c:v>
                </c:pt>
                <c:pt idx="455">
                  <c:v>160</c:v>
                </c:pt>
                <c:pt idx="456">
                  <c:v>160</c:v>
                </c:pt>
                <c:pt idx="457">
                  <c:v>160</c:v>
                </c:pt>
                <c:pt idx="458">
                  <c:v>161</c:v>
                </c:pt>
                <c:pt idx="459">
                  <c:v>161</c:v>
                </c:pt>
                <c:pt idx="460">
                  <c:v>162</c:v>
                </c:pt>
                <c:pt idx="461">
                  <c:v>162</c:v>
                </c:pt>
                <c:pt idx="462">
                  <c:v>162</c:v>
                </c:pt>
                <c:pt idx="463">
                  <c:v>163</c:v>
                </c:pt>
                <c:pt idx="464">
                  <c:v>163</c:v>
                </c:pt>
                <c:pt idx="465">
                  <c:v>164</c:v>
                </c:pt>
                <c:pt idx="466">
                  <c:v>164</c:v>
                </c:pt>
                <c:pt idx="467">
                  <c:v>165</c:v>
                </c:pt>
                <c:pt idx="468">
                  <c:v>165</c:v>
                </c:pt>
                <c:pt idx="469">
                  <c:v>165</c:v>
                </c:pt>
                <c:pt idx="470">
                  <c:v>166</c:v>
                </c:pt>
                <c:pt idx="471">
                  <c:v>166</c:v>
                </c:pt>
                <c:pt idx="472">
                  <c:v>167</c:v>
                </c:pt>
                <c:pt idx="473">
                  <c:v>167</c:v>
                </c:pt>
                <c:pt idx="474">
                  <c:v>167</c:v>
                </c:pt>
                <c:pt idx="475">
                  <c:v>168</c:v>
                </c:pt>
                <c:pt idx="476">
                  <c:v>168</c:v>
                </c:pt>
                <c:pt idx="477">
                  <c:v>169</c:v>
                </c:pt>
                <c:pt idx="478">
                  <c:v>169</c:v>
                </c:pt>
                <c:pt idx="479">
                  <c:v>170</c:v>
                </c:pt>
                <c:pt idx="480">
                  <c:v>170</c:v>
                </c:pt>
                <c:pt idx="481">
                  <c:v>170</c:v>
                </c:pt>
                <c:pt idx="482">
                  <c:v>171</c:v>
                </c:pt>
                <c:pt idx="483">
                  <c:v>171</c:v>
                </c:pt>
                <c:pt idx="484">
                  <c:v>172</c:v>
                </c:pt>
                <c:pt idx="485">
                  <c:v>172</c:v>
                </c:pt>
                <c:pt idx="486">
                  <c:v>172</c:v>
                </c:pt>
                <c:pt idx="487">
                  <c:v>173</c:v>
                </c:pt>
                <c:pt idx="488">
                  <c:v>173</c:v>
                </c:pt>
                <c:pt idx="489">
                  <c:v>174</c:v>
                </c:pt>
                <c:pt idx="490">
                  <c:v>174</c:v>
                </c:pt>
                <c:pt idx="491">
                  <c:v>175</c:v>
                </c:pt>
                <c:pt idx="492">
                  <c:v>175</c:v>
                </c:pt>
                <c:pt idx="493">
                  <c:v>175</c:v>
                </c:pt>
                <c:pt idx="494">
                  <c:v>176</c:v>
                </c:pt>
                <c:pt idx="495">
                  <c:v>176</c:v>
                </c:pt>
                <c:pt idx="496">
                  <c:v>177</c:v>
                </c:pt>
                <c:pt idx="497">
                  <c:v>177</c:v>
                </c:pt>
                <c:pt idx="498">
                  <c:v>177</c:v>
                </c:pt>
                <c:pt idx="499">
                  <c:v>178</c:v>
                </c:pt>
                <c:pt idx="500">
                  <c:v>178</c:v>
                </c:pt>
                <c:pt idx="501">
                  <c:v>179</c:v>
                </c:pt>
                <c:pt idx="502">
                  <c:v>179</c:v>
                </c:pt>
                <c:pt idx="503">
                  <c:v>180</c:v>
                </c:pt>
                <c:pt idx="504">
                  <c:v>180</c:v>
                </c:pt>
                <c:pt idx="505">
                  <c:v>180</c:v>
                </c:pt>
                <c:pt idx="506">
                  <c:v>181</c:v>
                </c:pt>
                <c:pt idx="507">
                  <c:v>181</c:v>
                </c:pt>
                <c:pt idx="508">
                  <c:v>182</c:v>
                </c:pt>
                <c:pt idx="509">
                  <c:v>182</c:v>
                </c:pt>
                <c:pt idx="510">
                  <c:v>182</c:v>
                </c:pt>
                <c:pt idx="511">
                  <c:v>183</c:v>
                </c:pt>
                <c:pt idx="512">
                  <c:v>183</c:v>
                </c:pt>
                <c:pt idx="513">
                  <c:v>184</c:v>
                </c:pt>
                <c:pt idx="514">
                  <c:v>184</c:v>
                </c:pt>
                <c:pt idx="515">
                  <c:v>185</c:v>
                </c:pt>
                <c:pt idx="516">
                  <c:v>185</c:v>
                </c:pt>
                <c:pt idx="517">
                  <c:v>185</c:v>
                </c:pt>
                <c:pt idx="518">
                  <c:v>186</c:v>
                </c:pt>
                <c:pt idx="519">
                  <c:v>186</c:v>
                </c:pt>
                <c:pt idx="520">
                  <c:v>187</c:v>
                </c:pt>
                <c:pt idx="521">
                  <c:v>187</c:v>
                </c:pt>
                <c:pt idx="522">
                  <c:v>187</c:v>
                </c:pt>
                <c:pt idx="523">
                  <c:v>188</c:v>
                </c:pt>
                <c:pt idx="524">
                  <c:v>188</c:v>
                </c:pt>
                <c:pt idx="525">
                  <c:v>189</c:v>
                </c:pt>
                <c:pt idx="526">
                  <c:v>189</c:v>
                </c:pt>
                <c:pt idx="527">
                  <c:v>190</c:v>
                </c:pt>
                <c:pt idx="528">
                  <c:v>190</c:v>
                </c:pt>
                <c:pt idx="529">
                  <c:v>190</c:v>
                </c:pt>
                <c:pt idx="530">
                  <c:v>191</c:v>
                </c:pt>
                <c:pt idx="531">
                  <c:v>191</c:v>
                </c:pt>
                <c:pt idx="532">
                  <c:v>192</c:v>
                </c:pt>
                <c:pt idx="533">
                  <c:v>192</c:v>
                </c:pt>
                <c:pt idx="534">
                  <c:v>192</c:v>
                </c:pt>
                <c:pt idx="535">
                  <c:v>193</c:v>
                </c:pt>
                <c:pt idx="536">
                  <c:v>193</c:v>
                </c:pt>
                <c:pt idx="537">
                  <c:v>194</c:v>
                </c:pt>
                <c:pt idx="538">
                  <c:v>194</c:v>
                </c:pt>
                <c:pt idx="539">
                  <c:v>195</c:v>
                </c:pt>
                <c:pt idx="540">
                  <c:v>195</c:v>
                </c:pt>
                <c:pt idx="541">
                  <c:v>195</c:v>
                </c:pt>
                <c:pt idx="542">
                  <c:v>196</c:v>
                </c:pt>
                <c:pt idx="543">
                  <c:v>196</c:v>
                </c:pt>
                <c:pt idx="544">
                  <c:v>197</c:v>
                </c:pt>
                <c:pt idx="545">
                  <c:v>197</c:v>
                </c:pt>
                <c:pt idx="546">
                  <c:v>197</c:v>
                </c:pt>
                <c:pt idx="547">
                  <c:v>198</c:v>
                </c:pt>
                <c:pt idx="548">
                  <c:v>198</c:v>
                </c:pt>
                <c:pt idx="549">
                  <c:v>199</c:v>
                </c:pt>
                <c:pt idx="550">
                  <c:v>199</c:v>
                </c:pt>
                <c:pt idx="551">
                  <c:v>200</c:v>
                </c:pt>
                <c:pt idx="552">
                  <c:v>200</c:v>
                </c:pt>
                <c:pt idx="553">
                  <c:v>200</c:v>
                </c:pt>
                <c:pt idx="554">
                  <c:v>201</c:v>
                </c:pt>
                <c:pt idx="555">
                  <c:v>201</c:v>
                </c:pt>
                <c:pt idx="556">
                  <c:v>202</c:v>
                </c:pt>
                <c:pt idx="557">
                  <c:v>202</c:v>
                </c:pt>
                <c:pt idx="558">
                  <c:v>202</c:v>
                </c:pt>
                <c:pt idx="559">
                  <c:v>203</c:v>
                </c:pt>
                <c:pt idx="560">
                  <c:v>203</c:v>
                </c:pt>
                <c:pt idx="561">
                  <c:v>204</c:v>
                </c:pt>
                <c:pt idx="562">
                  <c:v>204</c:v>
                </c:pt>
                <c:pt idx="563">
                  <c:v>205</c:v>
                </c:pt>
                <c:pt idx="564">
                  <c:v>205</c:v>
                </c:pt>
                <c:pt idx="565">
                  <c:v>205</c:v>
                </c:pt>
                <c:pt idx="566">
                  <c:v>206</c:v>
                </c:pt>
                <c:pt idx="567">
                  <c:v>206</c:v>
                </c:pt>
                <c:pt idx="568">
                  <c:v>207</c:v>
                </c:pt>
                <c:pt idx="569">
                  <c:v>207</c:v>
                </c:pt>
                <c:pt idx="570">
                  <c:v>207</c:v>
                </c:pt>
                <c:pt idx="571">
                  <c:v>208</c:v>
                </c:pt>
                <c:pt idx="572">
                  <c:v>208</c:v>
                </c:pt>
                <c:pt idx="573">
                  <c:v>209</c:v>
                </c:pt>
                <c:pt idx="574">
                  <c:v>209</c:v>
                </c:pt>
                <c:pt idx="575">
                  <c:v>210</c:v>
                </c:pt>
                <c:pt idx="576">
                  <c:v>210</c:v>
                </c:pt>
                <c:pt idx="577">
                  <c:v>210</c:v>
                </c:pt>
                <c:pt idx="578">
                  <c:v>211</c:v>
                </c:pt>
                <c:pt idx="579">
                  <c:v>211</c:v>
                </c:pt>
                <c:pt idx="580">
                  <c:v>212</c:v>
                </c:pt>
                <c:pt idx="581">
                  <c:v>212</c:v>
                </c:pt>
                <c:pt idx="582">
                  <c:v>212</c:v>
                </c:pt>
                <c:pt idx="583">
                  <c:v>213</c:v>
                </c:pt>
                <c:pt idx="584">
                  <c:v>213</c:v>
                </c:pt>
                <c:pt idx="585">
                  <c:v>214</c:v>
                </c:pt>
                <c:pt idx="586">
                  <c:v>214</c:v>
                </c:pt>
                <c:pt idx="587">
                  <c:v>215</c:v>
                </c:pt>
                <c:pt idx="588">
                  <c:v>215</c:v>
                </c:pt>
                <c:pt idx="589">
                  <c:v>215</c:v>
                </c:pt>
                <c:pt idx="590">
                  <c:v>216</c:v>
                </c:pt>
                <c:pt idx="591">
                  <c:v>216</c:v>
                </c:pt>
                <c:pt idx="592">
                  <c:v>217</c:v>
                </c:pt>
                <c:pt idx="593">
                  <c:v>217</c:v>
                </c:pt>
                <c:pt idx="594">
                  <c:v>217</c:v>
                </c:pt>
                <c:pt idx="595">
                  <c:v>218</c:v>
                </c:pt>
                <c:pt idx="596">
                  <c:v>218</c:v>
                </c:pt>
                <c:pt idx="597">
                  <c:v>219</c:v>
                </c:pt>
                <c:pt idx="598">
                  <c:v>219</c:v>
                </c:pt>
                <c:pt idx="599">
                  <c:v>220</c:v>
                </c:pt>
                <c:pt idx="600">
                  <c:v>220</c:v>
                </c:pt>
                <c:pt idx="601">
                  <c:v>220</c:v>
                </c:pt>
                <c:pt idx="602">
                  <c:v>221</c:v>
                </c:pt>
                <c:pt idx="603">
                  <c:v>221</c:v>
                </c:pt>
                <c:pt idx="604">
                  <c:v>222</c:v>
                </c:pt>
                <c:pt idx="605">
                  <c:v>222</c:v>
                </c:pt>
                <c:pt idx="606">
                  <c:v>222</c:v>
                </c:pt>
                <c:pt idx="607">
                  <c:v>223</c:v>
                </c:pt>
                <c:pt idx="608">
                  <c:v>223</c:v>
                </c:pt>
                <c:pt idx="609">
                  <c:v>224</c:v>
                </c:pt>
                <c:pt idx="610">
                  <c:v>224</c:v>
                </c:pt>
                <c:pt idx="611">
                  <c:v>225</c:v>
                </c:pt>
                <c:pt idx="612">
                  <c:v>225</c:v>
                </c:pt>
                <c:pt idx="613">
                  <c:v>225</c:v>
                </c:pt>
                <c:pt idx="614">
                  <c:v>226</c:v>
                </c:pt>
                <c:pt idx="615">
                  <c:v>226</c:v>
                </c:pt>
                <c:pt idx="616">
                  <c:v>227</c:v>
                </c:pt>
                <c:pt idx="617">
                  <c:v>227</c:v>
                </c:pt>
                <c:pt idx="618">
                  <c:v>227</c:v>
                </c:pt>
                <c:pt idx="619">
                  <c:v>228</c:v>
                </c:pt>
                <c:pt idx="620">
                  <c:v>228</c:v>
                </c:pt>
                <c:pt idx="621">
                  <c:v>229</c:v>
                </c:pt>
                <c:pt idx="622">
                  <c:v>229</c:v>
                </c:pt>
                <c:pt idx="623">
                  <c:v>230</c:v>
                </c:pt>
                <c:pt idx="624">
                  <c:v>230</c:v>
                </c:pt>
                <c:pt idx="625">
                  <c:v>230</c:v>
                </c:pt>
                <c:pt idx="626">
                  <c:v>231</c:v>
                </c:pt>
                <c:pt idx="627">
                  <c:v>231</c:v>
                </c:pt>
                <c:pt idx="628">
                  <c:v>232</c:v>
                </c:pt>
                <c:pt idx="629">
                  <c:v>232</c:v>
                </c:pt>
                <c:pt idx="630">
                  <c:v>232</c:v>
                </c:pt>
                <c:pt idx="631">
                  <c:v>233</c:v>
                </c:pt>
                <c:pt idx="632">
                  <c:v>233</c:v>
                </c:pt>
                <c:pt idx="633">
                  <c:v>234</c:v>
                </c:pt>
                <c:pt idx="634">
                  <c:v>234</c:v>
                </c:pt>
                <c:pt idx="635">
                  <c:v>235</c:v>
                </c:pt>
                <c:pt idx="636">
                  <c:v>235</c:v>
                </c:pt>
                <c:pt idx="637">
                  <c:v>235</c:v>
                </c:pt>
                <c:pt idx="638">
                  <c:v>236</c:v>
                </c:pt>
                <c:pt idx="639">
                  <c:v>236</c:v>
                </c:pt>
                <c:pt idx="640">
                  <c:v>237</c:v>
                </c:pt>
                <c:pt idx="641">
                  <c:v>237</c:v>
                </c:pt>
                <c:pt idx="642">
                  <c:v>237</c:v>
                </c:pt>
                <c:pt idx="643">
                  <c:v>238</c:v>
                </c:pt>
                <c:pt idx="644">
                  <c:v>238</c:v>
                </c:pt>
                <c:pt idx="645">
                  <c:v>239</c:v>
                </c:pt>
                <c:pt idx="646">
                  <c:v>239</c:v>
                </c:pt>
                <c:pt idx="647">
                  <c:v>240</c:v>
                </c:pt>
                <c:pt idx="648">
                  <c:v>240</c:v>
                </c:pt>
                <c:pt idx="649">
                  <c:v>240</c:v>
                </c:pt>
                <c:pt idx="650">
                  <c:v>241</c:v>
                </c:pt>
                <c:pt idx="651">
                  <c:v>241</c:v>
                </c:pt>
                <c:pt idx="652">
                  <c:v>242</c:v>
                </c:pt>
                <c:pt idx="653">
                  <c:v>242</c:v>
                </c:pt>
                <c:pt idx="654">
                  <c:v>242</c:v>
                </c:pt>
                <c:pt idx="655">
                  <c:v>243</c:v>
                </c:pt>
                <c:pt idx="656">
                  <c:v>243</c:v>
                </c:pt>
                <c:pt idx="657">
                  <c:v>244</c:v>
                </c:pt>
                <c:pt idx="658">
                  <c:v>244</c:v>
                </c:pt>
                <c:pt idx="659">
                  <c:v>245</c:v>
                </c:pt>
                <c:pt idx="660">
                  <c:v>245</c:v>
                </c:pt>
                <c:pt idx="661">
                  <c:v>245</c:v>
                </c:pt>
                <c:pt idx="662">
                  <c:v>246</c:v>
                </c:pt>
                <c:pt idx="663">
                  <c:v>246</c:v>
                </c:pt>
                <c:pt idx="664">
                  <c:v>247</c:v>
                </c:pt>
                <c:pt idx="665">
                  <c:v>247</c:v>
                </c:pt>
                <c:pt idx="666">
                  <c:v>247</c:v>
                </c:pt>
                <c:pt idx="667">
                  <c:v>248</c:v>
                </c:pt>
                <c:pt idx="668">
                  <c:v>248</c:v>
                </c:pt>
                <c:pt idx="669">
                  <c:v>249</c:v>
                </c:pt>
                <c:pt idx="670">
                  <c:v>249</c:v>
                </c:pt>
                <c:pt idx="671">
                  <c:v>250</c:v>
                </c:pt>
                <c:pt idx="672">
                  <c:v>250</c:v>
                </c:pt>
                <c:pt idx="673">
                  <c:v>250</c:v>
                </c:pt>
                <c:pt idx="674">
                  <c:v>251</c:v>
                </c:pt>
                <c:pt idx="675">
                  <c:v>251</c:v>
                </c:pt>
                <c:pt idx="676">
                  <c:v>252</c:v>
                </c:pt>
                <c:pt idx="677">
                  <c:v>252</c:v>
                </c:pt>
                <c:pt idx="678">
                  <c:v>252</c:v>
                </c:pt>
                <c:pt idx="679">
                  <c:v>253</c:v>
                </c:pt>
                <c:pt idx="680">
                  <c:v>253</c:v>
                </c:pt>
                <c:pt idx="681">
                  <c:v>254</c:v>
                </c:pt>
                <c:pt idx="682">
                  <c:v>254</c:v>
                </c:pt>
                <c:pt idx="683">
                  <c:v>255</c:v>
                </c:pt>
                <c:pt idx="684">
                  <c:v>255</c:v>
                </c:pt>
                <c:pt idx="685">
                  <c:v>255</c:v>
                </c:pt>
                <c:pt idx="686">
                  <c:v>256</c:v>
                </c:pt>
                <c:pt idx="687">
                  <c:v>256</c:v>
                </c:pt>
                <c:pt idx="688">
                  <c:v>257</c:v>
                </c:pt>
                <c:pt idx="689">
                  <c:v>257</c:v>
                </c:pt>
                <c:pt idx="690">
                  <c:v>257</c:v>
                </c:pt>
                <c:pt idx="691">
                  <c:v>258</c:v>
                </c:pt>
                <c:pt idx="692">
                  <c:v>258</c:v>
                </c:pt>
                <c:pt idx="693">
                  <c:v>259</c:v>
                </c:pt>
                <c:pt idx="694">
                  <c:v>259</c:v>
                </c:pt>
                <c:pt idx="695">
                  <c:v>260</c:v>
                </c:pt>
                <c:pt idx="696">
                  <c:v>260</c:v>
                </c:pt>
                <c:pt idx="697">
                  <c:v>260</c:v>
                </c:pt>
                <c:pt idx="698">
                  <c:v>261</c:v>
                </c:pt>
                <c:pt idx="699">
                  <c:v>261</c:v>
                </c:pt>
                <c:pt idx="700">
                  <c:v>262</c:v>
                </c:pt>
                <c:pt idx="701">
                  <c:v>262</c:v>
                </c:pt>
                <c:pt idx="702">
                  <c:v>262</c:v>
                </c:pt>
                <c:pt idx="703">
                  <c:v>263</c:v>
                </c:pt>
                <c:pt idx="704">
                  <c:v>263</c:v>
                </c:pt>
                <c:pt idx="705">
                  <c:v>264</c:v>
                </c:pt>
                <c:pt idx="706">
                  <c:v>264</c:v>
                </c:pt>
                <c:pt idx="707">
                  <c:v>265</c:v>
                </c:pt>
                <c:pt idx="708">
                  <c:v>265</c:v>
                </c:pt>
                <c:pt idx="709">
                  <c:v>265</c:v>
                </c:pt>
                <c:pt idx="710">
                  <c:v>266</c:v>
                </c:pt>
                <c:pt idx="711">
                  <c:v>266</c:v>
                </c:pt>
                <c:pt idx="712">
                  <c:v>267</c:v>
                </c:pt>
                <c:pt idx="713">
                  <c:v>267</c:v>
                </c:pt>
                <c:pt idx="714">
                  <c:v>267</c:v>
                </c:pt>
                <c:pt idx="715">
                  <c:v>268</c:v>
                </c:pt>
                <c:pt idx="716">
                  <c:v>268</c:v>
                </c:pt>
                <c:pt idx="717">
                  <c:v>269</c:v>
                </c:pt>
                <c:pt idx="718">
                  <c:v>269</c:v>
                </c:pt>
                <c:pt idx="719">
                  <c:v>270</c:v>
                </c:pt>
                <c:pt idx="720">
                  <c:v>270</c:v>
                </c:pt>
                <c:pt idx="721">
                  <c:v>270</c:v>
                </c:pt>
                <c:pt idx="722">
                  <c:v>271</c:v>
                </c:pt>
                <c:pt idx="723">
                  <c:v>271</c:v>
                </c:pt>
                <c:pt idx="724">
                  <c:v>272</c:v>
                </c:pt>
                <c:pt idx="725">
                  <c:v>272</c:v>
                </c:pt>
                <c:pt idx="726">
                  <c:v>272</c:v>
                </c:pt>
                <c:pt idx="727">
                  <c:v>273</c:v>
                </c:pt>
                <c:pt idx="728">
                  <c:v>273</c:v>
                </c:pt>
                <c:pt idx="729">
                  <c:v>274</c:v>
                </c:pt>
                <c:pt idx="730">
                  <c:v>274</c:v>
                </c:pt>
                <c:pt idx="731">
                  <c:v>275</c:v>
                </c:pt>
                <c:pt idx="732">
                  <c:v>275</c:v>
                </c:pt>
                <c:pt idx="733">
                  <c:v>275</c:v>
                </c:pt>
                <c:pt idx="734">
                  <c:v>276</c:v>
                </c:pt>
                <c:pt idx="735">
                  <c:v>276</c:v>
                </c:pt>
                <c:pt idx="736">
                  <c:v>277</c:v>
                </c:pt>
                <c:pt idx="737">
                  <c:v>277</c:v>
                </c:pt>
                <c:pt idx="738">
                  <c:v>277</c:v>
                </c:pt>
                <c:pt idx="739">
                  <c:v>278</c:v>
                </c:pt>
                <c:pt idx="740">
                  <c:v>278</c:v>
                </c:pt>
                <c:pt idx="741">
                  <c:v>279</c:v>
                </c:pt>
                <c:pt idx="742">
                  <c:v>279</c:v>
                </c:pt>
                <c:pt idx="743">
                  <c:v>280</c:v>
                </c:pt>
                <c:pt idx="744">
                  <c:v>280</c:v>
                </c:pt>
                <c:pt idx="745">
                  <c:v>280</c:v>
                </c:pt>
                <c:pt idx="746">
                  <c:v>281</c:v>
                </c:pt>
                <c:pt idx="747">
                  <c:v>281</c:v>
                </c:pt>
                <c:pt idx="748">
                  <c:v>282</c:v>
                </c:pt>
                <c:pt idx="749">
                  <c:v>282</c:v>
                </c:pt>
                <c:pt idx="750">
                  <c:v>282</c:v>
                </c:pt>
                <c:pt idx="751">
                  <c:v>283</c:v>
                </c:pt>
                <c:pt idx="752">
                  <c:v>283</c:v>
                </c:pt>
                <c:pt idx="753">
                  <c:v>284</c:v>
                </c:pt>
                <c:pt idx="754">
                  <c:v>284</c:v>
                </c:pt>
                <c:pt idx="755">
                  <c:v>285</c:v>
                </c:pt>
                <c:pt idx="756">
                  <c:v>285</c:v>
                </c:pt>
                <c:pt idx="757">
                  <c:v>285</c:v>
                </c:pt>
                <c:pt idx="758">
                  <c:v>286</c:v>
                </c:pt>
                <c:pt idx="759">
                  <c:v>286</c:v>
                </c:pt>
                <c:pt idx="760">
                  <c:v>287</c:v>
                </c:pt>
                <c:pt idx="761">
                  <c:v>287</c:v>
                </c:pt>
                <c:pt idx="762">
                  <c:v>287</c:v>
                </c:pt>
                <c:pt idx="763">
                  <c:v>288</c:v>
                </c:pt>
                <c:pt idx="764">
                  <c:v>288</c:v>
                </c:pt>
                <c:pt idx="765">
                  <c:v>289</c:v>
                </c:pt>
                <c:pt idx="766">
                  <c:v>289</c:v>
                </c:pt>
                <c:pt idx="767">
                  <c:v>290</c:v>
                </c:pt>
                <c:pt idx="768">
                  <c:v>290</c:v>
                </c:pt>
                <c:pt idx="769">
                  <c:v>290</c:v>
                </c:pt>
                <c:pt idx="770">
                  <c:v>291</c:v>
                </c:pt>
                <c:pt idx="771">
                  <c:v>291</c:v>
                </c:pt>
                <c:pt idx="772">
                  <c:v>292</c:v>
                </c:pt>
                <c:pt idx="773">
                  <c:v>292</c:v>
                </c:pt>
                <c:pt idx="774">
                  <c:v>292</c:v>
                </c:pt>
                <c:pt idx="775">
                  <c:v>293</c:v>
                </c:pt>
                <c:pt idx="776">
                  <c:v>293</c:v>
                </c:pt>
                <c:pt idx="777">
                  <c:v>294</c:v>
                </c:pt>
                <c:pt idx="778">
                  <c:v>294</c:v>
                </c:pt>
                <c:pt idx="779">
                  <c:v>295</c:v>
                </c:pt>
                <c:pt idx="780">
                  <c:v>295</c:v>
                </c:pt>
                <c:pt idx="781">
                  <c:v>295</c:v>
                </c:pt>
                <c:pt idx="782">
                  <c:v>296</c:v>
                </c:pt>
                <c:pt idx="783">
                  <c:v>296</c:v>
                </c:pt>
                <c:pt idx="784">
                  <c:v>297</c:v>
                </c:pt>
                <c:pt idx="785">
                  <c:v>297</c:v>
                </c:pt>
                <c:pt idx="786">
                  <c:v>297</c:v>
                </c:pt>
                <c:pt idx="787">
                  <c:v>298</c:v>
                </c:pt>
                <c:pt idx="788">
                  <c:v>298</c:v>
                </c:pt>
                <c:pt idx="789">
                  <c:v>299</c:v>
                </c:pt>
                <c:pt idx="790">
                  <c:v>299</c:v>
                </c:pt>
                <c:pt idx="791">
                  <c:v>300</c:v>
                </c:pt>
                <c:pt idx="792">
                  <c:v>300</c:v>
                </c:pt>
                <c:pt idx="793">
                  <c:v>300</c:v>
                </c:pt>
                <c:pt idx="794">
                  <c:v>301</c:v>
                </c:pt>
                <c:pt idx="795">
                  <c:v>301</c:v>
                </c:pt>
                <c:pt idx="796">
                  <c:v>302</c:v>
                </c:pt>
                <c:pt idx="797">
                  <c:v>302</c:v>
                </c:pt>
                <c:pt idx="798">
                  <c:v>302</c:v>
                </c:pt>
                <c:pt idx="799">
                  <c:v>303</c:v>
                </c:pt>
                <c:pt idx="800">
                  <c:v>303</c:v>
                </c:pt>
                <c:pt idx="801">
                  <c:v>304</c:v>
                </c:pt>
                <c:pt idx="802">
                  <c:v>304</c:v>
                </c:pt>
                <c:pt idx="803">
                  <c:v>305</c:v>
                </c:pt>
                <c:pt idx="804">
                  <c:v>305</c:v>
                </c:pt>
                <c:pt idx="805">
                  <c:v>305</c:v>
                </c:pt>
                <c:pt idx="806">
                  <c:v>306</c:v>
                </c:pt>
                <c:pt idx="807">
                  <c:v>306</c:v>
                </c:pt>
                <c:pt idx="808">
                  <c:v>307</c:v>
                </c:pt>
                <c:pt idx="809">
                  <c:v>307</c:v>
                </c:pt>
                <c:pt idx="810">
                  <c:v>307</c:v>
                </c:pt>
                <c:pt idx="811">
                  <c:v>308</c:v>
                </c:pt>
                <c:pt idx="812">
                  <c:v>308</c:v>
                </c:pt>
                <c:pt idx="813">
                  <c:v>309</c:v>
                </c:pt>
                <c:pt idx="814">
                  <c:v>309</c:v>
                </c:pt>
                <c:pt idx="815">
                  <c:v>310</c:v>
                </c:pt>
                <c:pt idx="816">
                  <c:v>310</c:v>
                </c:pt>
                <c:pt idx="817">
                  <c:v>310</c:v>
                </c:pt>
                <c:pt idx="818">
                  <c:v>311</c:v>
                </c:pt>
                <c:pt idx="819">
                  <c:v>311</c:v>
                </c:pt>
                <c:pt idx="820">
                  <c:v>312</c:v>
                </c:pt>
                <c:pt idx="821">
                  <c:v>312</c:v>
                </c:pt>
                <c:pt idx="822">
                  <c:v>312</c:v>
                </c:pt>
                <c:pt idx="823">
                  <c:v>313</c:v>
                </c:pt>
                <c:pt idx="824">
                  <c:v>313</c:v>
                </c:pt>
                <c:pt idx="825">
                  <c:v>314</c:v>
                </c:pt>
                <c:pt idx="826">
                  <c:v>314</c:v>
                </c:pt>
                <c:pt idx="827">
                  <c:v>315</c:v>
                </c:pt>
                <c:pt idx="828">
                  <c:v>315</c:v>
                </c:pt>
                <c:pt idx="829">
                  <c:v>315</c:v>
                </c:pt>
                <c:pt idx="830">
                  <c:v>316</c:v>
                </c:pt>
                <c:pt idx="831">
                  <c:v>316</c:v>
                </c:pt>
                <c:pt idx="832">
                  <c:v>317</c:v>
                </c:pt>
                <c:pt idx="833">
                  <c:v>317</c:v>
                </c:pt>
                <c:pt idx="834">
                  <c:v>317</c:v>
                </c:pt>
                <c:pt idx="835">
                  <c:v>318</c:v>
                </c:pt>
                <c:pt idx="836">
                  <c:v>318</c:v>
                </c:pt>
                <c:pt idx="837">
                  <c:v>319</c:v>
                </c:pt>
                <c:pt idx="838">
                  <c:v>319</c:v>
                </c:pt>
                <c:pt idx="839">
                  <c:v>320</c:v>
                </c:pt>
                <c:pt idx="840">
                  <c:v>320</c:v>
                </c:pt>
                <c:pt idx="841">
                  <c:v>320</c:v>
                </c:pt>
                <c:pt idx="842">
                  <c:v>321</c:v>
                </c:pt>
                <c:pt idx="843">
                  <c:v>321</c:v>
                </c:pt>
                <c:pt idx="844">
                  <c:v>322</c:v>
                </c:pt>
                <c:pt idx="845">
                  <c:v>322</c:v>
                </c:pt>
                <c:pt idx="846">
                  <c:v>322</c:v>
                </c:pt>
                <c:pt idx="847">
                  <c:v>323</c:v>
                </c:pt>
                <c:pt idx="848">
                  <c:v>323</c:v>
                </c:pt>
                <c:pt idx="849">
                  <c:v>324</c:v>
                </c:pt>
                <c:pt idx="850">
                  <c:v>324</c:v>
                </c:pt>
                <c:pt idx="851">
                  <c:v>325</c:v>
                </c:pt>
                <c:pt idx="852">
                  <c:v>325</c:v>
                </c:pt>
                <c:pt idx="853">
                  <c:v>325</c:v>
                </c:pt>
                <c:pt idx="854">
                  <c:v>326</c:v>
                </c:pt>
                <c:pt idx="855">
                  <c:v>326</c:v>
                </c:pt>
                <c:pt idx="856">
                  <c:v>327</c:v>
                </c:pt>
                <c:pt idx="857">
                  <c:v>327</c:v>
                </c:pt>
                <c:pt idx="858">
                  <c:v>327</c:v>
                </c:pt>
                <c:pt idx="859">
                  <c:v>328</c:v>
                </c:pt>
                <c:pt idx="860">
                  <c:v>328</c:v>
                </c:pt>
                <c:pt idx="861">
                  <c:v>329</c:v>
                </c:pt>
                <c:pt idx="862">
                  <c:v>329</c:v>
                </c:pt>
                <c:pt idx="863">
                  <c:v>330</c:v>
                </c:pt>
                <c:pt idx="864">
                  <c:v>330</c:v>
                </c:pt>
                <c:pt idx="865">
                  <c:v>330</c:v>
                </c:pt>
                <c:pt idx="866">
                  <c:v>331</c:v>
                </c:pt>
                <c:pt idx="867">
                  <c:v>331</c:v>
                </c:pt>
                <c:pt idx="868">
                  <c:v>332</c:v>
                </c:pt>
                <c:pt idx="869">
                  <c:v>332</c:v>
                </c:pt>
                <c:pt idx="870">
                  <c:v>332</c:v>
                </c:pt>
                <c:pt idx="871">
                  <c:v>333</c:v>
                </c:pt>
                <c:pt idx="872">
                  <c:v>333</c:v>
                </c:pt>
                <c:pt idx="873">
                  <c:v>334</c:v>
                </c:pt>
                <c:pt idx="874">
                  <c:v>334</c:v>
                </c:pt>
                <c:pt idx="875">
                  <c:v>335</c:v>
                </c:pt>
                <c:pt idx="876">
                  <c:v>335</c:v>
                </c:pt>
                <c:pt idx="877">
                  <c:v>335</c:v>
                </c:pt>
                <c:pt idx="878">
                  <c:v>336</c:v>
                </c:pt>
                <c:pt idx="879">
                  <c:v>336</c:v>
                </c:pt>
                <c:pt idx="880">
                  <c:v>337</c:v>
                </c:pt>
                <c:pt idx="881">
                  <c:v>337</c:v>
                </c:pt>
                <c:pt idx="882">
                  <c:v>337</c:v>
                </c:pt>
                <c:pt idx="883">
                  <c:v>338</c:v>
                </c:pt>
                <c:pt idx="884">
                  <c:v>338</c:v>
                </c:pt>
                <c:pt idx="885">
                  <c:v>339</c:v>
                </c:pt>
                <c:pt idx="886">
                  <c:v>339</c:v>
                </c:pt>
                <c:pt idx="887">
                  <c:v>340</c:v>
                </c:pt>
                <c:pt idx="888">
                  <c:v>340</c:v>
                </c:pt>
                <c:pt idx="889">
                  <c:v>340</c:v>
                </c:pt>
                <c:pt idx="890">
                  <c:v>341</c:v>
                </c:pt>
                <c:pt idx="891">
                  <c:v>341</c:v>
                </c:pt>
                <c:pt idx="892">
                  <c:v>342</c:v>
                </c:pt>
                <c:pt idx="893">
                  <c:v>342</c:v>
                </c:pt>
                <c:pt idx="894">
                  <c:v>342</c:v>
                </c:pt>
                <c:pt idx="895">
                  <c:v>343</c:v>
                </c:pt>
                <c:pt idx="896">
                  <c:v>343</c:v>
                </c:pt>
                <c:pt idx="897">
                  <c:v>344</c:v>
                </c:pt>
                <c:pt idx="898">
                  <c:v>344</c:v>
                </c:pt>
                <c:pt idx="899">
                  <c:v>345</c:v>
                </c:pt>
                <c:pt idx="900">
                  <c:v>345</c:v>
                </c:pt>
                <c:pt idx="901">
                  <c:v>345</c:v>
                </c:pt>
                <c:pt idx="902">
                  <c:v>346</c:v>
                </c:pt>
                <c:pt idx="903">
                  <c:v>346</c:v>
                </c:pt>
                <c:pt idx="904">
                  <c:v>347</c:v>
                </c:pt>
                <c:pt idx="905">
                  <c:v>347</c:v>
                </c:pt>
                <c:pt idx="906">
                  <c:v>347</c:v>
                </c:pt>
                <c:pt idx="907">
                  <c:v>348</c:v>
                </c:pt>
                <c:pt idx="908">
                  <c:v>348</c:v>
                </c:pt>
                <c:pt idx="909">
                  <c:v>349</c:v>
                </c:pt>
                <c:pt idx="910">
                  <c:v>349</c:v>
                </c:pt>
                <c:pt idx="911">
                  <c:v>350</c:v>
                </c:pt>
                <c:pt idx="912">
                  <c:v>350</c:v>
                </c:pt>
                <c:pt idx="913">
                  <c:v>350</c:v>
                </c:pt>
                <c:pt idx="914">
                  <c:v>351</c:v>
                </c:pt>
                <c:pt idx="915">
                  <c:v>351</c:v>
                </c:pt>
                <c:pt idx="916">
                  <c:v>352</c:v>
                </c:pt>
                <c:pt idx="917">
                  <c:v>352</c:v>
                </c:pt>
                <c:pt idx="918">
                  <c:v>352</c:v>
                </c:pt>
                <c:pt idx="919">
                  <c:v>353</c:v>
                </c:pt>
                <c:pt idx="920">
                  <c:v>353</c:v>
                </c:pt>
                <c:pt idx="921">
                  <c:v>354</c:v>
                </c:pt>
                <c:pt idx="922">
                  <c:v>354</c:v>
                </c:pt>
                <c:pt idx="923">
                  <c:v>355</c:v>
                </c:pt>
                <c:pt idx="924">
                  <c:v>355</c:v>
                </c:pt>
                <c:pt idx="925">
                  <c:v>355</c:v>
                </c:pt>
                <c:pt idx="926">
                  <c:v>356</c:v>
                </c:pt>
                <c:pt idx="927">
                  <c:v>356</c:v>
                </c:pt>
                <c:pt idx="928">
                  <c:v>357</c:v>
                </c:pt>
                <c:pt idx="929">
                  <c:v>357</c:v>
                </c:pt>
                <c:pt idx="930">
                  <c:v>357</c:v>
                </c:pt>
                <c:pt idx="931">
                  <c:v>358</c:v>
                </c:pt>
                <c:pt idx="932">
                  <c:v>358</c:v>
                </c:pt>
                <c:pt idx="933">
                  <c:v>359</c:v>
                </c:pt>
                <c:pt idx="934">
                  <c:v>359</c:v>
                </c:pt>
                <c:pt idx="935">
                  <c:v>360</c:v>
                </c:pt>
                <c:pt idx="936">
                  <c:v>360</c:v>
                </c:pt>
                <c:pt idx="937">
                  <c:v>360</c:v>
                </c:pt>
                <c:pt idx="938">
                  <c:v>361</c:v>
                </c:pt>
                <c:pt idx="939">
                  <c:v>361</c:v>
                </c:pt>
                <c:pt idx="940">
                  <c:v>362</c:v>
                </c:pt>
                <c:pt idx="941">
                  <c:v>362</c:v>
                </c:pt>
                <c:pt idx="942">
                  <c:v>362</c:v>
                </c:pt>
                <c:pt idx="943">
                  <c:v>363</c:v>
                </c:pt>
                <c:pt idx="944">
                  <c:v>363</c:v>
                </c:pt>
                <c:pt idx="945">
                  <c:v>364</c:v>
                </c:pt>
                <c:pt idx="946">
                  <c:v>364</c:v>
                </c:pt>
                <c:pt idx="947">
                  <c:v>365</c:v>
                </c:pt>
                <c:pt idx="948">
                  <c:v>365</c:v>
                </c:pt>
                <c:pt idx="949">
                  <c:v>365</c:v>
                </c:pt>
                <c:pt idx="950">
                  <c:v>366</c:v>
                </c:pt>
                <c:pt idx="951">
                  <c:v>366</c:v>
                </c:pt>
                <c:pt idx="952">
                  <c:v>367</c:v>
                </c:pt>
                <c:pt idx="953">
                  <c:v>367</c:v>
                </c:pt>
                <c:pt idx="954">
                  <c:v>367</c:v>
                </c:pt>
                <c:pt idx="955">
                  <c:v>368</c:v>
                </c:pt>
                <c:pt idx="956">
                  <c:v>368</c:v>
                </c:pt>
                <c:pt idx="957">
                  <c:v>369</c:v>
                </c:pt>
                <c:pt idx="958">
                  <c:v>369</c:v>
                </c:pt>
                <c:pt idx="959">
                  <c:v>370</c:v>
                </c:pt>
                <c:pt idx="960">
                  <c:v>370</c:v>
                </c:pt>
                <c:pt idx="961">
                  <c:v>370</c:v>
                </c:pt>
                <c:pt idx="962">
                  <c:v>371</c:v>
                </c:pt>
                <c:pt idx="963">
                  <c:v>371</c:v>
                </c:pt>
                <c:pt idx="964">
                  <c:v>372</c:v>
                </c:pt>
                <c:pt idx="965">
                  <c:v>372</c:v>
                </c:pt>
                <c:pt idx="966">
                  <c:v>372</c:v>
                </c:pt>
                <c:pt idx="967">
                  <c:v>373</c:v>
                </c:pt>
                <c:pt idx="968">
                  <c:v>373</c:v>
                </c:pt>
                <c:pt idx="969">
                  <c:v>374</c:v>
                </c:pt>
                <c:pt idx="970">
                  <c:v>374</c:v>
                </c:pt>
                <c:pt idx="971">
                  <c:v>375</c:v>
                </c:pt>
                <c:pt idx="972">
                  <c:v>375</c:v>
                </c:pt>
                <c:pt idx="973">
                  <c:v>375</c:v>
                </c:pt>
                <c:pt idx="974">
                  <c:v>376</c:v>
                </c:pt>
                <c:pt idx="975">
                  <c:v>376</c:v>
                </c:pt>
                <c:pt idx="976">
                  <c:v>377</c:v>
                </c:pt>
                <c:pt idx="977">
                  <c:v>377</c:v>
                </c:pt>
                <c:pt idx="978">
                  <c:v>377</c:v>
                </c:pt>
                <c:pt idx="979">
                  <c:v>378</c:v>
                </c:pt>
                <c:pt idx="980">
                  <c:v>378</c:v>
                </c:pt>
                <c:pt idx="981">
                  <c:v>379</c:v>
                </c:pt>
                <c:pt idx="982">
                  <c:v>379</c:v>
                </c:pt>
                <c:pt idx="983">
                  <c:v>380</c:v>
                </c:pt>
                <c:pt idx="984">
                  <c:v>380</c:v>
                </c:pt>
                <c:pt idx="985">
                  <c:v>380</c:v>
                </c:pt>
                <c:pt idx="986">
                  <c:v>381</c:v>
                </c:pt>
                <c:pt idx="987">
                  <c:v>381</c:v>
                </c:pt>
                <c:pt idx="988">
                  <c:v>382</c:v>
                </c:pt>
                <c:pt idx="989">
                  <c:v>382</c:v>
                </c:pt>
                <c:pt idx="990">
                  <c:v>382</c:v>
                </c:pt>
                <c:pt idx="991">
                  <c:v>383</c:v>
                </c:pt>
                <c:pt idx="992">
                  <c:v>383</c:v>
                </c:pt>
                <c:pt idx="993">
                  <c:v>384</c:v>
                </c:pt>
                <c:pt idx="994">
                  <c:v>384</c:v>
                </c:pt>
                <c:pt idx="995">
                  <c:v>385</c:v>
                </c:pt>
                <c:pt idx="996">
                  <c:v>385</c:v>
                </c:pt>
                <c:pt idx="997">
                  <c:v>385</c:v>
                </c:pt>
                <c:pt idx="998">
                  <c:v>386</c:v>
                </c:pt>
                <c:pt idx="999">
                  <c:v>386</c:v>
                </c:pt>
                <c:pt idx="1000">
                  <c:v>387</c:v>
                </c:pt>
                <c:pt idx="1001">
                  <c:v>387</c:v>
                </c:pt>
                <c:pt idx="1002">
                  <c:v>387</c:v>
                </c:pt>
                <c:pt idx="1003">
                  <c:v>388</c:v>
                </c:pt>
                <c:pt idx="1004">
                  <c:v>388</c:v>
                </c:pt>
                <c:pt idx="1005">
                  <c:v>389</c:v>
                </c:pt>
                <c:pt idx="1006">
                  <c:v>389</c:v>
                </c:pt>
                <c:pt idx="1007">
                  <c:v>390</c:v>
                </c:pt>
                <c:pt idx="1008">
                  <c:v>390</c:v>
                </c:pt>
                <c:pt idx="1009">
                  <c:v>390</c:v>
                </c:pt>
                <c:pt idx="1010">
                  <c:v>391</c:v>
                </c:pt>
                <c:pt idx="1011">
                  <c:v>391</c:v>
                </c:pt>
                <c:pt idx="1012">
                  <c:v>392</c:v>
                </c:pt>
                <c:pt idx="1013">
                  <c:v>392</c:v>
                </c:pt>
                <c:pt idx="1014">
                  <c:v>392</c:v>
                </c:pt>
                <c:pt idx="1015">
                  <c:v>393</c:v>
                </c:pt>
                <c:pt idx="1016">
                  <c:v>393</c:v>
                </c:pt>
                <c:pt idx="1017">
                  <c:v>394</c:v>
                </c:pt>
                <c:pt idx="1018">
                  <c:v>394</c:v>
                </c:pt>
                <c:pt idx="1019">
                  <c:v>395</c:v>
                </c:pt>
                <c:pt idx="1020">
                  <c:v>395</c:v>
                </c:pt>
                <c:pt idx="1021">
                  <c:v>395</c:v>
                </c:pt>
                <c:pt idx="1022">
                  <c:v>396</c:v>
                </c:pt>
                <c:pt idx="1023">
                  <c:v>396</c:v>
                </c:pt>
                <c:pt idx="1024">
                  <c:v>397</c:v>
                </c:pt>
                <c:pt idx="1025">
                  <c:v>397</c:v>
                </c:pt>
                <c:pt idx="1026">
                  <c:v>397</c:v>
                </c:pt>
                <c:pt idx="1027">
                  <c:v>398</c:v>
                </c:pt>
                <c:pt idx="1028">
                  <c:v>398</c:v>
                </c:pt>
                <c:pt idx="1029">
                  <c:v>399</c:v>
                </c:pt>
                <c:pt idx="1030">
                  <c:v>399</c:v>
                </c:pt>
                <c:pt idx="1031">
                  <c:v>400</c:v>
                </c:pt>
                <c:pt idx="1032">
                  <c:v>400</c:v>
                </c:pt>
                <c:pt idx="1033">
                  <c:v>400</c:v>
                </c:pt>
                <c:pt idx="1034">
                  <c:v>401</c:v>
                </c:pt>
                <c:pt idx="1035">
                  <c:v>401</c:v>
                </c:pt>
                <c:pt idx="1036">
                  <c:v>402</c:v>
                </c:pt>
                <c:pt idx="1037">
                  <c:v>402</c:v>
                </c:pt>
                <c:pt idx="1038">
                  <c:v>402</c:v>
                </c:pt>
                <c:pt idx="1039">
                  <c:v>403</c:v>
                </c:pt>
                <c:pt idx="1040">
                  <c:v>403</c:v>
                </c:pt>
                <c:pt idx="1041">
                  <c:v>404</c:v>
                </c:pt>
                <c:pt idx="1042">
                  <c:v>404</c:v>
                </c:pt>
                <c:pt idx="1043">
                  <c:v>405</c:v>
                </c:pt>
                <c:pt idx="1044">
                  <c:v>405</c:v>
                </c:pt>
                <c:pt idx="1045">
                  <c:v>405</c:v>
                </c:pt>
                <c:pt idx="1046">
                  <c:v>406</c:v>
                </c:pt>
                <c:pt idx="1047">
                  <c:v>406</c:v>
                </c:pt>
                <c:pt idx="1048">
                  <c:v>407</c:v>
                </c:pt>
                <c:pt idx="1049">
                  <c:v>407</c:v>
                </c:pt>
                <c:pt idx="1050">
                  <c:v>407</c:v>
                </c:pt>
                <c:pt idx="1051">
                  <c:v>408</c:v>
                </c:pt>
                <c:pt idx="1052">
                  <c:v>408</c:v>
                </c:pt>
                <c:pt idx="1053">
                  <c:v>409</c:v>
                </c:pt>
                <c:pt idx="1054">
                  <c:v>409</c:v>
                </c:pt>
                <c:pt idx="1055">
                  <c:v>410</c:v>
                </c:pt>
                <c:pt idx="1056">
                  <c:v>410</c:v>
                </c:pt>
                <c:pt idx="1057">
                  <c:v>410</c:v>
                </c:pt>
                <c:pt idx="1058">
                  <c:v>411</c:v>
                </c:pt>
                <c:pt idx="1059">
                  <c:v>411</c:v>
                </c:pt>
                <c:pt idx="1060">
                  <c:v>412</c:v>
                </c:pt>
                <c:pt idx="1061">
                  <c:v>412</c:v>
                </c:pt>
                <c:pt idx="1062">
                  <c:v>412</c:v>
                </c:pt>
                <c:pt idx="1063">
                  <c:v>413</c:v>
                </c:pt>
                <c:pt idx="1064">
                  <c:v>413</c:v>
                </c:pt>
                <c:pt idx="1065">
                  <c:v>414</c:v>
                </c:pt>
                <c:pt idx="1066">
                  <c:v>414</c:v>
                </c:pt>
                <c:pt idx="1067">
                  <c:v>415</c:v>
                </c:pt>
                <c:pt idx="1068">
                  <c:v>415</c:v>
                </c:pt>
                <c:pt idx="1069">
                  <c:v>415</c:v>
                </c:pt>
                <c:pt idx="1070">
                  <c:v>416</c:v>
                </c:pt>
                <c:pt idx="1071">
                  <c:v>416</c:v>
                </c:pt>
                <c:pt idx="1072">
                  <c:v>417</c:v>
                </c:pt>
                <c:pt idx="1073">
                  <c:v>417</c:v>
                </c:pt>
                <c:pt idx="1074">
                  <c:v>417</c:v>
                </c:pt>
                <c:pt idx="1075">
                  <c:v>418</c:v>
                </c:pt>
                <c:pt idx="1076">
                  <c:v>418</c:v>
                </c:pt>
                <c:pt idx="1077">
                  <c:v>419</c:v>
                </c:pt>
                <c:pt idx="1078">
                  <c:v>419</c:v>
                </c:pt>
                <c:pt idx="1079">
                  <c:v>420</c:v>
                </c:pt>
                <c:pt idx="1080">
                  <c:v>420</c:v>
                </c:pt>
                <c:pt idx="1081">
                  <c:v>420</c:v>
                </c:pt>
                <c:pt idx="1082">
                  <c:v>421</c:v>
                </c:pt>
                <c:pt idx="1083">
                  <c:v>421</c:v>
                </c:pt>
                <c:pt idx="1084">
                  <c:v>422</c:v>
                </c:pt>
                <c:pt idx="1085">
                  <c:v>422</c:v>
                </c:pt>
                <c:pt idx="1086">
                  <c:v>422</c:v>
                </c:pt>
                <c:pt idx="1087">
                  <c:v>423</c:v>
                </c:pt>
                <c:pt idx="1088">
                  <c:v>423</c:v>
                </c:pt>
                <c:pt idx="1089">
                  <c:v>424</c:v>
                </c:pt>
                <c:pt idx="1090">
                  <c:v>424</c:v>
                </c:pt>
                <c:pt idx="1091">
                  <c:v>425</c:v>
                </c:pt>
                <c:pt idx="1092">
                  <c:v>425</c:v>
                </c:pt>
                <c:pt idx="1093">
                  <c:v>425</c:v>
                </c:pt>
                <c:pt idx="1094">
                  <c:v>426</c:v>
                </c:pt>
                <c:pt idx="1095">
                  <c:v>426</c:v>
                </c:pt>
                <c:pt idx="1096">
                  <c:v>427</c:v>
                </c:pt>
                <c:pt idx="1097">
                  <c:v>427</c:v>
                </c:pt>
                <c:pt idx="1098">
                  <c:v>427</c:v>
                </c:pt>
                <c:pt idx="1099">
                  <c:v>428</c:v>
                </c:pt>
                <c:pt idx="1100">
                  <c:v>428</c:v>
                </c:pt>
                <c:pt idx="1101">
                  <c:v>429</c:v>
                </c:pt>
                <c:pt idx="1102">
                  <c:v>429</c:v>
                </c:pt>
                <c:pt idx="1103">
                  <c:v>430</c:v>
                </c:pt>
                <c:pt idx="1104">
                  <c:v>430</c:v>
                </c:pt>
                <c:pt idx="1105">
                  <c:v>430</c:v>
                </c:pt>
                <c:pt idx="1106">
                  <c:v>431</c:v>
                </c:pt>
                <c:pt idx="1107">
                  <c:v>431</c:v>
                </c:pt>
                <c:pt idx="1108">
                  <c:v>432</c:v>
                </c:pt>
                <c:pt idx="1109">
                  <c:v>432</c:v>
                </c:pt>
                <c:pt idx="1110">
                  <c:v>432</c:v>
                </c:pt>
                <c:pt idx="1111">
                  <c:v>433</c:v>
                </c:pt>
                <c:pt idx="1112">
                  <c:v>433</c:v>
                </c:pt>
                <c:pt idx="1113">
                  <c:v>434</c:v>
                </c:pt>
                <c:pt idx="1114">
                  <c:v>434</c:v>
                </c:pt>
                <c:pt idx="1115">
                  <c:v>435</c:v>
                </c:pt>
                <c:pt idx="1116">
                  <c:v>435</c:v>
                </c:pt>
                <c:pt idx="1117">
                  <c:v>435</c:v>
                </c:pt>
                <c:pt idx="1118">
                  <c:v>436</c:v>
                </c:pt>
                <c:pt idx="1119">
                  <c:v>436</c:v>
                </c:pt>
                <c:pt idx="1120">
                  <c:v>437</c:v>
                </c:pt>
                <c:pt idx="1121">
                  <c:v>437</c:v>
                </c:pt>
                <c:pt idx="1122">
                  <c:v>437</c:v>
                </c:pt>
                <c:pt idx="1123">
                  <c:v>438</c:v>
                </c:pt>
                <c:pt idx="1124">
                  <c:v>438</c:v>
                </c:pt>
                <c:pt idx="1125">
                  <c:v>439</c:v>
                </c:pt>
                <c:pt idx="1126">
                  <c:v>439</c:v>
                </c:pt>
                <c:pt idx="1127">
                  <c:v>440</c:v>
                </c:pt>
                <c:pt idx="1128">
                  <c:v>440</c:v>
                </c:pt>
                <c:pt idx="1129">
                  <c:v>440</c:v>
                </c:pt>
                <c:pt idx="1130">
                  <c:v>441</c:v>
                </c:pt>
                <c:pt idx="1131">
                  <c:v>441</c:v>
                </c:pt>
                <c:pt idx="1132">
                  <c:v>442</c:v>
                </c:pt>
                <c:pt idx="1133">
                  <c:v>442</c:v>
                </c:pt>
                <c:pt idx="1134">
                  <c:v>442</c:v>
                </c:pt>
                <c:pt idx="1135">
                  <c:v>443</c:v>
                </c:pt>
                <c:pt idx="1136">
                  <c:v>443</c:v>
                </c:pt>
                <c:pt idx="1137">
                  <c:v>444</c:v>
                </c:pt>
                <c:pt idx="1138">
                  <c:v>444</c:v>
                </c:pt>
                <c:pt idx="1139">
                  <c:v>445</c:v>
                </c:pt>
                <c:pt idx="1140">
                  <c:v>445</c:v>
                </c:pt>
                <c:pt idx="1141">
                  <c:v>445</c:v>
                </c:pt>
                <c:pt idx="1142">
                  <c:v>446</c:v>
                </c:pt>
                <c:pt idx="1143">
                  <c:v>446</c:v>
                </c:pt>
                <c:pt idx="1144">
                  <c:v>447</c:v>
                </c:pt>
                <c:pt idx="1145">
                  <c:v>447</c:v>
                </c:pt>
                <c:pt idx="1146">
                  <c:v>447</c:v>
                </c:pt>
                <c:pt idx="1147">
                  <c:v>448</c:v>
                </c:pt>
                <c:pt idx="1148">
                  <c:v>448</c:v>
                </c:pt>
                <c:pt idx="1149">
                  <c:v>449</c:v>
                </c:pt>
                <c:pt idx="1150">
                  <c:v>449</c:v>
                </c:pt>
                <c:pt idx="1151">
                  <c:v>450</c:v>
                </c:pt>
                <c:pt idx="1152">
                  <c:v>450</c:v>
                </c:pt>
                <c:pt idx="1153">
                  <c:v>450</c:v>
                </c:pt>
                <c:pt idx="1154">
                  <c:v>451</c:v>
                </c:pt>
                <c:pt idx="1155">
                  <c:v>451</c:v>
                </c:pt>
                <c:pt idx="1156">
                  <c:v>452</c:v>
                </c:pt>
                <c:pt idx="1157">
                  <c:v>452</c:v>
                </c:pt>
                <c:pt idx="1158">
                  <c:v>452</c:v>
                </c:pt>
                <c:pt idx="1159">
                  <c:v>453</c:v>
                </c:pt>
                <c:pt idx="1160">
                  <c:v>453</c:v>
                </c:pt>
                <c:pt idx="1161">
                  <c:v>454</c:v>
                </c:pt>
                <c:pt idx="1162">
                  <c:v>454</c:v>
                </c:pt>
                <c:pt idx="1163">
                  <c:v>455</c:v>
                </c:pt>
                <c:pt idx="1164">
                  <c:v>455</c:v>
                </c:pt>
                <c:pt idx="1165">
                  <c:v>455</c:v>
                </c:pt>
                <c:pt idx="1166">
                  <c:v>456</c:v>
                </c:pt>
                <c:pt idx="1167">
                  <c:v>456</c:v>
                </c:pt>
                <c:pt idx="1168">
                  <c:v>457</c:v>
                </c:pt>
                <c:pt idx="1169">
                  <c:v>457</c:v>
                </c:pt>
                <c:pt idx="1170">
                  <c:v>457</c:v>
                </c:pt>
                <c:pt idx="1171">
                  <c:v>458</c:v>
                </c:pt>
                <c:pt idx="1172">
                  <c:v>458</c:v>
                </c:pt>
                <c:pt idx="1173">
                  <c:v>459</c:v>
                </c:pt>
                <c:pt idx="1174">
                  <c:v>459</c:v>
                </c:pt>
                <c:pt idx="1175">
                  <c:v>460</c:v>
                </c:pt>
                <c:pt idx="1176">
                  <c:v>460</c:v>
                </c:pt>
                <c:pt idx="1177">
                  <c:v>460</c:v>
                </c:pt>
                <c:pt idx="1178">
                  <c:v>461</c:v>
                </c:pt>
                <c:pt idx="1179">
                  <c:v>461</c:v>
                </c:pt>
                <c:pt idx="1180">
                  <c:v>462</c:v>
                </c:pt>
                <c:pt idx="1181">
                  <c:v>462</c:v>
                </c:pt>
                <c:pt idx="1182">
                  <c:v>462</c:v>
                </c:pt>
                <c:pt idx="1183">
                  <c:v>463</c:v>
                </c:pt>
                <c:pt idx="1184">
                  <c:v>463</c:v>
                </c:pt>
                <c:pt idx="1185">
                  <c:v>464</c:v>
                </c:pt>
                <c:pt idx="1186">
                  <c:v>464</c:v>
                </c:pt>
                <c:pt idx="1187">
                  <c:v>465</c:v>
                </c:pt>
                <c:pt idx="1188">
                  <c:v>465</c:v>
                </c:pt>
                <c:pt idx="1189">
                  <c:v>465</c:v>
                </c:pt>
                <c:pt idx="1190">
                  <c:v>466</c:v>
                </c:pt>
                <c:pt idx="1191">
                  <c:v>466</c:v>
                </c:pt>
                <c:pt idx="1192">
                  <c:v>467</c:v>
                </c:pt>
                <c:pt idx="1193">
                  <c:v>467</c:v>
                </c:pt>
                <c:pt idx="1194">
                  <c:v>467</c:v>
                </c:pt>
                <c:pt idx="1195">
                  <c:v>468</c:v>
                </c:pt>
                <c:pt idx="1196">
                  <c:v>468</c:v>
                </c:pt>
                <c:pt idx="1197">
                  <c:v>469</c:v>
                </c:pt>
                <c:pt idx="1198">
                  <c:v>469</c:v>
                </c:pt>
                <c:pt idx="1199">
                  <c:v>470</c:v>
                </c:pt>
                <c:pt idx="1200">
                  <c:v>470</c:v>
                </c:pt>
                <c:pt idx="1201">
                  <c:v>470</c:v>
                </c:pt>
                <c:pt idx="1202">
                  <c:v>471</c:v>
                </c:pt>
                <c:pt idx="1203">
                  <c:v>471</c:v>
                </c:pt>
                <c:pt idx="1204">
                  <c:v>472</c:v>
                </c:pt>
                <c:pt idx="1205">
                  <c:v>472</c:v>
                </c:pt>
                <c:pt idx="1206">
                  <c:v>472</c:v>
                </c:pt>
                <c:pt idx="1207">
                  <c:v>473</c:v>
                </c:pt>
                <c:pt idx="1208">
                  <c:v>473</c:v>
                </c:pt>
                <c:pt idx="1209">
                  <c:v>474</c:v>
                </c:pt>
                <c:pt idx="1210">
                  <c:v>474</c:v>
                </c:pt>
                <c:pt idx="1211">
                  <c:v>475</c:v>
                </c:pt>
                <c:pt idx="1212">
                  <c:v>475</c:v>
                </c:pt>
                <c:pt idx="1213">
                  <c:v>475</c:v>
                </c:pt>
                <c:pt idx="1214">
                  <c:v>476</c:v>
                </c:pt>
                <c:pt idx="1215">
                  <c:v>476</c:v>
                </c:pt>
                <c:pt idx="1216">
                  <c:v>477</c:v>
                </c:pt>
                <c:pt idx="1217">
                  <c:v>477</c:v>
                </c:pt>
                <c:pt idx="1218">
                  <c:v>477</c:v>
                </c:pt>
                <c:pt idx="1219">
                  <c:v>478</c:v>
                </c:pt>
                <c:pt idx="1220">
                  <c:v>478</c:v>
                </c:pt>
                <c:pt idx="1221">
                  <c:v>479</c:v>
                </c:pt>
                <c:pt idx="1222">
                  <c:v>479</c:v>
                </c:pt>
                <c:pt idx="1223">
                  <c:v>480</c:v>
                </c:pt>
                <c:pt idx="1224">
                  <c:v>480</c:v>
                </c:pt>
                <c:pt idx="1225">
                  <c:v>480</c:v>
                </c:pt>
                <c:pt idx="1226">
                  <c:v>481</c:v>
                </c:pt>
                <c:pt idx="1227">
                  <c:v>481</c:v>
                </c:pt>
                <c:pt idx="1228">
                  <c:v>482</c:v>
                </c:pt>
                <c:pt idx="1229">
                  <c:v>482</c:v>
                </c:pt>
                <c:pt idx="1230">
                  <c:v>482</c:v>
                </c:pt>
                <c:pt idx="1231">
                  <c:v>483</c:v>
                </c:pt>
                <c:pt idx="1232">
                  <c:v>483</c:v>
                </c:pt>
                <c:pt idx="1233">
                  <c:v>484</c:v>
                </c:pt>
                <c:pt idx="1234">
                  <c:v>484</c:v>
                </c:pt>
                <c:pt idx="1235">
                  <c:v>485</c:v>
                </c:pt>
                <c:pt idx="1236">
                  <c:v>485</c:v>
                </c:pt>
                <c:pt idx="1237">
                  <c:v>485</c:v>
                </c:pt>
                <c:pt idx="1238">
                  <c:v>486</c:v>
                </c:pt>
                <c:pt idx="1239">
                  <c:v>486</c:v>
                </c:pt>
                <c:pt idx="1240">
                  <c:v>487</c:v>
                </c:pt>
                <c:pt idx="1241">
                  <c:v>487</c:v>
                </c:pt>
                <c:pt idx="1242">
                  <c:v>487</c:v>
                </c:pt>
                <c:pt idx="1243">
                  <c:v>488</c:v>
                </c:pt>
                <c:pt idx="1244">
                  <c:v>488</c:v>
                </c:pt>
                <c:pt idx="1245">
                  <c:v>489</c:v>
                </c:pt>
                <c:pt idx="1246">
                  <c:v>489</c:v>
                </c:pt>
                <c:pt idx="1247">
                  <c:v>490</c:v>
                </c:pt>
                <c:pt idx="1248">
                  <c:v>490</c:v>
                </c:pt>
                <c:pt idx="1249">
                  <c:v>490</c:v>
                </c:pt>
                <c:pt idx="1250">
                  <c:v>491</c:v>
                </c:pt>
                <c:pt idx="1251">
                  <c:v>491</c:v>
                </c:pt>
                <c:pt idx="1252">
                  <c:v>492</c:v>
                </c:pt>
                <c:pt idx="1253">
                  <c:v>492</c:v>
                </c:pt>
                <c:pt idx="1254">
                  <c:v>492</c:v>
                </c:pt>
                <c:pt idx="1255">
                  <c:v>493</c:v>
                </c:pt>
                <c:pt idx="1256">
                  <c:v>493</c:v>
                </c:pt>
                <c:pt idx="1257">
                  <c:v>494</c:v>
                </c:pt>
                <c:pt idx="1258">
                  <c:v>494</c:v>
                </c:pt>
                <c:pt idx="1259">
                  <c:v>495</c:v>
                </c:pt>
                <c:pt idx="1260">
                  <c:v>495</c:v>
                </c:pt>
                <c:pt idx="1261">
                  <c:v>495</c:v>
                </c:pt>
                <c:pt idx="1262">
                  <c:v>496</c:v>
                </c:pt>
                <c:pt idx="1263">
                  <c:v>496</c:v>
                </c:pt>
                <c:pt idx="1264">
                  <c:v>497</c:v>
                </c:pt>
                <c:pt idx="1265">
                  <c:v>497</c:v>
                </c:pt>
                <c:pt idx="1266">
                  <c:v>497</c:v>
                </c:pt>
                <c:pt idx="1267">
                  <c:v>498</c:v>
                </c:pt>
                <c:pt idx="1268">
                  <c:v>498</c:v>
                </c:pt>
                <c:pt idx="1269">
                  <c:v>499</c:v>
                </c:pt>
                <c:pt idx="1270">
                  <c:v>499</c:v>
                </c:pt>
                <c:pt idx="1271">
                  <c:v>500</c:v>
                </c:pt>
                <c:pt idx="1272">
                  <c:v>500</c:v>
                </c:pt>
                <c:pt idx="1273">
                  <c:v>500</c:v>
                </c:pt>
                <c:pt idx="1274">
                  <c:v>501</c:v>
                </c:pt>
                <c:pt idx="1275">
                  <c:v>501</c:v>
                </c:pt>
                <c:pt idx="1276">
                  <c:v>502</c:v>
                </c:pt>
                <c:pt idx="1277">
                  <c:v>502</c:v>
                </c:pt>
                <c:pt idx="1278">
                  <c:v>502</c:v>
                </c:pt>
                <c:pt idx="1279">
                  <c:v>503</c:v>
                </c:pt>
                <c:pt idx="1280">
                  <c:v>503</c:v>
                </c:pt>
                <c:pt idx="1281">
                  <c:v>504</c:v>
                </c:pt>
                <c:pt idx="1282">
                  <c:v>504</c:v>
                </c:pt>
                <c:pt idx="1283">
                  <c:v>505</c:v>
                </c:pt>
                <c:pt idx="1284">
                  <c:v>505</c:v>
                </c:pt>
                <c:pt idx="1285">
                  <c:v>505</c:v>
                </c:pt>
                <c:pt idx="1286">
                  <c:v>506</c:v>
                </c:pt>
                <c:pt idx="1287">
                  <c:v>506</c:v>
                </c:pt>
                <c:pt idx="1288">
                  <c:v>507</c:v>
                </c:pt>
                <c:pt idx="1289">
                  <c:v>507</c:v>
                </c:pt>
                <c:pt idx="1290">
                  <c:v>507</c:v>
                </c:pt>
                <c:pt idx="1291">
                  <c:v>508</c:v>
                </c:pt>
                <c:pt idx="1292">
                  <c:v>508</c:v>
                </c:pt>
                <c:pt idx="1293">
                  <c:v>509</c:v>
                </c:pt>
                <c:pt idx="1294">
                  <c:v>509</c:v>
                </c:pt>
                <c:pt idx="1295">
                  <c:v>510</c:v>
                </c:pt>
                <c:pt idx="1296">
                  <c:v>510</c:v>
                </c:pt>
                <c:pt idx="1297">
                  <c:v>510</c:v>
                </c:pt>
                <c:pt idx="1298">
                  <c:v>511</c:v>
                </c:pt>
                <c:pt idx="1299">
                  <c:v>511</c:v>
                </c:pt>
                <c:pt idx="1300">
                  <c:v>512</c:v>
                </c:pt>
                <c:pt idx="1301">
                  <c:v>512</c:v>
                </c:pt>
                <c:pt idx="1302">
                  <c:v>512</c:v>
                </c:pt>
                <c:pt idx="1303">
                  <c:v>513</c:v>
                </c:pt>
                <c:pt idx="1304">
                  <c:v>513</c:v>
                </c:pt>
                <c:pt idx="1305">
                  <c:v>514</c:v>
                </c:pt>
                <c:pt idx="1306">
                  <c:v>514</c:v>
                </c:pt>
                <c:pt idx="1307">
                  <c:v>515</c:v>
                </c:pt>
                <c:pt idx="1308">
                  <c:v>515</c:v>
                </c:pt>
                <c:pt idx="1309">
                  <c:v>515</c:v>
                </c:pt>
                <c:pt idx="1310">
                  <c:v>516</c:v>
                </c:pt>
                <c:pt idx="1311">
                  <c:v>516</c:v>
                </c:pt>
                <c:pt idx="1312">
                  <c:v>517</c:v>
                </c:pt>
                <c:pt idx="1313">
                  <c:v>517</c:v>
                </c:pt>
                <c:pt idx="1314">
                  <c:v>517</c:v>
                </c:pt>
                <c:pt idx="1315">
                  <c:v>518</c:v>
                </c:pt>
                <c:pt idx="1316">
                  <c:v>518</c:v>
                </c:pt>
                <c:pt idx="1317">
                  <c:v>519</c:v>
                </c:pt>
                <c:pt idx="1318">
                  <c:v>519</c:v>
                </c:pt>
                <c:pt idx="1319">
                  <c:v>520</c:v>
                </c:pt>
                <c:pt idx="1320">
                  <c:v>520</c:v>
                </c:pt>
                <c:pt idx="1321">
                  <c:v>520</c:v>
                </c:pt>
                <c:pt idx="1322">
                  <c:v>521</c:v>
                </c:pt>
                <c:pt idx="1323">
                  <c:v>521</c:v>
                </c:pt>
                <c:pt idx="1324">
                  <c:v>522</c:v>
                </c:pt>
                <c:pt idx="1325">
                  <c:v>522</c:v>
                </c:pt>
                <c:pt idx="1326">
                  <c:v>522</c:v>
                </c:pt>
                <c:pt idx="1327">
                  <c:v>523</c:v>
                </c:pt>
                <c:pt idx="1328">
                  <c:v>523</c:v>
                </c:pt>
                <c:pt idx="1329">
                  <c:v>524</c:v>
                </c:pt>
                <c:pt idx="1330">
                  <c:v>524</c:v>
                </c:pt>
                <c:pt idx="1331">
                  <c:v>525</c:v>
                </c:pt>
                <c:pt idx="1332">
                  <c:v>525</c:v>
                </c:pt>
                <c:pt idx="1333">
                  <c:v>525</c:v>
                </c:pt>
                <c:pt idx="1334">
                  <c:v>526</c:v>
                </c:pt>
                <c:pt idx="1335">
                  <c:v>526</c:v>
                </c:pt>
                <c:pt idx="1336">
                  <c:v>527</c:v>
                </c:pt>
                <c:pt idx="1337">
                  <c:v>527</c:v>
                </c:pt>
                <c:pt idx="1338">
                  <c:v>527</c:v>
                </c:pt>
                <c:pt idx="1339">
                  <c:v>528</c:v>
                </c:pt>
                <c:pt idx="1340">
                  <c:v>528</c:v>
                </c:pt>
                <c:pt idx="1341">
                  <c:v>529</c:v>
                </c:pt>
                <c:pt idx="1342">
                  <c:v>529</c:v>
                </c:pt>
                <c:pt idx="1343">
                  <c:v>530</c:v>
                </c:pt>
                <c:pt idx="1344">
                  <c:v>530</c:v>
                </c:pt>
                <c:pt idx="1345">
                  <c:v>530</c:v>
                </c:pt>
                <c:pt idx="1346">
                  <c:v>531</c:v>
                </c:pt>
                <c:pt idx="1347">
                  <c:v>531</c:v>
                </c:pt>
                <c:pt idx="1348">
                  <c:v>532</c:v>
                </c:pt>
                <c:pt idx="1349">
                  <c:v>532</c:v>
                </c:pt>
                <c:pt idx="1350">
                  <c:v>532</c:v>
                </c:pt>
                <c:pt idx="1351">
                  <c:v>533</c:v>
                </c:pt>
                <c:pt idx="1352">
                  <c:v>533</c:v>
                </c:pt>
                <c:pt idx="1353">
                  <c:v>534</c:v>
                </c:pt>
                <c:pt idx="1354">
                  <c:v>534</c:v>
                </c:pt>
                <c:pt idx="1355">
                  <c:v>535</c:v>
                </c:pt>
                <c:pt idx="1356">
                  <c:v>535</c:v>
                </c:pt>
                <c:pt idx="1357">
                  <c:v>535</c:v>
                </c:pt>
                <c:pt idx="1358">
                  <c:v>536</c:v>
                </c:pt>
                <c:pt idx="1359">
                  <c:v>536</c:v>
                </c:pt>
                <c:pt idx="1360">
                  <c:v>537</c:v>
                </c:pt>
                <c:pt idx="1361">
                  <c:v>537</c:v>
                </c:pt>
                <c:pt idx="1362">
                  <c:v>537</c:v>
                </c:pt>
                <c:pt idx="1363">
                  <c:v>538</c:v>
                </c:pt>
                <c:pt idx="1364">
                  <c:v>538</c:v>
                </c:pt>
                <c:pt idx="1365">
                  <c:v>539</c:v>
                </c:pt>
                <c:pt idx="1366">
                  <c:v>539</c:v>
                </c:pt>
                <c:pt idx="1367">
                  <c:v>540</c:v>
                </c:pt>
                <c:pt idx="1368">
                  <c:v>540</c:v>
                </c:pt>
                <c:pt idx="1369">
                  <c:v>540</c:v>
                </c:pt>
                <c:pt idx="1370">
                  <c:v>541</c:v>
                </c:pt>
                <c:pt idx="1371">
                  <c:v>541</c:v>
                </c:pt>
                <c:pt idx="1372">
                  <c:v>542</c:v>
                </c:pt>
                <c:pt idx="1373">
                  <c:v>542</c:v>
                </c:pt>
                <c:pt idx="1374">
                  <c:v>542</c:v>
                </c:pt>
                <c:pt idx="1375">
                  <c:v>543</c:v>
                </c:pt>
                <c:pt idx="1376">
                  <c:v>543</c:v>
                </c:pt>
                <c:pt idx="1377">
                  <c:v>544</c:v>
                </c:pt>
                <c:pt idx="1378">
                  <c:v>544</c:v>
                </c:pt>
                <c:pt idx="1379">
                  <c:v>545</c:v>
                </c:pt>
                <c:pt idx="1380">
                  <c:v>545</c:v>
                </c:pt>
                <c:pt idx="1381">
                  <c:v>545</c:v>
                </c:pt>
                <c:pt idx="1382">
                  <c:v>546</c:v>
                </c:pt>
                <c:pt idx="1383">
                  <c:v>546</c:v>
                </c:pt>
                <c:pt idx="1384">
                  <c:v>547</c:v>
                </c:pt>
                <c:pt idx="1385">
                  <c:v>547</c:v>
                </c:pt>
                <c:pt idx="1386">
                  <c:v>547</c:v>
                </c:pt>
                <c:pt idx="1387">
                  <c:v>548</c:v>
                </c:pt>
                <c:pt idx="1388">
                  <c:v>548</c:v>
                </c:pt>
                <c:pt idx="1389">
                  <c:v>549</c:v>
                </c:pt>
                <c:pt idx="1390">
                  <c:v>549</c:v>
                </c:pt>
                <c:pt idx="1391">
                  <c:v>550</c:v>
                </c:pt>
                <c:pt idx="1392">
                  <c:v>550</c:v>
                </c:pt>
                <c:pt idx="1393">
                  <c:v>550</c:v>
                </c:pt>
                <c:pt idx="1394">
                  <c:v>551</c:v>
                </c:pt>
                <c:pt idx="1395">
                  <c:v>551</c:v>
                </c:pt>
                <c:pt idx="1396">
                  <c:v>552</c:v>
                </c:pt>
                <c:pt idx="1397">
                  <c:v>552</c:v>
                </c:pt>
                <c:pt idx="1398">
                  <c:v>552</c:v>
                </c:pt>
                <c:pt idx="1399">
                  <c:v>553</c:v>
                </c:pt>
                <c:pt idx="1400">
                  <c:v>553</c:v>
                </c:pt>
                <c:pt idx="1401">
                  <c:v>554</c:v>
                </c:pt>
                <c:pt idx="1402">
                  <c:v>554</c:v>
                </c:pt>
                <c:pt idx="1403">
                  <c:v>555</c:v>
                </c:pt>
                <c:pt idx="1404">
                  <c:v>555</c:v>
                </c:pt>
                <c:pt idx="1405">
                  <c:v>555</c:v>
                </c:pt>
                <c:pt idx="1406">
                  <c:v>556</c:v>
                </c:pt>
                <c:pt idx="1407">
                  <c:v>556</c:v>
                </c:pt>
                <c:pt idx="1408">
                  <c:v>557</c:v>
                </c:pt>
                <c:pt idx="1409">
                  <c:v>557</c:v>
                </c:pt>
                <c:pt idx="1410">
                  <c:v>557</c:v>
                </c:pt>
                <c:pt idx="1411">
                  <c:v>558</c:v>
                </c:pt>
                <c:pt idx="1412">
                  <c:v>558</c:v>
                </c:pt>
                <c:pt idx="1413">
                  <c:v>559</c:v>
                </c:pt>
                <c:pt idx="1414">
                  <c:v>559</c:v>
                </c:pt>
                <c:pt idx="1415">
                  <c:v>560</c:v>
                </c:pt>
                <c:pt idx="1416">
                  <c:v>560</c:v>
                </c:pt>
                <c:pt idx="1417">
                  <c:v>560</c:v>
                </c:pt>
                <c:pt idx="1418">
                  <c:v>561</c:v>
                </c:pt>
                <c:pt idx="1419">
                  <c:v>561</c:v>
                </c:pt>
                <c:pt idx="1420">
                  <c:v>562</c:v>
                </c:pt>
                <c:pt idx="1421">
                  <c:v>562</c:v>
                </c:pt>
                <c:pt idx="1422">
                  <c:v>562</c:v>
                </c:pt>
                <c:pt idx="1423">
                  <c:v>563</c:v>
                </c:pt>
                <c:pt idx="1424">
                  <c:v>563</c:v>
                </c:pt>
                <c:pt idx="1425">
                  <c:v>564</c:v>
                </c:pt>
                <c:pt idx="1426">
                  <c:v>564</c:v>
                </c:pt>
                <c:pt idx="1427">
                  <c:v>565</c:v>
                </c:pt>
                <c:pt idx="1428">
                  <c:v>565</c:v>
                </c:pt>
                <c:pt idx="1429">
                  <c:v>565</c:v>
                </c:pt>
                <c:pt idx="1430">
                  <c:v>566</c:v>
                </c:pt>
                <c:pt idx="1431">
                  <c:v>566</c:v>
                </c:pt>
                <c:pt idx="1432">
                  <c:v>567</c:v>
                </c:pt>
                <c:pt idx="1433">
                  <c:v>567</c:v>
                </c:pt>
                <c:pt idx="1434">
                  <c:v>567</c:v>
                </c:pt>
                <c:pt idx="1435">
                  <c:v>568</c:v>
                </c:pt>
                <c:pt idx="1436">
                  <c:v>568</c:v>
                </c:pt>
                <c:pt idx="1437">
                  <c:v>569</c:v>
                </c:pt>
                <c:pt idx="1438">
                  <c:v>569</c:v>
                </c:pt>
                <c:pt idx="1439">
                  <c:v>570</c:v>
                </c:pt>
                <c:pt idx="1440">
                  <c:v>570</c:v>
                </c:pt>
                <c:pt idx="1441">
                  <c:v>570</c:v>
                </c:pt>
                <c:pt idx="1442">
                  <c:v>571</c:v>
                </c:pt>
                <c:pt idx="1443">
                  <c:v>571</c:v>
                </c:pt>
                <c:pt idx="1444">
                  <c:v>572</c:v>
                </c:pt>
                <c:pt idx="1445">
                  <c:v>572</c:v>
                </c:pt>
                <c:pt idx="1446">
                  <c:v>572</c:v>
                </c:pt>
                <c:pt idx="1447">
                  <c:v>573</c:v>
                </c:pt>
                <c:pt idx="1448">
                  <c:v>573</c:v>
                </c:pt>
                <c:pt idx="1449">
                  <c:v>574</c:v>
                </c:pt>
                <c:pt idx="1450">
                  <c:v>574</c:v>
                </c:pt>
                <c:pt idx="1451">
                  <c:v>575</c:v>
                </c:pt>
                <c:pt idx="1452">
                  <c:v>575</c:v>
                </c:pt>
                <c:pt idx="1453">
                  <c:v>575</c:v>
                </c:pt>
                <c:pt idx="1454">
                  <c:v>576</c:v>
                </c:pt>
                <c:pt idx="1455">
                  <c:v>576</c:v>
                </c:pt>
                <c:pt idx="1456">
                  <c:v>577</c:v>
                </c:pt>
                <c:pt idx="1457">
                  <c:v>577</c:v>
                </c:pt>
                <c:pt idx="1458">
                  <c:v>577</c:v>
                </c:pt>
                <c:pt idx="1459">
                  <c:v>578</c:v>
                </c:pt>
                <c:pt idx="1460">
                  <c:v>578</c:v>
                </c:pt>
                <c:pt idx="1461">
                  <c:v>579</c:v>
                </c:pt>
                <c:pt idx="1462">
                  <c:v>579</c:v>
                </c:pt>
                <c:pt idx="1463">
                  <c:v>580</c:v>
                </c:pt>
                <c:pt idx="1464">
                  <c:v>580</c:v>
                </c:pt>
                <c:pt idx="1465">
                  <c:v>580</c:v>
                </c:pt>
                <c:pt idx="1466">
                  <c:v>581</c:v>
                </c:pt>
                <c:pt idx="1467">
                  <c:v>581</c:v>
                </c:pt>
                <c:pt idx="1468">
                  <c:v>582</c:v>
                </c:pt>
                <c:pt idx="1469">
                  <c:v>582</c:v>
                </c:pt>
                <c:pt idx="1470">
                  <c:v>582</c:v>
                </c:pt>
                <c:pt idx="1471">
                  <c:v>583</c:v>
                </c:pt>
                <c:pt idx="1472">
                  <c:v>583</c:v>
                </c:pt>
                <c:pt idx="1473">
                  <c:v>584</c:v>
                </c:pt>
                <c:pt idx="1474">
                  <c:v>584</c:v>
                </c:pt>
                <c:pt idx="1475">
                  <c:v>585</c:v>
                </c:pt>
                <c:pt idx="1476">
                  <c:v>585</c:v>
                </c:pt>
                <c:pt idx="1477">
                  <c:v>585</c:v>
                </c:pt>
                <c:pt idx="1478">
                  <c:v>586</c:v>
                </c:pt>
                <c:pt idx="1479">
                  <c:v>586</c:v>
                </c:pt>
                <c:pt idx="1480">
                  <c:v>587</c:v>
                </c:pt>
                <c:pt idx="1481">
                  <c:v>587</c:v>
                </c:pt>
                <c:pt idx="1482">
                  <c:v>587</c:v>
                </c:pt>
                <c:pt idx="1483">
                  <c:v>588</c:v>
                </c:pt>
                <c:pt idx="1484">
                  <c:v>588</c:v>
                </c:pt>
                <c:pt idx="1485">
                  <c:v>589</c:v>
                </c:pt>
                <c:pt idx="1486">
                  <c:v>589</c:v>
                </c:pt>
                <c:pt idx="1487">
                  <c:v>590</c:v>
                </c:pt>
                <c:pt idx="1488">
                  <c:v>590</c:v>
                </c:pt>
                <c:pt idx="1489">
                  <c:v>590</c:v>
                </c:pt>
                <c:pt idx="1490">
                  <c:v>591</c:v>
                </c:pt>
                <c:pt idx="1491">
                  <c:v>591</c:v>
                </c:pt>
                <c:pt idx="1492">
                  <c:v>592</c:v>
                </c:pt>
                <c:pt idx="1493">
                  <c:v>592</c:v>
                </c:pt>
                <c:pt idx="1494">
                  <c:v>592</c:v>
                </c:pt>
                <c:pt idx="1495">
                  <c:v>593</c:v>
                </c:pt>
                <c:pt idx="1496">
                  <c:v>593</c:v>
                </c:pt>
                <c:pt idx="1497">
                  <c:v>594</c:v>
                </c:pt>
                <c:pt idx="1498">
                  <c:v>594</c:v>
                </c:pt>
                <c:pt idx="1499">
                  <c:v>595</c:v>
                </c:pt>
                <c:pt idx="1500">
                  <c:v>595</c:v>
                </c:pt>
                <c:pt idx="1501">
                  <c:v>595</c:v>
                </c:pt>
                <c:pt idx="1502">
                  <c:v>596</c:v>
                </c:pt>
                <c:pt idx="1503">
                  <c:v>596</c:v>
                </c:pt>
                <c:pt idx="1504">
                  <c:v>597</c:v>
                </c:pt>
                <c:pt idx="1505">
                  <c:v>597</c:v>
                </c:pt>
                <c:pt idx="1506">
                  <c:v>597</c:v>
                </c:pt>
                <c:pt idx="1507">
                  <c:v>598</c:v>
                </c:pt>
                <c:pt idx="1508">
                  <c:v>598</c:v>
                </c:pt>
                <c:pt idx="1509">
                  <c:v>599</c:v>
                </c:pt>
                <c:pt idx="1510">
                  <c:v>599</c:v>
                </c:pt>
                <c:pt idx="1511">
                  <c:v>600</c:v>
                </c:pt>
                <c:pt idx="1512">
                  <c:v>600</c:v>
                </c:pt>
                <c:pt idx="1513">
                  <c:v>600</c:v>
                </c:pt>
                <c:pt idx="1514">
                  <c:v>601</c:v>
                </c:pt>
                <c:pt idx="1515">
                  <c:v>601</c:v>
                </c:pt>
                <c:pt idx="1516">
                  <c:v>602</c:v>
                </c:pt>
                <c:pt idx="1517">
                  <c:v>602</c:v>
                </c:pt>
                <c:pt idx="1518">
                  <c:v>602</c:v>
                </c:pt>
                <c:pt idx="1519">
                  <c:v>603</c:v>
                </c:pt>
                <c:pt idx="1520">
                  <c:v>603</c:v>
                </c:pt>
                <c:pt idx="1521">
                  <c:v>604</c:v>
                </c:pt>
                <c:pt idx="1522">
                  <c:v>604</c:v>
                </c:pt>
                <c:pt idx="1523">
                  <c:v>605</c:v>
                </c:pt>
                <c:pt idx="1524">
                  <c:v>605</c:v>
                </c:pt>
                <c:pt idx="1525">
                  <c:v>605</c:v>
                </c:pt>
                <c:pt idx="1526">
                  <c:v>606</c:v>
                </c:pt>
                <c:pt idx="1527">
                  <c:v>606</c:v>
                </c:pt>
                <c:pt idx="1528">
                  <c:v>607</c:v>
                </c:pt>
                <c:pt idx="1529">
                  <c:v>607</c:v>
                </c:pt>
                <c:pt idx="1530">
                  <c:v>607</c:v>
                </c:pt>
                <c:pt idx="1531">
                  <c:v>608</c:v>
                </c:pt>
                <c:pt idx="1532">
                  <c:v>608</c:v>
                </c:pt>
                <c:pt idx="1533">
                  <c:v>609</c:v>
                </c:pt>
                <c:pt idx="1534">
                  <c:v>609</c:v>
                </c:pt>
                <c:pt idx="1535">
                  <c:v>610</c:v>
                </c:pt>
                <c:pt idx="1536">
                  <c:v>610</c:v>
                </c:pt>
                <c:pt idx="1537">
                  <c:v>610</c:v>
                </c:pt>
                <c:pt idx="1538">
                  <c:v>611</c:v>
                </c:pt>
                <c:pt idx="1539">
                  <c:v>611</c:v>
                </c:pt>
                <c:pt idx="1540">
                  <c:v>612</c:v>
                </c:pt>
                <c:pt idx="1541">
                  <c:v>612</c:v>
                </c:pt>
                <c:pt idx="1542">
                  <c:v>612</c:v>
                </c:pt>
                <c:pt idx="1543">
                  <c:v>613</c:v>
                </c:pt>
                <c:pt idx="1544">
                  <c:v>613</c:v>
                </c:pt>
                <c:pt idx="1545">
                  <c:v>614</c:v>
                </c:pt>
                <c:pt idx="1546">
                  <c:v>614</c:v>
                </c:pt>
                <c:pt idx="1547">
                  <c:v>615</c:v>
                </c:pt>
                <c:pt idx="1548">
                  <c:v>615</c:v>
                </c:pt>
                <c:pt idx="1549">
                  <c:v>615</c:v>
                </c:pt>
                <c:pt idx="1550">
                  <c:v>616</c:v>
                </c:pt>
                <c:pt idx="1551">
                  <c:v>616</c:v>
                </c:pt>
                <c:pt idx="1552">
                  <c:v>617</c:v>
                </c:pt>
                <c:pt idx="1553">
                  <c:v>617</c:v>
                </c:pt>
                <c:pt idx="1554">
                  <c:v>617</c:v>
                </c:pt>
                <c:pt idx="1555">
                  <c:v>618</c:v>
                </c:pt>
                <c:pt idx="1556">
                  <c:v>618</c:v>
                </c:pt>
                <c:pt idx="1557">
                  <c:v>619</c:v>
                </c:pt>
                <c:pt idx="1558">
                  <c:v>619</c:v>
                </c:pt>
                <c:pt idx="1559">
                  <c:v>620</c:v>
                </c:pt>
                <c:pt idx="1560">
                  <c:v>620</c:v>
                </c:pt>
                <c:pt idx="1561">
                  <c:v>620</c:v>
                </c:pt>
                <c:pt idx="1562">
                  <c:v>621</c:v>
                </c:pt>
                <c:pt idx="1563">
                  <c:v>621</c:v>
                </c:pt>
                <c:pt idx="1564">
                  <c:v>622</c:v>
                </c:pt>
                <c:pt idx="1565">
                  <c:v>622</c:v>
                </c:pt>
                <c:pt idx="1566">
                  <c:v>622</c:v>
                </c:pt>
                <c:pt idx="1567">
                  <c:v>623</c:v>
                </c:pt>
                <c:pt idx="1568">
                  <c:v>623</c:v>
                </c:pt>
                <c:pt idx="1569">
                  <c:v>624</c:v>
                </c:pt>
                <c:pt idx="1570">
                  <c:v>624</c:v>
                </c:pt>
                <c:pt idx="1571">
                  <c:v>625</c:v>
                </c:pt>
                <c:pt idx="1572">
                  <c:v>625</c:v>
                </c:pt>
                <c:pt idx="1573">
                  <c:v>625</c:v>
                </c:pt>
                <c:pt idx="1574">
                  <c:v>626</c:v>
                </c:pt>
                <c:pt idx="1575">
                  <c:v>626</c:v>
                </c:pt>
                <c:pt idx="1576">
                  <c:v>627</c:v>
                </c:pt>
                <c:pt idx="1577">
                  <c:v>627</c:v>
                </c:pt>
                <c:pt idx="1578">
                  <c:v>627</c:v>
                </c:pt>
                <c:pt idx="1579">
                  <c:v>628</c:v>
                </c:pt>
                <c:pt idx="1580">
                  <c:v>628</c:v>
                </c:pt>
                <c:pt idx="1581">
                  <c:v>629</c:v>
                </c:pt>
                <c:pt idx="1582">
                  <c:v>629</c:v>
                </c:pt>
                <c:pt idx="1583">
                  <c:v>630</c:v>
                </c:pt>
                <c:pt idx="1584">
                  <c:v>630</c:v>
                </c:pt>
                <c:pt idx="1585">
                  <c:v>630</c:v>
                </c:pt>
                <c:pt idx="1586">
                  <c:v>631</c:v>
                </c:pt>
                <c:pt idx="1587">
                  <c:v>631</c:v>
                </c:pt>
                <c:pt idx="1588">
                  <c:v>632</c:v>
                </c:pt>
                <c:pt idx="1589">
                  <c:v>632</c:v>
                </c:pt>
                <c:pt idx="1590">
                  <c:v>632</c:v>
                </c:pt>
                <c:pt idx="1591">
                  <c:v>633</c:v>
                </c:pt>
                <c:pt idx="1592">
                  <c:v>633</c:v>
                </c:pt>
                <c:pt idx="1593">
                  <c:v>634</c:v>
                </c:pt>
                <c:pt idx="1594">
                  <c:v>634</c:v>
                </c:pt>
                <c:pt idx="1595">
                  <c:v>635</c:v>
                </c:pt>
                <c:pt idx="1596">
                  <c:v>635</c:v>
                </c:pt>
                <c:pt idx="1597">
                  <c:v>635</c:v>
                </c:pt>
                <c:pt idx="1598">
                  <c:v>636</c:v>
                </c:pt>
                <c:pt idx="1599">
                  <c:v>636</c:v>
                </c:pt>
                <c:pt idx="1600">
                  <c:v>637</c:v>
                </c:pt>
                <c:pt idx="1601">
                  <c:v>637</c:v>
                </c:pt>
                <c:pt idx="1602">
                  <c:v>637</c:v>
                </c:pt>
                <c:pt idx="1603">
                  <c:v>638</c:v>
                </c:pt>
                <c:pt idx="1604">
                  <c:v>638</c:v>
                </c:pt>
                <c:pt idx="1605">
                  <c:v>639</c:v>
                </c:pt>
                <c:pt idx="1606">
                  <c:v>639</c:v>
                </c:pt>
                <c:pt idx="1607">
                  <c:v>640</c:v>
                </c:pt>
                <c:pt idx="1608">
                  <c:v>640</c:v>
                </c:pt>
                <c:pt idx="1609">
                  <c:v>640</c:v>
                </c:pt>
                <c:pt idx="1610">
                  <c:v>641</c:v>
                </c:pt>
                <c:pt idx="1611">
                  <c:v>641</c:v>
                </c:pt>
                <c:pt idx="1612">
                  <c:v>642</c:v>
                </c:pt>
                <c:pt idx="1613">
                  <c:v>642</c:v>
                </c:pt>
                <c:pt idx="1614">
                  <c:v>642</c:v>
                </c:pt>
                <c:pt idx="1615">
                  <c:v>643</c:v>
                </c:pt>
                <c:pt idx="1616">
                  <c:v>643</c:v>
                </c:pt>
                <c:pt idx="1617">
                  <c:v>644</c:v>
                </c:pt>
                <c:pt idx="1618">
                  <c:v>644</c:v>
                </c:pt>
                <c:pt idx="1619">
                  <c:v>645</c:v>
                </c:pt>
                <c:pt idx="1620">
                  <c:v>645</c:v>
                </c:pt>
                <c:pt idx="1621">
                  <c:v>645</c:v>
                </c:pt>
                <c:pt idx="1622">
                  <c:v>646</c:v>
                </c:pt>
                <c:pt idx="1623">
                  <c:v>646</c:v>
                </c:pt>
                <c:pt idx="1624">
                  <c:v>647</c:v>
                </c:pt>
                <c:pt idx="1625">
                  <c:v>647</c:v>
                </c:pt>
                <c:pt idx="1626">
                  <c:v>647</c:v>
                </c:pt>
                <c:pt idx="1627">
                  <c:v>648</c:v>
                </c:pt>
                <c:pt idx="1628">
                  <c:v>648</c:v>
                </c:pt>
                <c:pt idx="1629">
                  <c:v>649</c:v>
                </c:pt>
                <c:pt idx="1630">
                  <c:v>649</c:v>
                </c:pt>
                <c:pt idx="1631">
                  <c:v>650</c:v>
                </c:pt>
                <c:pt idx="1632">
                  <c:v>650</c:v>
                </c:pt>
                <c:pt idx="1633">
                  <c:v>650</c:v>
                </c:pt>
                <c:pt idx="1634">
                  <c:v>651</c:v>
                </c:pt>
                <c:pt idx="1635">
                  <c:v>651</c:v>
                </c:pt>
                <c:pt idx="1636">
                  <c:v>652</c:v>
                </c:pt>
                <c:pt idx="1637">
                  <c:v>652</c:v>
                </c:pt>
                <c:pt idx="1638">
                  <c:v>652</c:v>
                </c:pt>
                <c:pt idx="1639">
                  <c:v>653</c:v>
                </c:pt>
                <c:pt idx="1640">
                  <c:v>653</c:v>
                </c:pt>
                <c:pt idx="1641">
                  <c:v>654</c:v>
                </c:pt>
                <c:pt idx="1642">
                  <c:v>654</c:v>
                </c:pt>
                <c:pt idx="1643">
                  <c:v>655</c:v>
                </c:pt>
                <c:pt idx="1644">
                  <c:v>655</c:v>
                </c:pt>
                <c:pt idx="1645">
                  <c:v>655</c:v>
                </c:pt>
                <c:pt idx="1646">
                  <c:v>656</c:v>
                </c:pt>
                <c:pt idx="1647">
                  <c:v>656</c:v>
                </c:pt>
                <c:pt idx="1648">
                  <c:v>657</c:v>
                </c:pt>
                <c:pt idx="1649">
                  <c:v>657</c:v>
                </c:pt>
                <c:pt idx="1650">
                  <c:v>657</c:v>
                </c:pt>
                <c:pt idx="1651">
                  <c:v>658</c:v>
                </c:pt>
                <c:pt idx="1652">
                  <c:v>658</c:v>
                </c:pt>
                <c:pt idx="1653">
                  <c:v>659</c:v>
                </c:pt>
                <c:pt idx="1654">
                  <c:v>659</c:v>
                </c:pt>
                <c:pt idx="1655">
                  <c:v>660</c:v>
                </c:pt>
                <c:pt idx="1656">
                  <c:v>660</c:v>
                </c:pt>
                <c:pt idx="1657">
                  <c:v>660</c:v>
                </c:pt>
                <c:pt idx="1658">
                  <c:v>661</c:v>
                </c:pt>
                <c:pt idx="1659">
                  <c:v>661</c:v>
                </c:pt>
                <c:pt idx="1660">
                  <c:v>662</c:v>
                </c:pt>
                <c:pt idx="1661">
                  <c:v>662</c:v>
                </c:pt>
                <c:pt idx="1662">
                  <c:v>662</c:v>
                </c:pt>
                <c:pt idx="1663">
                  <c:v>663</c:v>
                </c:pt>
                <c:pt idx="1664">
                  <c:v>663</c:v>
                </c:pt>
                <c:pt idx="1665">
                  <c:v>664</c:v>
                </c:pt>
                <c:pt idx="1666">
                  <c:v>664</c:v>
                </c:pt>
                <c:pt idx="1667">
                  <c:v>665</c:v>
                </c:pt>
                <c:pt idx="1668">
                  <c:v>665</c:v>
                </c:pt>
                <c:pt idx="1669">
                  <c:v>665</c:v>
                </c:pt>
                <c:pt idx="1670">
                  <c:v>666</c:v>
                </c:pt>
                <c:pt idx="1671">
                  <c:v>666</c:v>
                </c:pt>
                <c:pt idx="1672">
                  <c:v>667</c:v>
                </c:pt>
                <c:pt idx="1673">
                  <c:v>667</c:v>
                </c:pt>
                <c:pt idx="1674">
                  <c:v>667</c:v>
                </c:pt>
                <c:pt idx="1675">
                  <c:v>668</c:v>
                </c:pt>
                <c:pt idx="1676">
                  <c:v>668</c:v>
                </c:pt>
                <c:pt idx="1677">
                  <c:v>669</c:v>
                </c:pt>
                <c:pt idx="1678">
                  <c:v>669</c:v>
                </c:pt>
                <c:pt idx="1679">
                  <c:v>670</c:v>
                </c:pt>
                <c:pt idx="1680">
                  <c:v>670</c:v>
                </c:pt>
                <c:pt idx="1681">
                  <c:v>670</c:v>
                </c:pt>
                <c:pt idx="1682">
                  <c:v>671</c:v>
                </c:pt>
                <c:pt idx="1683">
                  <c:v>671</c:v>
                </c:pt>
                <c:pt idx="1684">
                  <c:v>672</c:v>
                </c:pt>
                <c:pt idx="1685">
                  <c:v>672</c:v>
                </c:pt>
                <c:pt idx="1686">
                  <c:v>672</c:v>
                </c:pt>
                <c:pt idx="1687">
                  <c:v>673</c:v>
                </c:pt>
                <c:pt idx="1688">
                  <c:v>673</c:v>
                </c:pt>
                <c:pt idx="1689">
                  <c:v>674</c:v>
                </c:pt>
                <c:pt idx="1690">
                  <c:v>674</c:v>
                </c:pt>
                <c:pt idx="1691">
                  <c:v>675</c:v>
                </c:pt>
                <c:pt idx="1692">
                  <c:v>675</c:v>
                </c:pt>
                <c:pt idx="1693">
                  <c:v>675</c:v>
                </c:pt>
                <c:pt idx="1694">
                  <c:v>676</c:v>
                </c:pt>
                <c:pt idx="1695">
                  <c:v>676</c:v>
                </c:pt>
                <c:pt idx="1696">
                  <c:v>677</c:v>
                </c:pt>
                <c:pt idx="1697">
                  <c:v>677</c:v>
                </c:pt>
                <c:pt idx="1698">
                  <c:v>677</c:v>
                </c:pt>
                <c:pt idx="1699">
                  <c:v>678</c:v>
                </c:pt>
                <c:pt idx="1700">
                  <c:v>678</c:v>
                </c:pt>
                <c:pt idx="1701">
                  <c:v>679</c:v>
                </c:pt>
                <c:pt idx="1702">
                  <c:v>679</c:v>
                </c:pt>
                <c:pt idx="1703">
                  <c:v>680</c:v>
                </c:pt>
                <c:pt idx="1704">
                  <c:v>680</c:v>
                </c:pt>
                <c:pt idx="1705">
                  <c:v>680</c:v>
                </c:pt>
                <c:pt idx="1706">
                  <c:v>681</c:v>
                </c:pt>
                <c:pt idx="1707">
                  <c:v>681</c:v>
                </c:pt>
                <c:pt idx="1708">
                  <c:v>682</c:v>
                </c:pt>
                <c:pt idx="1709">
                  <c:v>682</c:v>
                </c:pt>
                <c:pt idx="1710">
                  <c:v>682</c:v>
                </c:pt>
                <c:pt idx="1711">
                  <c:v>683</c:v>
                </c:pt>
                <c:pt idx="1712">
                  <c:v>683</c:v>
                </c:pt>
                <c:pt idx="1713">
                  <c:v>684</c:v>
                </c:pt>
                <c:pt idx="1714">
                  <c:v>684</c:v>
                </c:pt>
                <c:pt idx="1715">
                  <c:v>685</c:v>
                </c:pt>
                <c:pt idx="1716">
                  <c:v>685</c:v>
                </c:pt>
                <c:pt idx="1717">
                  <c:v>685</c:v>
                </c:pt>
                <c:pt idx="1718">
                  <c:v>686</c:v>
                </c:pt>
                <c:pt idx="1719">
                  <c:v>686</c:v>
                </c:pt>
                <c:pt idx="1720">
                  <c:v>687</c:v>
                </c:pt>
                <c:pt idx="1721">
                  <c:v>687</c:v>
                </c:pt>
                <c:pt idx="1722">
                  <c:v>687</c:v>
                </c:pt>
                <c:pt idx="1723">
                  <c:v>688</c:v>
                </c:pt>
                <c:pt idx="1724">
                  <c:v>688</c:v>
                </c:pt>
                <c:pt idx="1725">
                  <c:v>689</c:v>
                </c:pt>
                <c:pt idx="1726">
                  <c:v>689</c:v>
                </c:pt>
                <c:pt idx="1727">
                  <c:v>690</c:v>
                </c:pt>
                <c:pt idx="1728">
                  <c:v>690</c:v>
                </c:pt>
                <c:pt idx="1729">
                  <c:v>690</c:v>
                </c:pt>
                <c:pt idx="1730">
                  <c:v>691</c:v>
                </c:pt>
                <c:pt idx="1731">
                  <c:v>691</c:v>
                </c:pt>
                <c:pt idx="1732">
                  <c:v>692</c:v>
                </c:pt>
                <c:pt idx="1733">
                  <c:v>692</c:v>
                </c:pt>
                <c:pt idx="1734">
                  <c:v>692</c:v>
                </c:pt>
                <c:pt idx="1735">
                  <c:v>693</c:v>
                </c:pt>
                <c:pt idx="1736">
                  <c:v>693</c:v>
                </c:pt>
                <c:pt idx="1737">
                  <c:v>694</c:v>
                </c:pt>
                <c:pt idx="1738">
                  <c:v>694</c:v>
                </c:pt>
                <c:pt idx="1739">
                  <c:v>695</c:v>
                </c:pt>
                <c:pt idx="1740">
                  <c:v>695</c:v>
                </c:pt>
                <c:pt idx="1741">
                  <c:v>695</c:v>
                </c:pt>
                <c:pt idx="1742">
                  <c:v>696</c:v>
                </c:pt>
                <c:pt idx="1743">
                  <c:v>696</c:v>
                </c:pt>
                <c:pt idx="1744">
                  <c:v>697</c:v>
                </c:pt>
                <c:pt idx="1745">
                  <c:v>697</c:v>
                </c:pt>
                <c:pt idx="1746">
                  <c:v>697</c:v>
                </c:pt>
                <c:pt idx="1747">
                  <c:v>698</c:v>
                </c:pt>
                <c:pt idx="1748">
                  <c:v>698</c:v>
                </c:pt>
                <c:pt idx="1749">
                  <c:v>699</c:v>
                </c:pt>
                <c:pt idx="1750">
                  <c:v>699</c:v>
                </c:pt>
                <c:pt idx="1751">
                  <c:v>700</c:v>
                </c:pt>
                <c:pt idx="1752">
                  <c:v>700</c:v>
                </c:pt>
                <c:pt idx="1753">
                  <c:v>700</c:v>
                </c:pt>
                <c:pt idx="1754">
                  <c:v>701</c:v>
                </c:pt>
                <c:pt idx="1755">
                  <c:v>701</c:v>
                </c:pt>
                <c:pt idx="1756">
                  <c:v>702</c:v>
                </c:pt>
                <c:pt idx="1757">
                  <c:v>702</c:v>
                </c:pt>
                <c:pt idx="1758">
                  <c:v>702</c:v>
                </c:pt>
                <c:pt idx="1759">
                  <c:v>703</c:v>
                </c:pt>
                <c:pt idx="1760">
                  <c:v>703</c:v>
                </c:pt>
                <c:pt idx="1761">
                  <c:v>704</c:v>
                </c:pt>
                <c:pt idx="1762">
                  <c:v>704</c:v>
                </c:pt>
                <c:pt idx="1763">
                  <c:v>705</c:v>
                </c:pt>
                <c:pt idx="1764">
                  <c:v>705</c:v>
                </c:pt>
                <c:pt idx="1765">
                  <c:v>705</c:v>
                </c:pt>
                <c:pt idx="1766">
                  <c:v>706</c:v>
                </c:pt>
                <c:pt idx="1767">
                  <c:v>706</c:v>
                </c:pt>
                <c:pt idx="1768">
                  <c:v>707</c:v>
                </c:pt>
                <c:pt idx="1769">
                  <c:v>707</c:v>
                </c:pt>
                <c:pt idx="1770">
                  <c:v>707</c:v>
                </c:pt>
                <c:pt idx="1771">
                  <c:v>708</c:v>
                </c:pt>
                <c:pt idx="1772">
                  <c:v>708</c:v>
                </c:pt>
                <c:pt idx="1773">
                  <c:v>709</c:v>
                </c:pt>
                <c:pt idx="1774">
                  <c:v>709</c:v>
                </c:pt>
                <c:pt idx="1775">
                  <c:v>710</c:v>
                </c:pt>
                <c:pt idx="1776">
                  <c:v>710</c:v>
                </c:pt>
                <c:pt idx="1777">
                  <c:v>710</c:v>
                </c:pt>
                <c:pt idx="1778">
                  <c:v>711</c:v>
                </c:pt>
                <c:pt idx="1779">
                  <c:v>711</c:v>
                </c:pt>
                <c:pt idx="1780">
                  <c:v>712</c:v>
                </c:pt>
                <c:pt idx="1781">
                  <c:v>712</c:v>
                </c:pt>
                <c:pt idx="1782">
                  <c:v>712</c:v>
                </c:pt>
                <c:pt idx="1783">
                  <c:v>713</c:v>
                </c:pt>
                <c:pt idx="1784">
                  <c:v>713</c:v>
                </c:pt>
                <c:pt idx="1785">
                  <c:v>714</c:v>
                </c:pt>
                <c:pt idx="1786">
                  <c:v>714</c:v>
                </c:pt>
                <c:pt idx="1787">
                  <c:v>715</c:v>
                </c:pt>
                <c:pt idx="1788">
                  <c:v>715</c:v>
                </c:pt>
                <c:pt idx="1789">
                  <c:v>715</c:v>
                </c:pt>
                <c:pt idx="1790">
                  <c:v>716</c:v>
                </c:pt>
                <c:pt idx="1791">
                  <c:v>716</c:v>
                </c:pt>
                <c:pt idx="1792">
                  <c:v>717</c:v>
                </c:pt>
                <c:pt idx="1793">
                  <c:v>717</c:v>
                </c:pt>
                <c:pt idx="1794">
                  <c:v>717</c:v>
                </c:pt>
                <c:pt idx="1795">
                  <c:v>718</c:v>
                </c:pt>
                <c:pt idx="1796">
                  <c:v>718</c:v>
                </c:pt>
                <c:pt idx="1797">
                  <c:v>719</c:v>
                </c:pt>
                <c:pt idx="1798">
                  <c:v>719</c:v>
                </c:pt>
                <c:pt idx="1799">
                  <c:v>720</c:v>
                </c:pt>
                <c:pt idx="1800">
                  <c:v>720</c:v>
                </c:pt>
                <c:pt idx="1801">
                  <c:v>720</c:v>
                </c:pt>
                <c:pt idx="1802">
                  <c:v>721</c:v>
                </c:pt>
                <c:pt idx="1803">
                  <c:v>721</c:v>
                </c:pt>
                <c:pt idx="1804">
                  <c:v>722</c:v>
                </c:pt>
                <c:pt idx="1805">
                  <c:v>722</c:v>
                </c:pt>
                <c:pt idx="1806">
                  <c:v>722</c:v>
                </c:pt>
                <c:pt idx="1807">
                  <c:v>723</c:v>
                </c:pt>
                <c:pt idx="1808">
                  <c:v>723</c:v>
                </c:pt>
                <c:pt idx="1809">
                  <c:v>724</c:v>
                </c:pt>
                <c:pt idx="1810">
                  <c:v>724</c:v>
                </c:pt>
                <c:pt idx="1811">
                  <c:v>725</c:v>
                </c:pt>
                <c:pt idx="1812">
                  <c:v>725</c:v>
                </c:pt>
                <c:pt idx="1813">
                  <c:v>725</c:v>
                </c:pt>
                <c:pt idx="1814">
                  <c:v>726</c:v>
                </c:pt>
                <c:pt idx="1815">
                  <c:v>726</c:v>
                </c:pt>
                <c:pt idx="1816">
                  <c:v>727</c:v>
                </c:pt>
                <c:pt idx="1817">
                  <c:v>727</c:v>
                </c:pt>
                <c:pt idx="1818">
                  <c:v>727</c:v>
                </c:pt>
                <c:pt idx="1819">
                  <c:v>728</c:v>
                </c:pt>
                <c:pt idx="1820">
                  <c:v>728</c:v>
                </c:pt>
                <c:pt idx="1821">
                  <c:v>729</c:v>
                </c:pt>
                <c:pt idx="1822">
                  <c:v>729</c:v>
                </c:pt>
                <c:pt idx="1823">
                  <c:v>730</c:v>
                </c:pt>
                <c:pt idx="1824">
                  <c:v>730</c:v>
                </c:pt>
                <c:pt idx="1825">
                  <c:v>730</c:v>
                </c:pt>
                <c:pt idx="1826">
                  <c:v>731</c:v>
                </c:pt>
                <c:pt idx="1827">
                  <c:v>731</c:v>
                </c:pt>
                <c:pt idx="1828">
                  <c:v>732</c:v>
                </c:pt>
                <c:pt idx="1829">
                  <c:v>732</c:v>
                </c:pt>
                <c:pt idx="1830">
                  <c:v>732</c:v>
                </c:pt>
                <c:pt idx="1831">
                  <c:v>733</c:v>
                </c:pt>
                <c:pt idx="1832">
                  <c:v>733</c:v>
                </c:pt>
                <c:pt idx="1833">
                  <c:v>734</c:v>
                </c:pt>
                <c:pt idx="1834">
                  <c:v>734</c:v>
                </c:pt>
                <c:pt idx="1835">
                  <c:v>735</c:v>
                </c:pt>
                <c:pt idx="1836">
                  <c:v>735</c:v>
                </c:pt>
                <c:pt idx="1837">
                  <c:v>735</c:v>
                </c:pt>
                <c:pt idx="1838">
                  <c:v>736</c:v>
                </c:pt>
                <c:pt idx="1839">
                  <c:v>736</c:v>
                </c:pt>
                <c:pt idx="1840">
                  <c:v>737</c:v>
                </c:pt>
                <c:pt idx="1841">
                  <c:v>737</c:v>
                </c:pt>
                <c:pt idx="1842">
                  <c:v>737</c:v>
                </c:pt>
                <c:pt idx="1843">
                  <c:v>738</c:v>
                </c:pt>
                <c:pt idx="1844">
                  <c:v>738</c:v>
                </c:pt>
                <c:pt idx="1845">
                  <c:v>739</c:v>
                </c:pt>
                <c:pt idx="1846">
                  <c:v>739</c:v>
                </c:pt>
                <c:pt idx="1847">
                  <c:v>740</c:v>
                </c:pt>
                <c:pt idx="1848">
                  <c:v>740</c:v>
                </c:pt>
                <c:pt idx="1849">
                  <c:v>740</c:v>
                </c:pt>
                <c:pt idx="1850">
                  <c:v>741</c:v>
                </c:pt>
                <c:pt idx="1851">
                  <c:v>741</c:v>
                </c:pt>
                <c:pt idx="1852">
                  <c:v>742</c:v>
                </c:pt>
                <c:pt idx="1853">
                  <c:v>742</c:v>
                </c:pt>
                <c:pt idx="1854">
                  <c:v>742</c:v>
                </c:pt>
                <c:pt idx="1855">
                  <c:v>743</c:v>
                </c:pt>
                <c:pt idx="1856">
                  <c:v>743</c:v>
                </c:pt>
                <c:pt idx="1857">
                  <c:v>744</c:v>
                </c:pt>
                <c:pt idx="1858">
                  <c:v>744</c:v>
                </c:pt>
                <c:pt idx="1859">
                  <c:v>745</c:v>
                </c:pt>
                <c:pt idx="1860">
                  <c:v>745</c:v>
                </c:pt>
                <c:pt idx="1861">
                  <c:v>745</c:v>
                </c:pt>
                <c:pt idx="1862">
                  <c:v>746</c:v>
                </c:pt>
                <c:pt idx="1863">
                  <c:v>746</c:v>
                </c:pt>
                <c:pt idx="1864">
                  <c:v>747</c:v>
                </c:pt>
                <c:pt idx="1865">
                  <c:v>747</c:v>
                </c:pt>
                <c:pt idx="1866">
                  <c:v>747</c:v>
                </c:pt>
                <c:pt idx="1867">
                  <c:v>748</c:v>
                </c:pt>
                <c:pt idx="1868">
                  <c:v>748</c:v>
                </c:pt>
                <c:pt idx="1869">
                  <c:v>749</c:v>
                </c:pt>
                <c:pt idx="1870">
                  <c:v>749</c:v>
                </c:pt>
                <c:pt idx="1871">
                  <c:v>750</c:v>
                </c:pt>
                <c:pt idx="1872">
                  <c:v>750</c:v>
                </c:pt>
                <c:pt idx="1873">
                  <c:v>750</c:v>
                </c:pt>
                <c:pt idx="1874">
                  <c:v>751</c:v>
                </c:pt>
                <c:pt idx="1875">
                  <c:v>751</c:v>
                </c:pt>
                <c:pt idx="1876">
                  <c:v>752</c:v>
                </c:pt>
                <c:pt idx="1877">
                  <c:v>752</c:v>
                </c:pt>
                <c:pt idx="1878">
                  <c:v>752</c:v>
                </c:pt>
                <c:pt idx="1879">
                  <c:v>753</c:v>
                </c:pt>
                <c:pt idx="1880">
                  <c:v>753</c:v>
                </c:pt>
                <c:pt idx="1881">
                  <c:v>754</c:v>
                </c:pt>
                <c:pt idx="1882">
                  <c:v>754</c:v>
                </c:pt>
                <c:pt idx="1883">
                  <c:v>755</c:v>
                </c:pt>
                <c:pt idx="1884">
                  <c:v>755</c:v>
                </c:pt>
                <c:pt idx="1885">
                  <c:v>755</c:v>
                </c:pt>
                <c:pt idx="1886">
                  <c:v>756</c:v>
                </c:pt>
                <c:pt idx="1887">
                  <c:v>756</c:v>
                </c:pt>
                <c:pt idx="1888">
                  <c:v>757</c:v>
                </c:pt>
                <c:pt idx="1889">
                  <c:v>757</c:v>
                </c:pt>
                <c:pt idx="1890">
                  <c:v>757</c:v>
                </c:pt>
                <c:pt idx="1891">
                  <c:v>758</c:v>
                </c:pt>
                <c:pt idx="1892">
                  <c:v>758</c:v>
                </c:pt>
                <c:pt idx="1893">
                  <c:v>759</c:v>
                </c:pt>
                <c:pt idx="1894">
                  <c:v>759</c:v>
                </c:pt>
                <c:pt idx="1895">
                  <c:v>760</c:v>
                </c:pt>
                <c:pt idx="1896">
                  <c:v>760</c:v>
                </c:pt>
                <c:pt idx="1897">
                  <c:v>760</c:v>
                </c:pt>
                <c:pt idx="1898">
                  <c:v>761</c:v>
                </c:pt>
                <c:pt idx="1899">
                  <c:v>761</c:v>
                </c:pt>
                <c:pt idx="1900">
                  <c:v>762</c:v>
                </c:pt>
                <c:pt idx="1901">
                  <c:v>762</c:v>
                </c:pt>
                <c:pt idx="1902">
                  <c:v>762</c:v>
                </c:pt>
                <c:pt idx="1903">
                  <c:v>763</c:v>
                </c:pt>
                <c:pt idx="1904">
                  <c:v>763</c:v>
                </c:pt>
                <c:pt idx="1905">
                  <c:v>764</c:v>
                </c:pt>
                <c:pt idx="1906">
                  <c:v>764</c:v>
                </c:pt>
                <c:pt idx="1907">
                  <c:v>765</c:v>
                </c:pt>
                <c:pt idx="1908">
                  <c:v>765</c:v>
                </c:pt>
                <c:pt idx="1909">
                  <c:v>765</c:v>
                </c:pt>
                <c:pt idx="1910">
                  <c:v>766</c:v>
                </c:pt>
                <c:pt idx="1911">
                  <c:v>766</c:v>
                </c:pt>
                <c:pt idx="1912">
                  <c:v>767</c:v>
                </c:pt>
                <c:pt idx="1913">
                  <c:v>767</c:v>
                </c:pt>
                <c:pt idx="1914">
                  <c:v>767</c:v>
                </c:pt>
                <c:pt idx="1915">
                  <c:v>768</c:v>
                </c:pt>
                <c:pt idx="1916">
                  <c:v>768</c:v>
                </c:pt>
                <c:pt idx="1917">
                  <c:v>769</c:v>
                </c:pt>
                <c:pt idx="1918">
                  <c:v>769</c:v>
                </c:pt>
                <c:pt idx="1919">
                  <c:v>770</c:v>
                </c:pt>
                <c:pt idx="1920">
                  <c:v>770</c:v>
                </c:pt>
                <c:pt idx="1921">
                  <c:v>770</c:v>
                </c:pt>
                <c:pt idx="1922">
                  <c:v>771</c:v>
                </c:pt>
                <c:pt idx="1923">
                  <c:v>771</c:v>
                </c:pt>
                <c:pt idx="1924">
                  <c:v>772</c:v>
                </c:pt>
                <c:pt idx="1925">
                  <c:v>772</c:v>
                </c:pt>
                <c:pt idx="1926">
                  <c:v>772</c:v>
                </c:pt>
                <c:pt idx="1927">
                  <c:v>773</c:v>
                </c:pt>
                <c:pt idx="1928">
                  <c:v>773</c:v>
                </c:pt>
                <c:pt idx="1929">
                  <c:v>774</c:v>
                </c:pt>
                <c:pt idx="1930">
                  <c:v>774</c:v>
                </c:pt>
                <c:pt idx="1931">
                  <c:v>775</c:v>
                </c:pt>
                <c:pt idx="1932">
                  <c:v>775</c:v>
                </c:pt>
                <c:pt idx="1933">
                  <c:v>775</c:v>
                </c:pt>
                <c:pt idx="1934">
                  <c:v>776</c:v>
                </c:pt>
                <c:pt idx="1935">
                  <c:v>776</c:v>
                </c:pt>
                <c:pt idx="1936">
                  <c:v>777</c:v>
                </c:pt>
                <c:pt idx="1937">
                  <c:v>777</c:v>
                </c:pt>
                <c:pt idx="1938">
                  <c:v>777</c:v>
                </c:pt>
                <c:pt idx="1939">
                  <c:v>778</c:v>
                </c:pt>
                <c:pt idx="1940">
                  <c:v>778</c:v>
                </c:pt>
                <c:pt idx="1941">
                  <c:v>779</c:v>
                </c:pt>
                <c:pt idx="1942">
                  <c:v>779</c:v>
                </c:pt>
                <c:pt idx="1943">
                  <c:v>780</c:v>
                </c:pt>
                <c:pt idx="1944">
                  <c:v>780</c:v>
                </c:pt>
                <c:pt idx="1945">
                  <c:v>780</c:v>
                </c:pt>
                <c:pt idx="1946">
                  <c:v>781</c:v>
                </c:pt>
                <c:pt idx="1947">
                  <c:v>781</c:v>
                </c:pt>
                <c:pt idx="1948">
                  <c:v>782</c:v>
                </c:pt>
                <c:pt idx="1949">
                  <c:v>782</c:v>
                </c:pt>
                <c:pt idx="1950">
                  <c:v>782</c:v>
                </c:pt>
                <c:pt idx="1951">
                  <c:v>783</c:v>
                </c:pt>
                <c:pt idx="1952">
                  <c:v>783</c:v>
                </c:pt>
                <c:pt idx="1953">
                  <c:v>784</c:v>
                </c:pt>
                <c:pt idx="1954">
                  <c:v>784</c:v>
                </c:pt>
                <c:pt idx="1955">
                  <c:v>785</c:v>
                </c:pt>
                <c:pt idx="1956">
                  <c:v>785</c:v>
                </c:pt>
                <c:pt idx="1957">
                  <c:v>785</c:v>
                </c:pt>
                <c:pt idx="1958">
                  <c:v>786</c:v>
                </c:pt>
                <c:pt idx="1959">
                  <c:v>786</c:v>
                </c:pt>
                <c:pt idx="1960">
                  <c:v>787</c:v>
                </c:pt>
                <c:pt idx="1961">
                  <c:v>787</c:v>
                </c:pt>
                <c:pt idx="1962">
                  <c:v>787</c:v>
                </c:pt>
                <c:pt idx="1963">
                  <c:v>788</c:v>
                </c:pt>
                <c:pt idx="1964">
                  <c:v>788</c:v>
                </c:pt>
                <c:pt idx="1965">
                  <c:v>789</c:v>
                </c:pt>
                <c:pt idx="1966">
                  <c:v>789</c:v>
                </c:pt>
                <c:pt idx="1967">
                  <c:v>790</c:v>
                </c:pt>
                <c:pt idx="1968">
                  <c:v>790</c:v>
                </c:pt>
                <c:pt idx="1969">
                  <c:v>790</c:v>
                </c:pt>
                <c:pt idx="1970">
                  <c:v>791</c:v>
                </c:pt>
                <c:pt idx="1971">
                  <c:v>791</c:v>
                </c:pt>
                <c:pt idx="1972">
                  <c:v>792</c:v>
                </c:pt>
                <c:pt idx="1973">
                  <c:v>792</c:v>
                </c:pt>
                <c:pt idx="1974">
                  <c:v>792</c:v>
                </c:pt>
                <c:pt idx="1975">
                  <c:v>793</c:v>
                </c:pt>
                <c:pt idx="1976">
                  <c:v>793</c:v>
                </c:pt>
                <c:pt idx="1977">
                  <c:v>794</c:v>
                </c:pt>
                <c:pt idx="1978">
                  <c:v>794</c:v>
                </c:pt>
                <c:pt idx="1979">
                  <c:v>795</c:v>
                </c:pt>
                <c:pt idx="1980">
                  <c:v>795</c:v>
                </c:pt>
                <c:pt idx="1981">
                  <c:v>795</c:v>
                </c:pt>
                <c:pt idx="1982">
                  <c:v>796</c:v>
                </c:pt>
                <c:pt idx="1983">
                  <c:v>796</c:v>
                </c:pt>
                <c:pt idx="1984">
                  <c:v>797</c:v>
                </c:pt>
                <c:pt idx="1985">
                  <c:v>797</c:v>
                </c:pt>
                <c:pt idx="1986">
                  <c:v>797</c:v>
                </c:pt>
                <c:pt idx="1987">
                  <c:v>798</c:v>
                </c:pt>
                <c:pt idx="1988">
                  <c:v>798</c:v>
                </c:pt>
                <c:pt idx="1989">
                  <c:v>799</c:v>
                </c:pt>
                <c:pt idx="1990">
                  <c:v>799</c:v>
                </c:pt>
                <c:pt idx="1991">
                  <c:v>800</c:v>
                </c:pt>
                <c:pt idx="1992">
                  <c:v>800</c:v>
                </c:pt>
                <c:pt idx="1993">
                  <c:v>800</c:v>
                </c:pt>
                <c:pt idx="1994">
                  <c:v>800</c:v>
                </c:pt>
                <c:pt idx="1995">
                  <c:v>800</c:v>
                </c:pt>
                <c:pt idx="1996">
                  <c:v>800</c:v>
                </c:pt>
                <c:pt idx="1997">
                  <c:v>800</c:v>
                </c:pt>
                <c:pt idx="1998">
                  <c:v>800</c:v>
                </c:pt>
                <c:pt idx="1999">
                  <c:v>800</c:v>
                </c:pt>
                <c:pt idx="2000">
                  <c:v>800</c:v>
                </c:pt>
                <c:pt idx="2001">
                  <c:v>800</c:v>
                </c:pt>
                <c:pt idx="2002">
                  <c:v>800</c:v>
                </c:pt>
                <c:pt idx="2003">
                  <c:v>800</c:v>
                </c:pt>
                <c:pt idx="2004">
                  <c:v>800</c:v>
                </c:pt>
                <c:pt idx="2005">
                  <c:v>800</c:v>
                </c:pt>
                <c:pt idx="2006">
                  <c:v>800</c:v>
                </c:pt>
                <c:pt idx="2007">
                  <c:v>800</c:v>
                </c:pt>
                <c:pt idx="2008">
                  <c:v>800</c:v>
                </c:pt>
                <c:pt idx="2009">
                  <c:v>800</c:v>
                </c:pt>
                <c:pt idx="2010">
                  <c:v>800</c:v>
                </c:pt>
                <c:pt idx="2011">
                  <c:v>800</c:v>
                </c:pt>
                <c:pt idx="2012">
                  <c:v>800</c:v>
                </c:pt>
                <c:pt idx="2013">
                  <c:v>800</c:v>
                </c:pt>
                <c:pt idx="2014">
                  <c:v>800</c:v>
                </c:pt>
                <c:pt idx="2015">
                  <c:v>800</c:v>
                </c:pt>
                <c:pt idx="2016">
                  <c:v>800</c:v>
                </c:pt>
                <c:pt idx="2017">
                  <c:v>800</c:v>
                </c:pt>
                <c:pt idx="2018">
                  <c:v>800</c:v>
                </c:pt>
                <c:pt idx="2019">
                  <c:v>800</c:v>
                </c:pt>
                <c:pt idx="2020">
                  <c:v>800</c:v>
                </c:pt>
                <c:pt idx="2021">
                  <c:v>800</c:v>
                </c:pt>
                <c:pt idx="2022">
                  <c:v>800</c:v>
                </c:pt>
                <c:pt idx="2023">
                  <c:v>800</c:v>
                </c:pt>
                <c:pt idx="2024">
                  <c:v>800</c:v>
                </c:pt>
                <c:pt idx="2025">
                  <c:v>800</c:v>
                </c:pt>
                <c:pt idx="2026">
                  <c:v>800</c:v>
                </c:pt>
                <c:pt idx="2027">
                  <c:v>800</c:v>
                </c:pt>
                <c:pt idx="2028">
                  <c:v>800</c:v>
                </c:pt>
                <c:pt idx="2029">
                  <c:v>800</c:v>
                </c:pt>
                <c:pt idx="2030">
                  <c:v>800</c:v>
                </c:pt>
                <c:pt idx="2031">
                  <c:v>800</c:v>
                </c:pt>
                <c:pt idx="2032">
                  <c:v>800</c:v>
                </c:pt>
                <c:pt idx="2033">
                  <c:v>800</c:v>
                </c:pt>
                <c:pt idx="2034">
                  <c:v>800</c:v>
                </c:pt>
                <c:pt idx="2035">
                  <c:v>800</c:v>
                </c:pt>
                <c:pt idx="2036">
                  <c:v>800</c:v>
                </c:pt>
                <c:pt idx="2037">
                  <c:v>800</c:v>
                </c:pt>
                <c:pt idx="2038">
                  <c:v>800</c:v>
                </c:pt>
                <c:pt idx="2039">
                  <c:v>800</c:v>
                </c:pt>
                <c:pt idx="2040">
                  <c:v>800</c:v>
                </c:pt>
                <c:pt idx="2041">
                  <c:v>800</c:v>
                </c:pt>
                <c:pt idx="2042">
                  <c:v>800</c:v>
                </c:pt>
                <c:pt idx="2043">
                  <c:v>800</c:v>
                </c:pt>
                <c:pt idx="2044">
                  <c:v>800</c:v>
                </c:pt>
                <c:pt idx="2045">
                  <c:v>800</c:v>
                </c:pt>
                <c:pt idx="2046">
                  <c:v>800</c:v>
                </c:pt>
                <c:pt idx="2047">
                  <c:v>800</c:v>
                </c:pt>
                <c:pt idx="2048">
                  <c:v>800</c:v>
                </c:pt>
                <c:pt idx="2049">
                  <c:v>800</c:v>
                </c:pt>
                <c:pt idx="2050">
                  <c:v>800</c:v>
                </c:pt>
                <c:pt idx="2051">
                  <c:v>800</c:v>
                </c:pt>
                <c:pt idx="2052">
                  <c:v>800</c:v>
                </c:pt>
                <c:pt idx="2053">
                  <c:v>800</c:v>
                </c:pt>
                <c:pt idx="2054">
                  <c:v>800</c:v>
                </c:pt>
                <c:pt idx="2055">
                  <c:v>800</c:v>
                </c:pt>
                <c:pt idx="2056">
                  <c:v>800</c:v>
                </c:pt>
                <c:pt idx="2057">
                  <c:v>800</c:v>
                </c:pt>
                <c:pt idx="2058">
                  <c:v>800</c:v>
                </c:pt>
                <c:pt idx="2059">
                  <c:v>800</c:v>
                </c:pt>
                <c:pt idx="2060">
                  <c:v>800</c:v>
                </c:pt>
                <c:pt idx="2061">
                  <c:v>800</c:v>
                </c:pt>
                <c:pt idx="2062">
                  <c:v>800</c:v>
                </c:pt>
                <c:pt idx="2063">
                  <c:v>800</c:v>
                </c:pt>
                <c:pt idx="2064">
                  <c:v>800</c:v>
                </c:pt>
                <c:pt idx="2065">
                  <c:v>800</c:v>
                </c:pt>
                <c:pt idx="2066">
                  <c:v>800</c:v>
                </c:pt>
                <c:pt idx="2067">
                  <c:v>800</c:v>
                </c:pt>
                <c:pt idx="2068">
                  <c:v>800</c:v>
                </c:pt>
                <c:pt idx="2069">
                  <c:v>800</c:v>
                </c:pt>
                <c:pt idx="2070">
                  <c:v>800</c:v>
                </c:pt>
                <c:pt idx="2071">
                  <c:v>800</c:v>
                </c:pt>
                <c:pt idx="2072">
                  <c:v>800</c:v>
                </c:pt>
                <c:pt idx="2073">
                  <c:v>800</c:v>
                </c:pt>
                <c:pt idx="2074">
                  <c:v>800</c:v>
                </c:pt>
                <c:pt idx="2075">
                  <c:v>800</c:v>
                </c:pt>
                <c:pt idx="2076">
                  <c:v>800</c:v>
                </c:pt>
                <c:pt idx="2077">
                  <c:v>800</c:v>
                </c:pt>
                <c:pt idx="2078">
                  <c:v>800</c:v>
                </c:pt>
                <c:pt idx="2079">
                  <c:v>800</c:v>
                </c:pt>
                <c:pt idx="2080">
                  <c:v>800</c:v>
                </c:pt>
                <c:pt idx="2081">
                  <c:v>800</c:v>
                </c:pt>
                <c:pt idx="2082">
                  <c:v>800</c:v>
                </c:pt>
                <c:pt idx="2083">
                  <c:v>800</c:v>
                </c:pt>
                <c:pt idx="2084">
                  <c:v>800</c:v>
                </c:pt>
                <c:pt idx="2085">
                  <c:v>800</c:v>
                </c:pt>
                <c:pt idx="2086">
                  <c:v>800</c:v>
                </c:pt>
                <c:pt idx="2087">
                  <c:v>800</c:v>
                </c:pt>
                <c:pt idx="2088">
                  <c:v>800</c:v>
                </c:pt>
                <c:pt idx="2089">
                  <c:v>800</c:v>
                </c:pt>
                <c:pt idx="2090">
                  <c:v>800</c:v>
                </c:pt>
                <c:pt idx="2091">
                  <c:v>800</c:v>
                </c:pt>
                <c:pt idx="2092">
                  <c:v>800</c:v>
                </c:pt>
                <c:pt idx="2093">
                  <c:v>800</c:v>
                </c:pt>
                <c:pt idx="2094">
                  <c:v>800</c:v>
                </c:pt>
                <c:pt idx="2095">
                  <c:v>800</c:v>
                </c:pt>
                <c:pt idx="2096">
                  <c:v>800</c:v>
                </c:pt>
                <c:pt idx="2097">
                  <c:v>800</c:v>
                </c:pt>
                <c:pt idx="2098">
                  <c:v>800</c:v>
                </c:pt>
                <c:pt idx="2099">
                  <c:v>800</c:v>
                </c:pt>
                <c:pt idx="2100">
                  <c:v>800</c:v>
                </c:pt>
                <c:pt idx="2101">
                  <c:v>800</c:v>
                </c:pt>
                <c:pt idx="2102">
                  <c:v>800</c:v>
                </c:pt>
                <c:pt idx="2103">
                  <c:v>800</c:v>
                </c:pt>
                <c:pt idx="2104">
                  <c:v>800</c:v>
                </c:pt>
                <c:pt idx="2105">
                  <c:v>800</c:v>
                </c:pt>
                <c:pt idx="2106">
                  <c:v>800</c:v>
                </c:pt>
                <c:pt idx="2107">
                  <c:v>800</c:v>
                </c:pt>
                <c:pt idx="2108">
                  <c:v>800</c:v>
                </c:pt>
                <c:pt idx="2109">
                  <c:v>800</c:v>
                </c:pt>
                <c:pt idx="2110">
                  <c:v>800</c:v>
                </c:pt>
                <c:pt idx="2111">
                  <c:v>800</c:v>
                </c:pt>
                <c:pt idx="2112">
                  <c:v>800</c:v>
                </c:pt>
                <c:pt idx="2113">
                  <c:v>800</c:v>
                </c:pt>
                <c:pt idx="2114">
                  <c:v>800</c:v>
                </c:pt>
                <c:pt idx="2115">
                  <c:v>800</c:v>
                </c:pt>
                <c:pt idx="2116">
                  <c:v>800</c:v>
                </c:pt>
                <c:pt idx="2117">
                  <c:v>800</c:v>
                </c:pt>
                <c:pt idx="2118">
                  <c:v>800</c:v>
                </c:pt>
                <c:pt idx="2119">
                  <c:v>800</c:v>
                </c:pt>
                <c:pt idx="2120">
                  <c:v>800</c:v>
                </c:pt>
                <c:pt idx="2121">
                  <c:v>800</c:v>
                </c:pt>
                <c:pt idx="2122">
                  <c:v>800</c:v>
                </c:pt>
                <c:pt idx="2123">
                  <c:v>800</c:v>
                </c:pt>
                <c:pt idx="2124">
                  <c:v>800</c:v>
                </c:pt>
                <c:pt idx="2125">
                  <c:v>800</c:v>
                </c:pt>
                <c:pt idx="2126">
                  <c:v>800</c:v>
                </c:pt>
                <c:pt idx="2127">
                  <c:v>800</c:v>
                </c:pt>
                <c:pt idx="2128">
                  <c:v>800</c:v>
                </c:pt>
                <c:pt idx="2129">
                  <c:v>800</c:v>
                </c:pt>
                <c:pt idx="2130">
                  <c:v>800</c:v>
                </c:pt>
                <c:pt idx="2131">
                  <c:v>800</c:v>
                </c:pt>
                <c:pt idx="2132">
                  <c:v>800</c:v>
                </c:pt>
                <c:pt idx="2133">
                  <c:v>800</c:v>
                </c:pt>
                <c:pt idx="2134">
                  <c:v>800</c:v>
                </c:pt>
                <c:pt idx="2135">
                  <c:v>800</c:v>
                </c:pt>
                <c:pt idx="2136">
                  <c:v>800</c:v>
                </c:pt>
                <c:pt idx="2137">
                  <c:v>800</c:v>
                </c:pt>
                <c:pt idx="2138">
                  <c:v>800</c:v>
                </c:pt>
                <c:pt idx="2139">
                  <c:v>800</c:v>
                </c:pt>
                <c:pt idx="2140">
                  <c:v>800</c:v>
                </c:pt>
                <c:pt idx="2141">
                  <c:v>800</c:v>
                </c:pt>
                <c:pt idx="2142">
                  <c:v>800</c:v>
                </c:pt>
                <c:pt idx="2143">
                  <c:v>800</c:v>
                </c:pt>
                <c:pt idx="2144">
                  <c:v>800</c:v>
                </c:pt>
                <c:pt idx="2145">
                  <c:v>800</c:v>
                </c:pt>
                <c:pt idx="2146">
                  <c:v>800</c:v>
                </c:pt>
                <c:pt idx="2147">
                  <c:v>800</c:v>
                </c:pt>
                <c:pt idx="2148">
                  <c:v>800</c:v>
                </c:pt>
                <c:pt idx="2149">
                  <c:v>800</c:v>
                </c:pt>
                <c:pt idx="2150">
                  <c:v>800</c:v>
                </c:pt>
                <c:pt idx="2151">
                  <c:v>800</c:v>
                </c:pt>
                <c:pt idx="2152">
                  <c:v>800</c:v>
                </c:pt>
                <c:pt idx="2153">
                  <c:v>800</c:v>
                </c:pt>
                <c:pt idx="2154">
                  <c:v>800</c:v>
                </c:pt>
                <c:pt idx="2155">
                  <c:v>800</c:v>
                </c:pt>
                <c:pt idx="2156">
                  <c:v>800</c:v>
                </c:pt>
                <c:pt idx="2157">
                  <c:v>800</c:v>
                </c:pt>
                <c:pt idx="2158">
                  <c:v>800</c:v>
                </c:pt>
                <c:pt idx="2159">
                  <c:v>800</c:v>
                </c:pt>
                <c:pt idx="2160">
                  <c:v>800</c:v>
                </c:pt>
                <c:pt idx="2161">
                  <c:v>800</c:v>
                </c:pt>
                <c:pt idx="2162">
                  <c:v>800</c:v>
                </c:pt>
                <c:pt idx="2163">
                  <c:v>800</c:v>
                </c:pt>
                <c:pt idx="2164">
                  <c:v>800</c:v>
                </c:pt>
                <c:pt idx="2165">
                  <c:v>800</c:v>
                </c:pt>
                <c:pt idx="2166">
                  <c:v>800</c:v>
                </c:pt>
                <c:pt idx="2167">
                  <c:v>800</c:v>
                </c:pt>
                <c:pt idx="2168">
                  <c:v>800</c:v>
                </c:pt>
                <c:pt idx="2169">
                  <c:v>800</c:v>
                </c:pt>
                <c:pt idx="2170">
                  <c:v>800</c:v>
                </c:pt>
                <c:pt idx="2171">
                  <c:v>800</c:v>
                </c:pt>
                <c:pt idx="2172">
                  <c:v>800</c:v>
                </c:pt>
                <c:pt idx="2173">
                  <c:v>800</c:v>
                </c:pt>
                <c:pt idx="2174">
                  <c:v>800</c:v>
                </c:pt>
                <c:pt idx="2175">
                  <c:v>800</c:v>
                </c:pt>
                <c:pt idx="2176">
                  <c:v>800</c:v>
                </c:pt>
                <c:pt idx="2177">
                  <c:v>800</c:v>
                </c:pt>
                <c:pt idx="2178">
                  <c:v>800</c:v>
                </c:pt>
                <c:pt idx="2179">
                  <c:v>800</c:v>
                </c:pt>
                <c:pt idx="2180">
                  <c:v>800</c:v>
                </c:pt>
                <c:pt idx="2181">
                  <c:v>800</c:v>
                </c:pt>
                <c:pt idx="2182">
                  <c:v>800</c:v>
                </c:pt>
                <c:pt idx="2183">
                  <c:v>800</c:v>
                </c:pt>
                <c:pt idx="2184">
                  <c:v>800</c:v>
                </c:pt>
                <c:pt idx="2185">
                  <c:v>800</c:v>
                </c:pt>
                <c:pt idx="2186">
                  <c:v>800</c:v>
                </c:pt>
                <c:pt idx="2187">
                  <c:v>800</c:v>
                </c:pt>
                <c:pt idx="2188">
                  <c:v>800</c:v>
                </c:pt>
                <c:pt idx="2189">
                  <c:v>800</c:v>
                </c:pt>
                <c:pt idx="2190">
                  <c:v>800</c:v>
                </c:pt>
                <c:pt idx="2191">
                  <c:v>800</c:v>
                </c:pt>
                <c:pt idx="2192">
                  <c:v>800</c:v>
                </c:pt>
                <c:pt idx="2193">
                  <c:v>800</c:v>
                </c:pt>
                <c:pt idx="2194">
                  <c:v>800</c:v>
                </c:pt>
                <c:pt idx="2195">
                  <c:v>800</c:v>
                </c:pt>
                <c:pt idx="2196">
                  <c:v>800</c:v>
                </c:pt>
                <c:pt idx="2197">
                  <c:v>800</c:v>
                </c:pt>
                <c:pt idx="2198">
                  <c:v>800</c:v>
                </c:pt>
                <c:pt idx="2199">
                  <c:v>800</c:v>
                </c:pt>
                <c:pt idx="2200">
                  <c:v>800</c:v>
                </c:pt>
                <c:pt idx="2201">
                  <c:v>800</c:v>
                </c:pt>
                <c:pt idx="2202">
                  <c:v>800</c:v>
                </c:pt>
                <c:pt idx="2203">
                  <c:v>800</c:v>
                </c:pt>
                <c:pt idx="2204">
                  <c:v>800</c:v>
                </c:pt>
                <c:pt idx="2205">
                  <c:v>800</c:v>
                </c:pt>
                <c:pt idx="2206">
                  <c:v>800</c:v>
                </c:pt>
                <c:pt idx="2207">
                  <c:v>800</c:v>
                </c:pt>
                <c:pt idx="2208">
                  <c:v>800</c:v>
                </c:pt>
                <c:pt idx="2209">
                  <c:v>800</c:v>
                </c:pt>
                <c:pt idx="2210">
                  <c:v>800</c:v>
                </c:pt>
                <c:pt idx="2211">
                  <c:v>800</c:v>
                </c:pt>
                <c:pt idx="2212">
                  <c:v>800</c:v>
                </c:pt>
                <c:pt idx="2213">
                  <c:v>800</c:v>
                </c:pt>
                <c:pt idx="2214">
                  <c:v>800</c:v>
                </c:pt>
                <c:pt idx="2215">
                  <c:v>800</c:v>
                </c:pt>
                <c:pt idx="2216">
                  <c:v>800</c:v>
                </c:pt>
                <c:pt idx="2217">
                  <c:v>800</c:v>
                </c:pt>
                <c:pt idx="2218">
                  <c:v>800</c:v>
                </c:pt>
                <c:pt idx="2219">
                  <c:v>800</c:v>
                </c:pt>
                <c:pt idx="2220">
                  <c:v>800</c:v>
                </c:pt>
                <c:pt idx="2221">
                  <c:v>800</c:v>
                </c:pt>
                <c:pt idx="2222">
                  <c:v>800</c:v>
                </c:pt>
                <c:pt idx="2223">
                  <c:v>800</c:v>
                </c:pt>
                <c:pt idx="2224">
                  <c:v>800</c:v>
                </c:pt>
                <c:pt idx="2225">
                  <c:v>800</c:v>
                </c:pt>
                <c:pt idx="2226">
                  <c:v>800</c:v>
                </c:pt>
                <c:pt idx="2227">
                  <c:v>800</c:v>
                </c:pt>
                <c:pt idx="2228">
                  <c:v>800</c:v>
                </c:pt>
                <c:pt idx="2229">
                  <c:v>800</c:v>
                </c:pt>
                <c:pt idx="2230">
                  <c:v>800</c:v>
                </c:pt>
                <c:pt idx="2231">
                  <c:v>800</c:v>
                </c:pt>
                <c:pt idx="2232">
                  <c:v>800</c:v>
                </c:pt>
                <c:pt idx="2233">
                  <c:v>800</c:v>
                </c:pt>
                <c:pt idx="2234">
                  <c:v>800</c:v>
                </c:pt>
                <c:pt idx="2235">
                  <c:v>800</c:v>
                </c:pt>
                <c:pt idx="2236">
                  <c:v>800</c:v>
                </c:pt>
                <c:pt idx="2237">
                  <c:v>800</c:v>
                </c:pt>
                <c:pt idx="2238">
                  <c:v>800</c:v>
                </c:pt>
                <c:pt idx="2239">
                  <c:v>800</c:v>
                </c:pt>
                <c:pt idx="2240">
                  <c:v>800</c:v>
                </c:pt>
                <c:pt idx="2241">
                  <c:v>800</c:v>
                </c:pt>
                <c:pt idx="2242">
                  <c:v>800</c:v>
                </c:pt>
                <c:pt idx="2243">
                  <c:v>800</c:v>
                </c:pt>
                <c:pt idx="2244">
                  <c:v>800</c:v>
                </c:pt>
                <c:pt idx="2245">
                  <c:v>800</c:v>
                </c:pt>
                <c:pt idx="2246">
                  <c:v>800</c:v>
                </c:pt>
                <c:pt idx="2247">
                  <c:v>800</c:v>
                </c:pt>
                <c:pt idx="2248">
                  <c:v>800</c:v>
                </c:pt>
                <c:pt idx="2249">
                  <c:v>800</c:v>
                </c:pt>
                <c:pt idx="2250">
                  <c:v>800</c:v>
                </c:pt>
                <c:pt idx="2251">
                  <c:v>800</c:v>
                </c:pt>
                <c:pt idx="2252">
                  <c:v>800</c:v>
                </c:pt>
                <c:pt idx="2253">
                  <c:v>800</c:v>
                </c:pt>
                <c:pt idx="2254">
                  <c:v>800</c:v>
                </c:pt>
                <c:pt idx="2255">
                  <c:v>800</c:v>
                </c:pt>
                <c:pt idx="2256">
                  <c:v>800</c:v>
                </c:pt>
                <c:pt idx="2257">
                  <c:v>800</c:v>
                </c:pt>
                <c:pt idx="2258">
                  <c:v>800</c:v>
                </c:pt>
                <c:pt idx="2259">
                  <c:v>800</c:v>
                </c:pt>
                <c:pt idx="2260">
                  <c:v>800</c:v>
                </c:pt>
                <c:pt idx="2261">
                  <c:v>800</c:v>
                </c:pt>
                <c:pt idx="2262">
                  <c:v>800</c:v>
                </c:pt>
                <c:pt idx="2263">
                  <c:v>800</c:v>
                </c:pt>
                <c:pt idx="2264">
                  <c:v>800</c:v>
                </c:pt>
                <c:pt idx="2265">
                  <c:v>800</c:v>
                </c:pt>
                <c:pt idx="2266">
                  <c:v>800</c:v>
                </c:pt>
                <c:pt idx="2267">
                  <c:v>800</c:v>
                </c:pt>
                <c:pt idx="2268">
                  <c:v>800</c:v>
                </c:pt>
                <c:pt idx="2269">
                  <c:v>800</c:v>
                </c:pt>
                <c:pt idx="2270">
                  <c:v>800</c:v>
                </c:pt>
                <c:pt idx="2271">
                  <c:v>800</c:v>
                </c:pt>
                <c:pt idx="2272">
                  <c:v>800</c:v>
                </c:pt>
                <c:pt idx="2273">
                  <c:v>800</c:v>
                </c:pt>
                <c:pt idx="2274">
                  <c:v>800</c:v>
                </c:pt>
                <c:pt idx="2275">
                  <c:v>800</c:v>
                </c:pt>
                <c:pt idx="2276">
                  <c:v>800</c:v>
                </c:pt>
                <c:pt idx="2277">
                  <c:v>800</c:v>
                </c:pt>
                <c:pt idx="2278">
                  <c:v>800</c:v>
                </c:pt>
                <c:pt idx="2279">
                  <c:v>800</c:v>
                </c:pt>
                <c:pt idx="2280">
                  <c:v>800</c:v>
                </c:pt>
                <c:pt idx="2281">
                  <c:v>800</c:v>
                </c:pt>
                <c:pt idx="2282">
                  <c:v>800</c:v>
                </c:pt>
                <c:pt idx="2283">
                  <c:v>800</c:v>
                </c:pt>
                <c:pt idx="2284">
                  <c:v>800</c:v>
                </c:pt>
                <c:pt idx="2285">
                  <c:v>800</c:v>
                </c:pt>
                <c:pt idx="2286">
                  <c:v>800</c:v>
                </c:pt>
                <c:pt idx="2287">
                  <c:v>800</c:v>
                </c:pt>
                <c:pt idx="2288">
                  <c:v>800</c:v>
                </c:pt>
                <c:pt idx="2289">
                  <c:v>800</c:v>
                </c:pt>
                <c:pt idx="2290">
                  <c:v>800</c:v>
                </c:pt>
                <c:pt idx="2291">
                  <c:v>800</c:v>
                </c:pt>
              </c:numCache>
            </c:numRef>
          </c:xVal>
          <c:yVal>
            <c:numRef>
              <c:f>'Fig 6'!$G$9:$G$2511</c:f>
              <c:numCache>
                <c:formatCode>General</c:formatCode>
                <c:ptCount val="2503"/>
                <c:pt idx="0">
                  <c:v>100</c:v>
                </c:pt>
                <c:pt idx="1">
                  <c:v>99.991095817733381</c:v>
                </c:pt>
                <c:pt idx="2">
                  <c:v>99.982628244701218</c:v>
                </c:pt>
                <c:pt idx="3">
                  <c:v>99.974160671669068</c:v>
                </c:pt>
                <c:pt idx="4">
                  <c:v>99.965693098636919</c:v>
                </c:pt>
                <c:pt idx="5">
                  <c:v>99.957675365422091</c:v>
                </c:pt>
                <c:pt idx="6">
                  <c:v>99.950107472024598</c:v>
                </c:pt>
                <c:pt idx="7">
                  <c:v>99.942526348044254</c:v>
                </c:pt>
                <c:pt idx="8">
                  <c:v>99.935408294464096</c:v>
                </c:pt>
                <c:pt idx="9">
                  <c:v>99.928277010301088</c:v>
                </c:pt>
                <c:pt idx="10">
                  <c:v>99.92114572613805</c:v>
                </c:pt>
                <c:pt idx="11">
                  <c:v>99.914014441975027</c:v>
                </c:pt>
                <c:pt idx="12">
                  <c:v>99.907332997629368</c:v>
                </c:pt>
                <c:pt idx="13">
                  <c:v>99.901101393101001</c:v>
                </c:pt>
                <c:pt idx="14">
                  <c:v>99.894406718172448</c:v>
                </c:pt>
                <c:pt idx="15">
                  <c:v>99.888175113644095</c:v>
                </c:pt>
                <c:pt idx="16">
                  <c:v>99.882380118350213</c:v>
                </c:pt>
                <c:pt idx="17">
                  <c:v>99.87658512305633</c:v>
                </c:pt>
                <c:pt idx="18">
                  <c:v>99.870803358345313</c:v>
                </c:pt>
                <c:pt idx="19">
                  <c:v>99.865008363051416</c:v>
                </c:pt>
                <c:pt idx="20">
                  <c:v>99.859663207574883</c:v>
                </c:pt>
                <c:pt idx="21">
                  <c:v>99.854318052098336</c:v>
                </c:pt>
                <c:pt idx="22">
                  <c:v>99.848972896621774</c:v>
                </c:pt>
                <c:pt idx="23">
                  <c:v>99.843614510562375</c:v>
                </c:pt>
                <c:pt idx="24">
                  <c:v>99.838269355085828</c:v>
                </c:pt>
                <c:pt idx="25">
                  <c:v>99.83292419960928</c:v>
                </c:pt>
                <c:pt idx="26">
                  <c:v>99.828028883950068</c:v>
                </c:pt>
                <c:pt idx="27">
                  <c:v>99.823570177525326</c:v>
                </c:pt>
                <c:pt idx="28">
                  <c:v>99.81911147110057</c:v>
                </c:pt>
                <c:pt idx="29">
                  <c:v>99.814665995258693</c:v>
                </c:pt>
                <c:pt idx="30">
                  <c:v>99.810207288833951</c:v>
                </c:pt>
                <c:pt idx="31">
                  <c:v>99.805748582409208</c:v>
                </c:pt>
                <c:pt idx="32">
                  <c:v>99.801289875984452</c:v>
                </c:pt>
                <c:pt idx="33">
                  <c:v>99.797281009377031</c:v>
                </c:pt>
                <c:pt idx="34">
                  <c:v>99.793272142769624</c:v>
                </c:pt>
                <c:pt idx="35">
                  <c:v>99.789263276162217</c:v>
                </c:pt>
                <c:pt idx="36">
                  <c:v>99.78480456973746</c:v>
                </c:pt>
                <c:pt idx="37">
                  <c:v>99.780795703130067</c:v>
                </c:pt>
                <c:pt idx="38">
                  <c:v>99.77678683652266</c:v>
                </c:pt>
                <c:pt idx="39">
                  <c:v>99.772777969915253</c:v>
                </c:pt>
                <c:pt idx="40">
                  <c:v>99.768769103307832</c:v>
                </c:pt>
                <c:pt idx="41">
                  <c:v>99.765210076517747</c:v>
                </c:pt>
                <c:pt idx="42">
                  <c:v>99.761187979327488</c:v>
                </c:pt>
                <c:pt idx="43">
                  <c:v>99.757628952537388</c:v>
                </c:pt>
                <c:pt idx="44">
                  <c:v>99.753620085929995</c:v>
                </c:pt>
                <c:pt idx="45">
                  <c:v>99.75006105913991</c:v>
                </c:pt>
                <c:pt idx="46">
                  <c:v>99.746488801766972</c:v>
                </c:pt>
                <c:pt idx="47">
                  <c:v>99.742929774976886</c:v>
                </c:pt>
                <c:pt idx="48">
                  <c:v>99.739357517603963</c:v>
                </c:pt>
                <c:pt idx="49">
                  <c:v>99.735798490813877</c:v>
                </c:pt>
                <c:pt idx="50">
                  <c:v>99.732676073258276</c:v>
                </c:pt>
                <c:pt idx="51">
                  <c:v>99.728667206650854</c:v>
                </c:pt>
                <c:pt idx="52">
                  <c:v>99.725108179860769</c:v>
                </c:pt>
                <c:pt idx="53">
                  <c:v>99.721099313253376</c:v>
                </c:pt>
                <c:pt idx="54">
                  <c:v>99.717090446645955</c:v>
                </c:pt>
                <c:pt idx="55">
                  <c:v>99.712631740221212</c:v>
                </c:pt>
                <c:pt idx="56">
                  <c:v>99.70817303379647</c:v>
                </c:pt>
                <c:pt idx="57">
                  <c:v>99.704164167189063</c:v>
                </c:pt>
                <c:pt idx="58">
                  <c:v>99.699705460764307</c:v>
                </c:pt>
                <c:pt idx="59">
                  <c:v>99.69525998492243</c:v>
                </c:pt>
                <c:pt idx="60">
                  <c:v>99.690801278497673</c:v>
                </c:pt>
                <c:pt idx="61">
                  <c:v>99.686342572072931</c:v>
                </c:pt>
                <c:pt idx="62">
                  <c:v>99.681883865648189</c:v>
                </c:pt>
                <c:pt idx="63">
                  <c:v>99.677438389806312</c:v>
                </c:pt>
                <c:pt idx="64">
                  <c:v>99.67297968338157</c:v>
                </c:pt>
                <c:pt idx="65">
                  <c:v>99.668071137139492</c:v>
                </c:pt>
                <c:pt idx="66">
                  <c:v>99.663625661297615</c:v>
                </c:pt>
                <c:pt idx="67">
                  <c:v>99.658717115055524</c:v>
                </c:pt>
                <c:pt idx="68">
                  <c:v>99.653821799396326</c:v>
                </c:pt>
                <c:pt idx="69">
                  <c:v>99.649363092971583</c:v>
                </c:pt>
                <c:pt idx="70">
                  <c:v>99.644467777312357</c:v>
                </c:pt>
                <c:pt idx="71">
                  <c:v>99.63955923107028</c:v>
                </c:pt>
                <c:pt idx="72">
                  <c:v>99.634663915411053</c:v>
                </c:pt>
                <c:pt idx="73">
                  <c:v>99.629755369168976</c:v>
                </c:pt>
                <c:pt idx="74">
                  <c:v>99.624860053509778</c:v>
                </c:pt>
                <c:pt idx="75">
                  <c:v>99.619951507267686</c:v>
                </c:pt>
                <c:pt idx="76">
                  <c:v>99.615506031425809</c:v>
                </c:pt>
                <c:pt idx="77">
                  <c:v>99.611047325001067</c:v>
                </c:pt>
                <c:pt idx="78">
                  <c:v>99.606588618576325</c:v>
                </c:pt>
                <c:pt idx="79">
                  <c:v>99.602129912151597</c:v>
                </c:pt>
                <c:pt idx="80">
                  <c:v>99.598121045544175</c:v>
                </c:pt>
                <c:pt idx="81">
                  <c:v>99.594112178936768</c:v>
                </c:pt>
                <c:pt idx="82">
                  <c:v>99.590553152146683</c:v>
                </c:pt>
                <c:pt idx="83">
                  <c:v>99.586980894773731</c:v>
                </c:pt>
                <c:pt idx="84">
                  <c:v>99.583871707800995</c:v>
                </c:pt>
                <c:pt idx="85">
                  <c:v>99.580749290245379</c:v>
                </c:pt>
                <c:pt idx="86">
                  <c:v>99.577626872689791</c:v>
                </c:pt>
                <c:pt idx="87">
                  <c:v>99.574954294951496</c:v>
                </c:pt>
                <c:pt idx="88">
                  <c:v>99.57228171721323</c:v>
                </c:pt>
                <c:pt idx="89">
                  <c:v>99.570058979292284</c:v>
                </c:pt>
                <c:pt idx="90">
                  <c:v>99.567823010788487</c:v>
                </c:pt>
                <c:pt idx="91">
                  <c:v>99.565600272867542</c:v>
                </c:pt>
                <c:pt idx="92">
                  <c:v>99.564263983998401</c:v>
                </c:pt>
                <c:pt idx="93">
                  <c:v>99.56247785531194</c:v>
                </c:pt>
                <c:pt idx="94">
                  <c:v>99.561141566442799</c:v>
                </c:pt>
                <c:pt idx="95">
                  <c:v>99.559368668339204</c:v>
                </c:pt>
                <c:pt idx="96">
                  <c:v>99.558468988704533</c:v>
                </c:pt>
                <c:pt idx="97">
                  <c:v>99.557132699835392</c:v>
                </c:pt>
                <c:pt idx="98">
                  <c:v>99.555796410966252</c:v>
                </c:pt>
                <c:pt idx="99">
                  <c:v>99.554909961914461</c:v>
                </c:pt>
                <c:pt idx="100">
                  <c:v>99.554010282279776</c:v>
                </c:pt>
                <c:pt idx="101">
                  <c:v>99.553123833227971</c:v>
                </c:pt>
                <c:pt idx="102">
                  <c:v>99.552237384176181</c:v>
                </c:pt>
                <c:pt idx="103">
                  <c:v>99.551787544358831</c:v>
                </c:pt>
                <c:pt idx="104">
                  <c:v>99.550901095307026</c:v>
                </c:pt>
                <c:pt idx="105">
                  <c:v>99.550451255489719</c:v>
                </c:pt>
                <c:pt idx="106">
                  <c:v>99.550001415672369</c:v>
                </c:pt>
                <c:pt idx="107">
                  <c:v>99.549564806437886</c:v>
                </c:pt>
                <c:pt idx="108">
                  <c:v>99.549114966620579</c:v>
                </c:pt>
                <c:pt idx="109">
                  <c:v>99.548665126803229</c:v>
                </c:pt>
                <c:pt idx="110">
                  <c:v>99.548228517568774</c:v>
                </c:pt>
                <c:pt idx="111">
                  <c:v>99.547328837934103</c:v>
                </c:pt>
                <c:pt idx="112">
                  <c:v>99.546892228699619</c:v>
                </c:pt>
                <c:pt idx="113">
                  <c:v>99.546442388882284</c:v>
                </c:pt>
                <c:pt idx="114">
                  <c:v>99.545992549064948</c:v>
                </c:pt>
                <c:pt idx="115">
                  <c:v>99.545106100013143</c:v>
                </c:pt>
                <c:pt idx="116">
                  <c:v>99.544656260195836</c:v>
                </c:pt>
                <c:pt idx="117">
                  <c:v>99.543769811144017</c:v>
                </c:pt>
                <c:pt idx="118">
                  <c:v>99.543319971326682</c:v>
                </c:pt>
                <c:pt idx="119">
                  <c:v>99.542433522274891</c:v>
                </c:pt>
                <c:pt idx="120">
                  <c:v>99.541547073223086</c:v>
                </c:pt>
                <c:pt idx="121">
                  <c:v>99.540647393588401</c:v>
                </c:pt>
                <c:pt idx="122">
                  <c:v>99.540210784353945</c:v>
                </c:pt>
                <c:pt idx="123">
                  <c:v>99.539311104719246</c:v>
                </c:pt>
                <c:pt idx="124">
                  <c:v>99.538424655667484</c:v>
                </c:pt>
                <c:pt idx="125">
                  <c:v>99.537538206615665</c:v>
                </c:pt>
                <c:pt idx="126">
                  <c:v>99.537088366798329</c:v>
                </c:pt>
                <c:pt idx="127">
                  <c:v>99.536188687163644</c:v>
                </c:pt>
                <c:pt idx="128">
                  <c:v>99.535302238111854</c:v>
                </c:pt>
                <c:pt idx="129">
                  <c:v>99.534415789060063</c:v>
                </c:pt>
                <c:pt idx="130">
                  <c:v>99.533516109425378</c:v>
                </c:pt>
                <c:pt idx="131">
                  <c:v>99.532629660373601</c:v>
                </c:pt>
                <c:pt idx="132">
                  <c:v>99.531743211321782</c:v>
                </c:pt>
                <c:pt idx="133">
                  <c:v>99.530843531687125</c:v>
                </c:pt>
                <c:pt idx="134">
                  <c:v>99.529957082635306</c:v>
                </c:pt>
                <c:pt idx="135">
                  <c:v>99.529070633583501</c:v>
                </c:pt>
                <c:pt idx="136">
                  <c:v>99.52862079376618</c:v>
                </c:pt>
                <c:pt idx="137">
                  <c:v>99.527734344714375</c:v>
                </c:pt>
                <c:pt idx="138">
                  <c:v>99.526834665079704</c:v>
                </c:pt>
                <c:pt idx="139">
                  <c:v>99.525948216027899</c:v>
                </c:pt>
                <c:pt idx="140">
                  <c:v>99.525061766976108</c:v>
                </c:pt>
                <c:pt idx="141">
                  <c:v>99.524162087341423</c:v>
                </c:pt>
                <c:pt idx="142">
                  <c:v>99.523275638289618</c:v>
                </c:pt>
                <c:pt idx="143">
                  <c:v>99.522389189237828</c:v>
                </c:pt>
                <c:pt idx="144">
                  <c:v>99.521052900368673</c:v>
                </c:pt>
                <c:pt idx="145">
                  <c:v>99.520153220734016</c:v>
                </c:pt>
                <c:pt idx="146">
                  <c:v>99.519266771682226</c:v>
                </c:pt>
                <c:pt idx="147">
                  <c:v>99.518367092047555</c:v>
                </c:pt>
                <c:pt idx="148">
                  <c:v>99.517480642995736</c:v>
                </c:pt>
                <c:pt idx="149">
                  <c:v>99.516594193943945</c:v>
                </c:pt>
                <c:pt idx="150">
                  <c:v>99.515694514309274</c:v>
                </c:pt>
                <c:pt idx="151">
                  <c:v>99.51525790507479</c:v>
                </c:pt>
                <c:pt idx="152">
                  <c:v>99.514358225440134</c:v>
                </c:pt>
                <c:pt idx="153">
                  <c:v>99.513921616205664</c:v>
                </c:pt>
                <c:pt idx="154">
                  <c:v>99.513471776388343</c:v>
                </c:pt>
                <c:pt idx="155">
                  <c:v>99.512585327336538</c:v>
                </c:pt>
                <c:pt idx="156">
                  <c:v>99.512135487519217</c:v>
                </c:pt>
                <c:pt idx="157">
                  <c:v>99.511685647701867</c:v>
                </c:pt>
                <c:pt idx="158">
                  <c:v>99.511249038467398</c:v>
                </c:pt>
                <c:pt idx="159">
                  <c:v>99.510799198650048</c:v>
                </c:pt>
                <c:pt idx="160">
                  <c:v>99.509912749598257</c:v>
                </c:pt>
                <c:pt idx="161">
                  <c:v>99.509013069963586</c:v>
                </c:pt>
                <c:pt idx="162">
                  <c:v>99.508576460729117</c:v>
                </c:pt>
                <c:pt idx="163">
                  <c:v>99.50767678109446</c:v>
                </c:pt>
                <c:pt idx="164">
                  <c:v>99.507240171859991</c:v>
                </c:pt>
                <c:pt idx="165">
                  <c:v>99.506790332042655</c:v>
                </c:pt>
                <c:pt idx="166">
                  <c:v>99.506340492225306</c:v>
                </c:pt>
                <c:pt idx="167">
                  <c:v>99.505903882990836</c:v>
                </c:pt>
                <c:pt idx="168">
                  <c:v>99.505903882990836</c:v>
                </c:pt>
                <c:pt idx="169">
                  <c:v>99.505454043173515</c:v>
                </c:pt>
                <c:pt idx="170">
                  <c:v>99.505454043173515</c:v>
                </c:pt>
                <c:pt idx="171">
                  <c:v>99.505004203356165</c:v>
                </c:pt>
                <c:pt idx="172">
                  <c:v>99.505004203356165</c:v>
                </c:pt>
                <c:pt idx="173">
                  <c:v>99.50456759412171</c:v>
                </c:pt>
                <c:pt idx="174">
                  <c:v>99.50456759412171</c:v>
                </c:pt>
                <c:pt idx="175">
                  <c:v>99.50411775430436</c:v>
                </c:pt>
                <c:pt idx="176">
                  <c:v>99.503667914487039</c:v>
                </c:pt>
                <c:pt idx="177">
                  <c:v>99.503231305252569</c:v>
                </c:pt>
                <c:pt idx="178">
                  <c:v>99.502781465435248</c:v>
                </c:pt>
                <c:pt idx="179">
                  <c:v>99.502331625617899</c:v>
                </c:pt>
                <c:pt idx="180">
                  <c:v>99.501881785800578</c:v>
                </c:pt>
                <c:pt idx="181">
                  <c:v>99.501445176566108</c:v>
                </c:pt>
                <c:pt idx="182">
                  <c:v>99.500545496931437</c:v>
                </c:pt>
                <c:pt idx="183">
                  <c:v>99.500108887696953</c:v>
                </c:pt>
                <c:pt idx="184">
                  <c:v>99.499659047879646</c:v>
                </c:pt>
                <c:pt idx="185">
                  <c:v>99.499209208062283</c:v>
                </c:pt>
                <c:pt idx="186">
                  <c:v>99.498772598827827</c:v>
                </c:pt>
                <c:pt idx="187">
                  <c:v>99.498322759010492</c:v>
                </c:pt>
                <c:pt idx="188">
                  <c:v>99.497436309958687</c:v>
                </c:pt>
                <c:pt idx="189">
                  <c:v>99.496986470141351</c:v>
                </c:pt>
                <c:pt idx="190">
                  <c:v>99.496100021089546</c:v>
                </c:pt>
                <c:pt idx="191">
                  <c:v>99.495650181272225</c:v>
                </c:pt>
                <c:pt idx="192">
                  <c:v>99.49476373222042</c:v>
                </c:pt>
                <c:pt idx="193">
                  <c:v>99.493864052585764</c:v>
                </c:pt>
                <c:pt idx="194">
                  <c:v>99.492977603533944</c:v>
                </c:pt>
                <c:pt idx="195">
                  <c:v>99.492527763716609</c:v>
                </c:pt>
                <c:pt idx="196">
                  <c:v>99.491641314664818</c:v>
                </c:pt>
                <c:pt idx="197">
                  <c:v>99.490754865613013</c:v>
                </c:pt>
                <c:pt idx="198">
                  <c:v>99.490305025795664</c:v>
                </c:pt>
                <c:pt idx="199">
                  <c:v>99.489855185978342</c:v>
                </c:pt>
                <c:pt idx="200">
                  <c:v>99.488968736926537</c:v>
                </c:pt>
                <c:pt idx="201">
                  <c:v>99.488518897109188</c:v>
                </c:pt>
                <c:pt idx="202">
                  <c:v>99.488082287874732</c:v>
                </c:pt>
                <c:pt idx="203">
                  <c:v>99.487182608240062</c:v>
                </c:pt>
                <c:pt idx="204">
                  <c:v>99.486745999005592</c:v>
                </c:pt>
                <c:pt idx="205">
                  <c:v>99.486296159188271</c:v>
                </c:pt>
                <c:pt idx="206">
                  <c:v>99.485396479553586</c:v>
                </c:pt>
                <c:pt idx="207">
                  <c:v>99.48495987031913</c:v>
                </c:pt>
                <c:pt idx="208">
                  <c:v>99.48495987031913</c:v>
                </c:pt>
                <c:pt idx="209">
                  <c:v>99.484510030501781</c:v>
                </c:pt>
                <c:pt idx="210">
                  <c:v>99.48406019068446</c:v>
                </c:pt>
                <c:pt idx="211">
                  <c:v>99.48362358144999</c:v>
                </c:pt>
                <c:pt idx="212">
                  <c:v>99.48317374163264</c:v>
                </c:pt>
                <c:pt idx="213">
                  <c:v>99.482723901815319</c:v>
                </c:pt>
                <c:pt idx="214">
                  <c:v>99.48228729258085</c:v>
                </c:pt>
                <c:pt idx="215">
                  <c:v>99.481837452763529</c:v>
                </c:pt>
                <c:pt idx="216">
                  <c:v>99.481387612946179</c:v>
                </c:pt>
                <c:pt idx="217">
                  <c:v>99.480951003711709</c:v>
                </c:pt>
                <c:pt idx="218">
                  <c:v>99.480501163894388</c:v>
                </c:pt>
                <c:pt idx="219">
                  <c:v>99.480501163894388</c:v>
                </c:pt>
                <c:pt idx="220">
                  <c:v>99.480051324077039</c:v>
                </c:pt>
                <c:pt idx="221">
                  <c:v>99.479614714842555</c:v>
                </c:pt>
                <c:pt idx="222">
                  <c:v>99.479164875025248</c:v>
                </c:pt>
                <c:pt idx="223">
                  <c:v>99.479164875025248</c:v>
                </c:pt>
                <c:pt idx="224">
                  <c:v>99.478715035207898</c:v>
                </c:pt>
                <c:pt idx="225">
                  <c:v>99.478278425973443</c:v>
                </c:pt>
                <c:pt idx="226">
                  <c:v>99.478278425973443</c:v>
                </c:pt>
                <c:pt idx="227">
                  <c:v>99.477828586156107</c:v>
                </c:pt>
                <c:pt idx="228">
                  <c:v>99.477378746338772</c:v>
                </c:pt>
                <c:pt idx="229">
                  <c:v>99.476942137104302</c:v>
                </c:pt>
                <c:pt idx="230">
                  <c:v>99.476492297286967</c:v>
                </c:pt>
                <c:pt idx="231">
                  <c:v>99.476042457469632</c:v>
                </c:pt>
                <c:pt idx="232">
                  <c:v>99.475605848235162</c:v>
                </c:pt>
                <c:pt idx="233">
                  <c:v>99.475156008417827</c:v>
                </c:pt>
                <c:pt idx="234">
                  <c:v>99.474269559366022</c:v>
                </c:pt>
                <c:pt idx="235">
                  <c:v>99.4738197195487</c:v>
                </c:pt>
                <c:pt idx="236">
                  <c:v>99.473369879731365</c:v>
                </c:pt>
                <c:pt idx="237">
                  <c:v>99.472933270496895</c:v>
                </c:pt>
                <c:pt idx="238">
                  <c:v>99.47248343067956</c:v>
                </c:pt>
                <c:pt idx="239">
                  <c:v>99.471596981627741</c:v>
                </c:pt>
                <c:pt idx="240">
                  <c:v>99.47114714181042</c:v>
                </c:pt>
                <c:pt idx="241">
                  <c:v>99.47069730199307</c:v>
                </c:pt>
                <c:pt idx="242">
                  <c:v>99.470260692758615</c:v>
                </c:pt>
                <c:pt idx="243">
                  <c:v>99.469810852941279</c:v>
                </c:pt>
                <c:pt idx="244">
                  <c:v>99.468924403889474</c:v>
                </c:pt>
                <c:pt idx="245">
                  <c:v>99.468474564072153</c:v>
                </c:pt>
                <c:pt idx="246">
                  <c:v>99.468024724254818</c:v>
                </c:pt>
                <c:pt idx="247">
                  <c:v>99.467138275203013</c:v>
                </c:pt>
                <c:pt idx="248">
                  <c:v>99.467138275203013</c:v>
                </c:pt>
                <c:pt idx="249">
                  <c:v>99.466688435385677</c:v>
                </c:pt>
                <c:pt idx="250">
                  <c:v>99.466238595568328</c:v>
                </c:pt>
                <c:pt idx="251">
                  <c:v>99.465801986333872</c:v>
                </c:pt>
                <c:pt idx="252">
                  <c:v>99.465352146516551</c:v>
                </c:pt>
                <c:pt idx="253">
                  <c:v>99.464902306699202</c:v>
                </c:pt>
                <c:pt idx="254">
                  <c:v>99.464902306699202</c:v>
                </c:pt>
                <c:pt idx="255">
                  <c:v>99.464902306699202</c:v>
                </c:pt>
                <c:pt idx="256">
                  <c:v>99.464902306699202</c:v>
                </c:pt>
                <c:pt idx="257">
                  <c:v>99.464465697464732</c:v>
                </c:pt>
                <c:pt idx="258">
                  <c:v>99.464465697464732</c:v>
                </c:pt>
                <c:pt idx="259">
                  <c:v>99.464015857647397</c:v>
                </c:pt>
                <c:pt idx="260">
                  <c:v>99.464015857647397</c:v>
                </c:pt>
                <c:pt idx="261">
                  <c:v>99.464015857647397</c:v>
                </c:pt>
                <c:pt idx="262">
                  <c:v>99.463566017830061</c:v>
                </c:pt>
                <c:pt idx="263">
                  <c:v>99.463566017830061</c:v>
                </c:pt>
                <c:pt idx="264">
                  <c:v>99.463566017830061</c:v>
                </c:pt>
                <c:pt idx="265">
                  <c:v>99.463129408595591</c:v>
                </c:pt>
                <c:pt idx="266">
                  <c:v>99.46267956877827</c:v>
                </c:pt>
                <c:pt idx="267">
                  <c:v>99.46267956877827</c:v>
                </c:pt>
                <c:pt idx="268">
                  <c:v>99.46267956877827</c:v>
                </c:pt>
                <c:pt idx="269">
                  <c:v>99.46267956877827</c:v>
                </c:pt>
                <c:pt idx="270">
                  <c:v>99.462229728960921</c:v>
                </c:pt>
                <c:pt idx="271">
                  <c:v>99.461793119726451</c:v>
                </c:pt>
                <c:pt idx="272">
                  <c:v>99.461343279909116</c:v>
                </c:pt>
                <c:pt idx="273">
                  <c:v>99.460893440091809</c:v>
                </c:pt>
                <c:pt idx="274">
                  <c:v>99.46000699103999</c:v>
                </c:pt>
                <c:pt idx="275">
                  <c:v>99.459557151222668</c:v>
                </c:pt>
                <c:pt idx="276">
                  <c:v>99.45912054198817</c:v>
                </c:pt>
                <c:pt idx="277">
                  <c:v>99.458220862353514</c:v>
                </c:pt>
                <c:pt idx="278">
                  <c:v>99.457784253119044</c:v>
                </c:pt>
                <c:pt idx="279">
                  <c:v>99.456884573484388</c:v>
                </c:pt>
                <c:pt idx="280">
                  <c:v>99.456447964249904</c:v>
                </c:pt>
                <c:pt idx="281">
                  <c:v>99.455998124432583</c:v>
                </c:pt>
                <c:pt idx="282">
                  <c:v>99.455111675380763</c:v>
                </c:pt>
                <c:pt idx="283">
                  <c:v>99.454661835563442</c:v>
                </c:pt>
                <c:pt idx="284">
                  <c:v>99.454211995746107</c:v>
                </c:pt>
                <c:pt idx="285">
                  <c:v>99.453775386511651</c:v>
                </c:pt>
                <c:pt idx="286">
                  <c:v>99.453325546694288</c:v>
                </c:pt>
                <c:pt idx="287">
                  <c:v>99.452875706876981</c:v>
                </c:pt>
                <c:pt idx="288">
                  <c:v>99.452875706876981</c:v>
                </c:pt>
                <c:pt idx="289">
                  <c:v>99.452439097642511</c:v>
                </c:pt>
                <c:pt idx="290">
                  <c:v>99.451989257825161</c:v>
                </c:pt>
                <c:pt idx="291">
                  <c:v>99.451539418007826</c:v>
                </c:pt>
                <c:pt idx="292">
                  <c:v>99.451539418007826</c:v>
                </c:pt>
                <c:pt idx="293">
                  <c:v>99.451089578190505</c:v>
                </c:pt>
                <c:pt idx="294">
                  <c:v>99.451089578190505</c:v>
                </c:pt>
                <c:pt idx="295">
                  <c:v>99.450652968956021</c:v>
                </c:pt>
                <c:pt idx="296">
                  <c:v>99.450652968956021</c:v>
                </c:pt>
                <c:pt idx="297">
                  <c:v>99.450652968956021</c:v>
                </c:pt>
                <c:pt idx="298">
                  <c:v>99.450652968956021</c:v>
                </c:pt>
                <c:pt idx="299">
                  <c:v>99.450652968956021</c:v>
                </c:pt>
                <c:pt idx="300">
                  <c:v>99.450652968956021</c:v>
                </c:pt>
                <c:pt idx="301">
                  <c:v>99.450652968956021</c:v>
                </c:pt>
                <c:pt idx="302">
                  <c:v>99.450652968956021</c:v>
                </c:pt>
                <c:pt idx="303">
                  <c:v>99.450203129138686</c:v>
                </c:pt>
                <c:pt idx="304">
                  <c:v>99.450203129138686</c:v>
                </c:pt>
                <c:pt idx="305">
                  <c:v>99.450203129138686</c:v>
                </c:pt>
                <c:pt idx="306">
                  <c:v>99.44975328932135</c:v>
                </c:pt>
                <c:pt idx="307">
                  <c:v>99.44975328932135</c:v>
                </c:pt>
                <c:pt idx="308">
                  <c:v>99.44975328932135</c:v>
                </c:pt>
                <c:pt idx="309">
                  <c:v>99.44975328932135</c:v>
                </c:pt>
                <c:pt idx="310">
                  <c:v>99.449316680086895</c:v>
                </c:pt>
                <c:pt idx="311">
                  <c:v>99.449316680086895</c:v>
                </c:pt>
                <c:pt idx="312">
                  <c:v>99.448866840269559</c:v>
                </c:pt>
                <c:pt idx="313">
                  <c:v>99.448417000452224</c:v>
                </c:pt>
                <c:pt idx="314">
                  <c:v>99.448417000452224</c:v>
                </c:pt>
                <c:pt idx="315">
                  <c:v>99.447980391217754</c:v>
                </c:pt>
                <c:pt idx="316">
                  <c:v>99.447530551400405</c:v>
                </c:pt>
                <c:pt idx="317">
                  <c:v>99.447080711583098</c:v>
                </c:pt>
                <c:pt idx="318">
                  <c:v>99.446644102348628</c:v>
                </c:pt>
                <c:pt idx="319">
                  <c:v>99.446644102348628</c:v>
                </c:pt>
                <c:pt idx="320">
                  <c:v>99.446194262531279</c:v>
                </c:pt>
                <c:pt idx="321">
                  <c:v>99.445744422713943</c:v>
                </c:pt>
                <c:pt idx="322">
                  <c:v>99.445307813479474</c:v>
                </c:pt>
                <c:pt idx="323">
                  <c:v>99.445307813479474</c:v>
                </c:pt>
                <c:pt idx="324">
                  <c:v>99.444857973662153</c:v>
                </c:pt>
                <c:pt idx="325">
                  <c:v>99.444408133844803</c:v>
                </c:pt>
                <c:pt idx="326">
                  <c:v>99.443971524610333</c:v>
                </c:pt>
                <c:pt idx="327">
                  <c:v>99.443971524610333</c:v>
                </c:pt>
                <c:pt idx="328">
                  <c:v>99.443521684793012</c:v>
                </c:pt>
                <c:pt idx="329">
                  <c:v>99.443071844975677</c:v>
                </c:pt>
                <c:pt idx="330">
                  <c:v>99.442635235741207</c:v>
                </c:pt>
                <c:pt idx="331">
                  <c:v>99.442185395923872</c:v>
                </c:pt>
                <c:pt idx="332">
                  <c:v>99.441735556106522</c:v>
                </c:pt>
                <c:pt idx="333">
                  <c:v>99.441298946872067</c:v>
                </c:pt>
                <c:pt idx="334">
                  <c:v>99.440849107054731</c:v>
                </c:pt>
                <c:pt idx="335">
                  <c:v>99.440849107054731</c:v>
                </c:pt>
                <c:pt idx="336">
                  <c:v>99.440399267237396</c:v>
                </c:pt>
                <c:pt idx="337">
                  <c:v>99.439962658002941</c:v>
                </c:pt>
                <c:pt idx="338">
                  <c:v>99.439512818185577</c:v>
                </c:pt>
                <c:pt idx="339">
                  <c:v>99.439512818185577</c:v>
                </c:pt>
                <c:pt idx="340">
                  <c:v>99.43906297836827</c:v>
                </c:pt>
                <c:pt idx="341">
                  <c:v>99.43906297836827</c:v>
                </c:pt>
                <c:pt idx="342">
                  <c:v>99.43906297836827</c:v>
                </c:pt>
                <c:pt idx="343">
                  <c:v>99.438626369133786</c:v>
                </c:pt>
                <c:pt idx="344">
                  <c:v>99.438626369133786</c:v>
                </c:pt>
                <c:pt idx="345">
                  <c:v>99.438176529316451</c:v>
                </c:pt>
                <c:pt idx="346">
                  <c:v>99.438176529316451</c:v>
                </c:pt>
                <c:pt idx="347">
                  <c:v>99.438176529316451</c:v>
                </c:pt>
                <c:pt idx="348">
                  <c:v>99.437726689499129</c:v>
                </c:pt>
                <c:pt idx="349">
                  <c:v>99.437290080264646</c:v>
                </c:pt>
                <c:pt idx="350">
                  <c:v>99.437726689499129</c:v>
                </c:pt>
                <c:pt idx="351">
                  <c:v>99.438626369133786</c:v>
                </c:pt>
                <c:pt idx="352">
                  <c:v>99.439512818185577</c:v>
                </c:pt>
                <c:pt idx="353">
                  <c:v>99.440849107054731</c:v>
                </c:pt>
                <c:pt idx="354">
                  <c:v>99.442635235741207</c:v>
                </c:pt>
                <c:pt idx="355">
                  <c:v>99.444408133844803</c:v>
                </c:pt>
                <c:pt idx="356">
                  <c:v>99.446194262531279</c:v>
                </c:pt>
                <c:pt idx="357">
                  <c:v>99.447980391217754</c:v>
                </c:pt>
                <c:pt idx="358">
                  <c:v>99.450203129138686</c:v>
                </c:pt>
                <c:pt idx="359">
                  <c:v>99.452439097642511</c:v>
                </c:pt>
                <c:pt idx="360">
                  <c:v>99.454661835563442</c:v>
                </c:pt>
                <c:pt idx="361">
                  <c:v>99.456884573484388</c:v>
                </c:pt>
                <c:pt idx="362">
                  <c:v>99.45912054198817</c:v>
                </c:pt>
                <c:pt idx="363">
                  <c:v>99.461343279909116</c:v>
                </c:pt>
                <c:pt idx="364">
                  <c:v>99.464015857647397</c:v>
                </c:pt>
                <c:pt idx="365">
                  <c:v>99.466688435385677</c:v>
                </c:pt>
                <c:pt idx="366">
                  <c:v>99.468924403889474</c:v>
                </c:pt>
                <c:pt idx="367">
                  <c:v>99.47114714181042</c:v>
                </c:pt>
                <c:pt idx="368">
                  <c:v>99.473369879731365</c:v>
                </c:pt>
                <c:pt idx="369">
                  <c:v>99.476042457469632</c:v>
                </c:pt>
                <c:pt idx="370">
                  <c:v>99.478278425973443</c:v>
                </c:pt>
                <c:pt idx="371">
                  <c:v>99.480501163894388</c:v>
                </c:pt>
                <c:pt idx="372">
                  <c:v>99.482723901815319</c:v>
                </c:pt>
                <c:pt idx="373">
                  <c:v>99.485396479553586</c:v>
                </c:pt>
                <c:pt idx="374">
                  <c:v>99.487632448057397</c:v>
                </c:pt>
                <c:pt idx="375">
                  <c:v>99.489418576743873</c:v>
                </c:pt>
                <c:pt idx="376">
                  <c:v>99.490754865613013</c:v>
                </c:pt>
                <c:pt idx="377">
                  <c:v>99.491641314664818</c:v>
                </c:pt>
                <c:pt idx="378">
                  <c:v>99.492091154482125</c:v>
                </c:pt>
                <c:pt idx="379">
                  <c:v>99.492527763716609</c:v>
                </c:pt>
                <c:pt idx="380">
                  <c:v>99.492977603533944</c:v>
                </c:pt>
                <c:pt idx="381">
                  <c:v>99.492977603533944</c:v>
                </c:pt>
                <c:pt idx="382">
                  <c:v>99.492977603533944</c:v>
                </c:pt>
                <c:pt idx="383">
                  <c:v>99.492527763716609</c:v>
                </c:pt>
                <c:pt idx="384">
                  <c:v>99.492091154482125</c:v>
                </c:pt>
                <c:pt idx="385">
                  <c:v>99.491641314664818</c:v>
                </c:pt>
                <c:pt idx="386">
                  <c:v>99.491191474847469</c:v>
                </c:pt>
                <c:pt idx="387">
                  <c:v>99.490754865613013</c:v>
                </c:pt>
                <c:pt idx="388">
                  <c:v>99.489855185978342</c:v>
                </c:pt>
                <c:pt idx="389">
                  <c:v>99.489418576743873</c:v>
                </c:pt>
                <c:pt idx="390">
                  <c:v>99.488518897109188</c:v>
                </c:pt>
                <c:pt idx="391">
                  <c:v>99.487632448057397</c:v>
                </c:pt>
                <c:pt idx="392">
                  <c:v>99.486296159188271</c:v>
                </c:pt>
                <c:pt idx="393">
                  <c:v>99.485396479553586</c:v>
                </c:pt>
                <c:pt idx="394">
                  <c:v>99.484510030501781</c:v>
                </c:pt>
                <c:pt idx="395">
                  <c:v>99.48362358144999</c:v>
                </c:pt>
                <c:pt idx="396">
                  <c:v>99.48228729258085</c:v>
                </c:pt>
                <c:pt idx="397">
                  <c:v>99.481387612946179</c:v>
                </c:pt>
                <c:pt idx="398">
                  <c:v>99.480501163894388</c:v>
                </c:pt>
                <c:pt idx="399">
                  <c:v>99.479614714842555</c:v>
                </c:pt>
                <c:pt idx="400">
                  <c:v>99.478715035207898</c:v>
                </c:pt>
                <c:pt idx="401">
                  <c:v>99.477828586156107</c:v>
                </c:pt>
                <c:pt idx="402">
                  <c:v>99.476492297286967</c:v>
                </c:pt>
                <c:pt idx="403">
                  <c:v>99.475605848235162</c:v>
                </c:pt>
                <c:pt idx="404">
                  <c:v>99.474706168600505</c:v>
                </c:pt>
                <c:pt idx="405">
                  <c:v>99.4738197195487</c:v>
                </c:pt>
                <c:pt idx="406">
                  <c:v>99.47248343067956</c:v>
                </c:pt>
                <c:pt idx="407">
                  <c:v>99.471596981627741</c:v>
                </c:pt>
                <c:pt idx="408">
                  <c:v>99.470260692758615</c:v>
                </c:pt>
                <c:pt idx="409">
                  <c:v>99.468924403889474</c:v>
                </c:pt>
                <c:pt idx="410">
                  <c:v>99.468024724254818</c:v>
                </c:pt>
                <c:pt idx="411">
                  <c:v>99.466688435385677</c:v>
                </c:pt>
                <c:pt idx="412">
                  <c:v>99.465801986333872</c:v>
                </c:pt>
                <c:pt idx="413">
                  <c:v>99.464465697464732</c:v>
                </c:pt>
                <c:pt idx="414">
                  <c:v>99.463129408595591</c:v>
                </c:pt>
                <c:pt idx="415">
                  <c:v>99.461793119726451</c:v>
                </c:pt>
                <c:pt idx="416">
                  <c:v>99.460893440091809</c:v>
                </c:pt>
                <c:pt idx="417">
                  <c:v>99.459557151222668</c:v>
                </c:pt>
                <c:pt idx="418">
                  <c:v>99.458220862353514</c:v>
                </c:pt>
                <c:pt idx="419">
                  <c:v>99.457334413301695</c:v>
                </c:pt>
                <c:pt idx="420">
                  <c:v>99.455998124432583</c:v>
                </c:pt>
                <c:pt idx="421">
                  <c:v>99.454661835563442</c:v>
                </c:pt>
                <c:pt idx="422">
                  <c:v>99.453325546694288</c:v>
                </c:pt>
                <c:pt idx="423">
                  <c:v>99.451989257825161</c:v>
                </c:pt>
                <c:pt idx="424">
                  <c:v>99.450203129138686</c:v>
                </c:pt>
                <c:pt idx="425">
                  <c:v>99.448866840269559</c:v>
                </c:pt>
                <c:pt idx="426">
                  <c:v>99.447530551400405</c:v>
                </c:pt>
                <c:pt idx="427">
                  <c:v>99.445744422713943</c:v>
                </c:pt>
                <c:pt idx="428">
                  <c:v>99.443971524610333</c:v>
                </c:pt>
                <c:pt idx="429">
                  <c:v>99.442185395923872</c:v>
                </c:pt>
                <c:pt idx="430">
                  <c:v>99.440849107054731</c:v>
                </c:pt>
                <c:pt idx="431">
                  <c:v>99.43906297836827</c:v>
                </c:pt>
                <c:pt idx="432">
                  <c:v>99.437290080264646</c:v>
                </c:pt>
                <c:pt idx="433">
                  <c:v>99.435953791395519</c:v>
                </c:pt>
                <c:pt idx="434">
                  <c:v>99.434167662709044</c:v>
                </c:pt>
                <c:pt idx="435">
                  <c:v>99.432381534022582</c:v>
                </c:pt>
                <c:pt idx="436">
                  <c:v>99.430595405336106</c:v>
                </c:pt>
                <c:pt idx="437">
                  <c:v>99.42882250723251</c:v>
                </c:pt>
                <c:pt idx="438">
                  <c:v>99.427036378546035</c:v>
                </c:pt>
                <c:pt idx="439">
                  <c:v>99.424813640625089</c:v>
                </c:pt>
                <c:pt idx="440">
                  <c:v>99.423477351755949</c:v>
                </c:pt>
                <c:pt idx="441">
                  <c:v>99.421241383252152</c:v>
                </c:pt>
                <c:pt idx="442">
                  <c:v>99.419468485148556</c:v>
                </c:pt>
                <c:pt idx="443">
                  <c:v>99.417682356462066</c:v>
                </c:pt>
                <c:pt idx="444">
                  <c:v>99.415896227775605</c:v>
                </c:pt>
                <c:pt idx="445">
                  <c:v>99.414110099089143</c:v>
                </c:pt>
                <c:pt idx="446">
                  <c:v>99.412337200985519</c:v>
                </c:pt>
                <c:pt idx="447">
                  <c:v>99.410101232481722</c:v>
                </c:pt>
                <c:pt idx="448">
                  <c:v>99.408328334378112</c:v>
                </c:pt>
                <c:pt idx="449">
                  <c:v>99.406542205691636</c:v>
                </c:pt>
                <c:pt idx="450">
                  <c:v>99.404756077005175</c:v>
                </c:pt>
                <c:pt idx="451">
                  <c:v>99.402983178901565</c:v>
                </c:pt>
                <c:pt idx="452">
                  <c:v>99.402083499266908</c:v>
                </c:pt>
                <c:pt idx="453">
                  <c:v>99.400747210397768</c:v>
                </c:pt>
                <c:pt idx="454">
                  <c:v>99.398524472476808</c:v>
                </c:pt>
                <c:pt idx="455">
                  <c:v>99.396288503973025</c:v>
                </c:pt>
                <c:pt idx="456">
                  <c:v>99.394065766052066</c:v>
                </c:pt>
                <c:pt idx="457">
                  <c:v>99.392279637365604</c:v>
                </c:pt>
                <c:pt idx="458">
                  <c:v>99.390056899444659</c:v>
                </c:pt>
                <c:pt idx="459">
                  <c:v>99.388270770758197</c:v>
                </c:pt>
                <c:pt idx="460">
                  <c:v>99.386497872654573</c:v>
                </c:pt>
                <c:pt idx="461">
                  <c:v>99.384711743968111</c:v>
                </c:pt>
                <c:pt idx="462">
                  <c:v>99.38292561528165</c:v>
                </c:pt>
                <c:pt idx="463">
                  <c:v>99.38070287736069</c:v>
                </c:pt>
                <c:pt idx="464">
                  <c:v>99.378916748674229</c:v>
                </c:pt>
                <c:pt idx="465">
                  <c:v>99.376694010753297</c:v>
                </c:pt>
                <c:pt idx="466">
                  <c:v>99.374907882066836</c:v>
                </c:pt>
                <c:pt idx="467">
                  <c:v>99.37268514414589</c:v>
                </c:pt>
                <c:pt idx="468">
                  <c:v>99.370899015459429</c:v>
                </c:pt>
                <c:pt idx="469">
                  <c:v>99.369112886772953</c:v>
                </c:pt>
                <c:pt idx="470">
                  <c:v>99.367776597903799</c:v>
                </c:pt>
                <c:pt idx="471">
                  <c:v>99.366440309034672</c:v>
                </c:pt>
                <c:pt idx="472">
                  <c:v>99.364217571113727</c:v>
                </c:pt>
                <c:pt idx="473">
                  <c:v>99.362431442427251</c:v>
                </c:pt>
                <c:pt idx="474">
                  <c:v>99.36020870450632</c:v>
                </c:pt>
                <c:pt idx="475">
                  <c:v>99.357972736002509</c:v>
                </c:pt>
                <c:pt idx="476">
                  <c:v>99.355749998081563</c:v>
                </c:pt>
                <c:pt idx="477">
                  <c:v>99.352627580525962</c:v>
                </c:pt>
                <c:pt idx="478">
                  <c:v>99.349955002787681</c:v>
                </c:pt>
                <c:pt idx="479">
                  <c:v>99.348182104684085</c:v>
                </c:pt>
                <c:pt idx="480">
                  <c:v>99.346832585232079</c:v>
                </c:pt>
                <c:pt idx="481">
                  <c:v>99.345059687128483</c:v>
                </c:pt>
                <c:pt idx="482">
                  <c:v>99.343273558441993</c:v>
                </c:pt>
                <c:pt idx="483">
                  <c:v>99.341487429755531</c:v>
                </c:pt>
                <c:pt idx="484">
                  <c:v>99.3392646918346</c:v>
                </c:pt>
                <c:pt idx="485">
                  <c:v>99.337041953913655</c:v>
                </c:pt>
                <c:pt idx="486">
                  <c:v>99.334805985409844</c:v>
                </c:pt>
                <c:pt idx="487">
                  <c:v>99.332583247488898</c:v>
                </c:pt>
                <c:pt idx="488">
                  <c:v>99.330360509567967</c:v>
                </c:pt>
                <c:pt idx="489">
                  <c:v>99.328124541064156</c:v>
                </c:pt>
                <c:pt idx="490">
                  <c:v>99.325901803143225</c:v>
                </c:pt>
                <c:pt idx="491">
                  <c:v>99.324115674456763</c:v>
                </c:pt>
                <c:pt idx="492">
                  <c:v>99.321892936535804</c:v>
                </c:pt>
                <c:pt idx="493">
                  <c:v>99.319656968032007</c:v>
                </c:pt>
                <c:pt idx="494">
                  <c:v>99.317884069928397</c:v>
                </c:pt>
                <c:pt idx="495">
                  <c:v>99.314761652372781</c:v>
                </c:pt>
                <c:pt idx="496">
                  <c:v>99.3120890746345</c:v>
                </c:pt>
                <c:pt idx="497">
                  <c:v>99.310302945948038</c:v>
                </c:pt>
                <c:pt idx="498">
                  <c:v>99.308516817261577</c:v>
                </c:pt>
                <c:pt idx="499">
                  <c:v>99.306294079340617</c:v>
                </c:pt>
                <c:pt idx="500">
                  <c:v>99.304071341419686</c:v>
                </c:pt>
                <c:pt idx="501">
                  <c:v>99.302285212733224</c:v>
                </c:pt>
                <c:pt idx="502">
                  <c:v>99.300062474812279</c:v>
                </c:pt>
                <c:pt idx="503">
                  <c:v>99.297826506308496</c:v>
                </c:pt>
                <c:pt idx="504">
                  <c:v>99.296053608204872</c:v>
                </c:pt>
                <c:pt idx="505">
                  <c:v>99.293367799883754</c:v>
                </c:pt>
                <c:pt idx="506">
                  <c:v>99.291145061962794</c:v>
                </c:pt>
                <c:pt idx="507">
                  <c:v>99.288922324041849</c:v>
                </c:pt>
                <c:pt idx="508">
                  <c:v>99.286686355538052</c:v>
                </c:pt>
                <c:pt idx="509">
                  <c:v>99.284463617617106</c:v>
                </c:pt>
                <c:pt idx="510">
                  <c:v>99.282240879696161</c:v>
                </c:pt>
                <c:pt idx="511">
                  <c:v>99.2804547510097</c:v>
                </c:pt>
                <c:pt idx="512">
                  <c:v>99.278218782505888</c:v>
                </c:pt>
                <c:pt idx="513">
                  <c:v>99.275996044584943</c:v>
                </c:pt>
                <c:pt idx="514">
                  <c:v>99.273773306664012</c:v>
                </c:pt>
                <c:pt idx="515">
                  <c:v>99.271100728925731</c:v>
                </c:pt>
                <c:pt idx="516">
                  <c:v>99.26886476042192</c:v>
                </c:pt>
                <c:pt idx="517">
                  <c:v>99.266192182683653</c:v>
                </c:pt>
                <c:pt idx="518">
                  <c:v>99.263969444762694</c:v>
                </c:pt>
                <c:pt idx="519">
                  <c:v>99.261296867024441</c:v>
                </c:pt>
                <c:pt idx="520">
                  <c:v>99.258624289286175</c:v>
                </c:pt>
                <c:pt idx="521">
                  <c:v>99.256388320782378</c:v>
                </c:pt>
                <c:pt idx="522">
                  <c:v>99.253715743044083</c:v>
                </c:pt>
                <c:pt idx="523">
                  <c:v>99.25104316530583</c:v>
                </c:pt>
                <c:pt idx="524">
                  <c:v>99.24837058756755</c:v>
                </c:pt>
                <c:pt idx="525">
                  <c:v>99.245698009829269</c:v>
                </c:pt>
                <c:pt idx="526">
                  <c:v>99.243025432091002</c:v>
                </c:pt>
                <c:pt idx="527">
                  <c:v>99.240802694170043</c:v>
                </c:pt>
                <c:pt idx="528">
                  <c:v>99.23813011643179</c:v>
                </c:pt>
                <c:pt idx="529">
                  <c:v>99.23545753869351</c:v>
                </c:pt>
                <c:pt idx="530">
                  <c:v>99.233221570189684</c:v>
                </c:pt>
                <c:pt idx="531">
                  <c:v>99.230548992451432</c:v>
                </c:pt>
                <c:pt idx="532">
                  <c:v>99.227876414713151</c:v>
                </c:pt>
                <c:pt idx="533">
                  <c:v>99.225203836974885</c:v>
                </c:pt>
                <c:pt idx="534">
                  <c:v>99.222981099053925</c:v>
                </c:pt>
                <c:pt idx="535">
                  <c:v>99.220308521315658</c:v>
                </c:pt>
                <c:pt idx="536">
                  <c:v>99.217635943577406</c:v>
                </c:pt>
                <c:pt idx="537">
                  <c:v>99.214963365839111</c:v>
                </c:pt>
                <c:pt idx="538">
                  <c:v>99.21229078810083</c:v>
                </c:pt>
                <c:pt idx="539">
                  <c:v>99.210054819597033</c:v>
                </c:pt>
                <c:pt idx="540">
                  <c:v>99.207382241858767</c:v>
                </c:pt>
                <c:pt idx="541">
                  <c:v>99.205159503937836</c:v>
                </c:pt>
                <c:pt idx="542">
                  <c:v>99.202486926199555</c:v>
                </c:pt>
                <c:pt idx="543">
                  <c:v>99.200250957695729</c:v>
                </c:pt>
                <c:pt idx="544">
                  <c:v>99.197578379957463</c:v>
                </c:pt>
                <c:pt idx="545">
                  <c:v>99.195355642036546</c:v>
                </c:pt>
                <c:pt idx="546">
                  <c:v>99.193132904115586</c:v>
                </c:pt>
                <c:pt idx="547">
                  <c:v>99.190896935611789</c:v>
                </c:pt>
                <c:pt idx="548">
                  <c:v>99.188224357873494</c:v>
                </c:pt>
                <c:pt idx="549">
                  <c:v>99.186001619952563</c:v>
                </c:pt>
                <c:pt idx="550">
                  <c:v>99.183329042214297</c:v>
                </c:pt>
                <c:pt idx="551">
                  <c:v>99.18065646447603</c:v>
                </c:pt>
                <c:pt idx="552">
                  <c:v>99.178420495972219</c:v>
                </c:pt>
                <c:pt idx="553">
                  <c:v>99.175747918233938</c:v>
                </c:pt>
                <c:pt idx="554">
                  <c:v>99.173075340495672</c:v>
                </c:pt>
                <c:pt idx="555">
                  <c:v>99.170402762757391</c:v>
                </c:pt>
                <c:pt idx="556">
                  <c:v>99.16773018501911</c:v>
                </c:pt>
                <c:pt idx="557">
                  <c:v>99.165057607280843</c:v>
                </c:pt>
                <c:pt idx="558">
                  <c:v>99.162385029542577</c:v>
                </c:pt>
                <c:pt idx="559">
                  <c:v>99.15971245180431</c:v>
                </c:pt>
                <c:pt idx="560">
                  <c:v>99.157039874066015</c:v>
                </c:pt>
                <c:pt idx="561">
                  <c:v>99.154367296327749</c:v>
                </c:pt>
                <c:pt idx="562">
                  <c:v>99.151694718589482</c:v>
                </c:pt>
                <c:pt idx="563">
                  <c:v>99.149022140851201</c:v>
                </c:pt>
                <c:pt idx="564">
                  <c:v>99.145899723295599</c:v>
                </c:pt>
                <c:pt idx="565">
                  <c:v>99.143227145557333</c:v>
                </c:pt>
                <c:pt idx="566">
                  <c:v>99.140554567819024</c:v>
                </c:pt>
                <c:pt idx="567">
                  <c:v>99.137881990080771</c:v>
                </c:pt>
                <c:pt idx="568">
                  <c:v>99.134759572525155</c:v>
                </c:pt>
                <c:pt idx="569">
                  <c:v>99.132086994786889</c:v>
                </c:pt>
                <c:pt idx="570">
                  <c:v>99.128964577231272</c:v>
                </c:pt>
                <c:pt idx="571">
                  <c:v>99.126291999493006</c:v>
                </c:pt>
                <c:pt idx="572">
                  <c:v>99.12316958193739</c:v>
                </c:pt>
                <c:pt idx="573">
                  <c:v>99.120497004199123</c:v>
                </c:pt>
                <c:pt idx="574">
                  <c:v>99.117824426460871</c:v>
                </c:pt>
                <c:pt idx="575">
                  <c:v>99.115151848722576</c:v>
                </c:pt>
                <c:pt idx="576">
                  <c:v>99.112479270984295</c:v>
                </c:pt>
                <c:pt idx="577">
                  <c:v>99.109370084011559</c:v>
                </c:pt>
                <c:pt idx="578">
                  <c:v>99.106697506273278</c:v>
                </c:pt>
                <c:pt idx="579">
                  <c:v>99.10401169795216</c:v>
                </c:pt>
                <c:pt idx="580">
                  <c:v>99.100902510979395</c:v>
                </c:pt>
                <c:pt idx="581">
                  <c:v>99.098229933241129</c:v>
                </c:pt>
                <c:pt idx="582">
                  <c:v>99.095557355502848</c:v>
                </c:pt>
                <c:pt idx="583">
                  <c:v>99.092434937947246</c:v>
                </c:pt>
                <c:pt idx="584">
                  <c:v>99.089762360208965</c:v>
                </c:pt>
                <c:pt idx="585">
                  <c:v>99.087089782470699</c:v>
                </c:pt>
                <c:pt idx="586">
                  <c:v>99.084417204732418</c:v>
                </c:pt>
                <c:pt idx="587">
                  <c:v>99.081294787176816</c:v>
                </c:pt>
                <c:pt idx="588">
                  <c:v>99.0781723696212</c:v>
                </c:pt>
                <c:pt idx="589">
                  <c:v>99.075499791882947</c:v>
                </c:pt>
                <c:pt idx="590">
                  <c:v>99.072827214144667</c:v>
                </c:pt>
                <c:pt idx="591">
                  <c:v>99.06970479658905</c:v>
                </c:pt>
                <c:pt idx="592">
                  <c:v>99.067032218850784</c:v>
                </c:pt>
                <c:pt idx="593">
                  <c:v>99.064359641112503</c:v>
                </c:pt>
                <c:pt idx="594">
                  <c:v>99.061687063374237</c:v>
                </c:pt>
                <c:pt idx="595">
                  <c:v>99.058577876401472</c:v>
                </c:pt>
                <c:pt idx="596">
                  <c:v>99.05590529866322</c:v>
                </c:pt>
                <c:pt idx="597">
                  <c:v>99.052782881107603</c:v>
                </c:pt>
                <c:pt idx="598">
                  <c:v>99.049660463552001</c:v>
                </c:pt>
                <c:pt idx="599">
                  <c:v>99.0465380459964</c:v>
                </c:pt>
                <c:pt idx="600">
                  <c:v>99.043428859023635</c:v>
                </c:pt>
                <c:pt idx="601">
                  <c:v>99.040306441468033</c:v>
                </c:pt>
                <c:pt idx="602">
                  <c:v>99.037184023912431</c:v>
                </c:pt>
                <c:pt idx="603">
                  <c:v>99.03451144617415</c:v>
                </c:pt>
                <c:pt idx="604">
                  <c:v>99.031389028618548</c:v>
                </c:pt>
                <c:pt idx="605">
                  <c:v>99.028279841645812</c:v>
                </c:pt>
                <c:pt idx="606">
                  <c:v>99.025607263907531</c:v>
                </c:pt>
                <c:pt idx="607">
                  <c:v>99.022484846351915</c:v>
                </c:pt>
                <c:pt idx="608">
                  <c:v>99.019362428796313</c:v>
                </c:pt>
                <c:pt idx="609">
                  <c:v>99.016240011240711</c:v>
                </c:pt>
                <c:pt idx="610">
                  <c:v>99.013130824267961</c:v>
                </c:pt>
                <c:pt idx="611">
                  <c:v>99.01045824652968</c:v>
                </c:pt>
                <c:pt idx="612">
                  <c:v>99.007335828974092</c:v>
                </c:pt>
                <c:pt idx="613">
                  <c:v>99.004663251235797</c:v>
                </c:pt>
                <c:pt idx="614">
                  <c:v>99.001540833680195</c:v>
                </c:pt>
                <c:pt idx="615">
                  <c:v>98.998418416124593</c:v>
                </c:pt>
                <c:pt idx="616">
                  <c:v>98.995309229151843</c:v>
                </c:pt>
                <c:pt idx="617">
                  <c:v>98.992186811596227</c:v>
                </c:pt>
                <c:pt idx="618">
                  <c:v>98.98862778480617</c:v>
                </c:pt>
                <c:pt idx="619">
                  <c:v>98.985505367250553</c:v>
                </c:pt>
                <c:pt idx="620">
                  <c:v>98.982382949694951</c:v>
                </c:pt>
                <c:pt idx="621">
                  <c:v>98.979260532139335</c:v>
                </c:pt>
                <c:pt idx="622">
                  <c:v>98.976151345166599</c:v>
                </c:pt>
                <c:pt idx="623">
                  <c:v>98.972579087793662</c:v>
                </c:pt>
                <c:pt idx="624">
                  <c:v>98.969469900820897</c:v>
                </c:pt>
                <c:pt idx="625">
                  <c:v>98.966347483265309</c:v>
                </c:pt>
                <c:pt idx="626">
                  <c:v>98.963225065709679</c:v>
                </c:pt>
                <c:pt idx="627">
                  <c:v>98.959666038919622</c:v>
                </c:pt>
                <c:pt idx="628">
                  <c:v>98.956543621364006</c:v>
                </c:pt>
                <c:pt idx="629">
                  <c:v>98.953421203808389</c:v>
                </c:pt>
                <c:pt idx="630">
                  <c:v>98.950298786252802</c:v>
                </c:pt>
                <c:pt idx="631">
                  <c:v>98.946739759462716</c:v>
                </c:pt>
                <c:pt idx="632">
                  <c:v>98.943617341907114</c:v>
                </c:pt>
                <c:pt idx="633">
                  <c:v>98.940508154934363</c:v>
                </c:pt>
                <c:pt idx="634">
                  <c:v>98.937385737378762</c:v>
                </c:pt>
                <c:pt idx="635">
                  <c:v>98.93426331982316</c:v>
                </c:pt>
                <c:pt idx="636">
                  <c:v>98.930704293033074</c:v>
                </c:pt>
                <c:pt idx="637">
                  <c:v>98.927581875477458</c:v>
                </c:pt>
                <c:pt idx="638">
                  <c:v>98.924022848687386</c:v>
                </c:pt>
                <c:pt idx="639">
                  <c:v>98.92090043113177</c:v>
                </c:pt>
                <c:pt idx="640">
                  <c:v>98.917778013576168</c:v>
                </c:pt>
                <c:pt idx="641">
                  <c:v>98.915105435837887</c:v>
                </c:pt>
                <c:pt idx="642">
                  <c:v>98.911546409047816</c:v>
                </c:pt>
                <c:pt idx="643">
                  <c:v>98.908423991492214</c:v>
                </c:pt>
                <c:pt idx="644">
                  <c:v>98.904864964702128</c:v>
                </c:pt>
                <c:pt idx="645">
                  <c:v>98.901292707329176</c:v>
                </c:pt>
                <c:pt idx="646">
                  <c:v>98.898170289773574</c:v>
                </c:pt>
                <c:pt idx="647">
                  <c:v>98.894611262983503</c:v>
                </c:pt>
                <c:pt idx="648">
                  <c:v>98.891488845427901</c:v>
                </c:pt>
                <c:pt idx="649">
                  <c:v>98.888379658455165</c:v>
                </c:pt>
                <c:pt idx="650">
                  <c:v>98.884807401082213</c:v>
                </c:pt>
                <c:pt idx="651">
                  <c:v>98.881248374292127</c:v>
                </c:pt>
                <c:pt idx="652">
                  <c:v>98.877676116919176</c:v>
                </c:pt>
                <c:pt idx="653">
                  <c:v>98.874117090129118</c:v>
                </c:pt>
                <c:pt idx="654">
                  <c:v>98.870558063339047</c:v>
                </c:pt>
                <c:pt idx="655">
                  <c:v>98.866985805966095</c:v>
                </c:pt>
                <c:pt idx="656">
                  <c:v>98.86342677917601</c:v>
                </c:pt>
                <c:pt idx="657">
                  <c:v>98.859854521803086</c:v>
                </c:pt>
                <c:pt idx="658">
                  <c:v>98.856295495013001</c:v>
                </c:pt>
                <c:pt idx="659">
                  <c:v>98.852736468222929</c:v>
                </c:pt>
                <c:pt idx="660">
                  <c:v>98.849164210849978</c:v>
                </c:pt>
                <c:pt idx="661">
                  <c:v>98.845605184059906</c:v>
                </c:pt>
                <c:pt idx="662">
                  <c:v>98.842032926686969</c:v>
                </c:pt>
                <c:pt idx="663">
                  <c:v>98.838024060079562</c:v>
                </c:pt>
                <c:pt idx="664">
                  <c:v>98.834465033289462</c:v>
                </c:pt>
                <c:pt idx="665">
                  <c:v>98.830456166682055</c:v>
                </c:pt>
                <c:pt idx="666">
                  <c:v>98.826883909309117</c:v>
                </c:pt>
                <c:pt idx="667">
                  <c:v>98.82287504270171</c:v>
                </c:pt>
                <c:pt idx="668">
                  <c:v>98.81976585572896</c:v>
                </c:pt>
                <c:pt idx="669">
                  <c:v>98.816193598356023</c:v>
                </c:pt>
                <c:pt idx="670">
                  <c:v>98.812634571565951</c:v>
                </c:pt>
                <c:pt idx="671">
                  <c:v>98.809062314193014</c:v>
                </c:pt>
                <c:pt idx="672">
                  <c:v>98.805503287402942</c:v>
                </c:pt>
                <c:pt idx="673">
                  <c:v>98.801944260612842</c:v>
                </c:pt>
                <c:pt idx="674">
                  <c:v>98.798372003239905</c:v>
                </c:pt>
                <c:pt idx="675">
                  <c:v>98.794812976449833</c:v>
                </c:pt>
                <c:pt idx="676">
                  <c:v>98.791240719076896</c:v>
                </c:pt>
                <c:pt idx="677">
                  <c:v>98.787681692286796</c:v>
                </c:pt>
                <c:pt idx="678">
                  <c:v>98.784122665496739</c:v>
                </c:pt>
                <c:pt idx="679">
                  <c:v>98.780550408123801</c:v>
                </c:pt>
                <c:pt idx="680">
                  <c:v>98.776991381333715</c:v>
                </c:pt>
                <c:pt idx="681">
                  <c:v>98.772982514726309</c:v>
                </c:pt>
                <c:pt idx="682">
                  <c:v>98.768973648118887</c:v>
                </c:pt>
                <c:pt idx="683">
                  <c:v>98.76540139074595</c:v>
                </c:pt>
                <c:pt idx="684">
                  <c:v>98.761392524138529</c:v>
                </c:pt>
                <c:pt idx="685">
                  <c:v>98.757833497348457</c:v>
                </c:pt>
                <c:pt idx="686">
                  <c:v>98.754261239975534</c:v>
                </c:pt>
                <c:pt idx="687">
                  <c:v>98.750702213185448</c:v>
                </c:pt>
                <c:pt idx="688">
                  <c:v>98.746693346578013</c:v>
                </c:pt>
                <c:pt idx="689">
                  <c:v>98.74312108920509</c:v>
                </c:pt>
                <c:pt idx="690">
                  <c:v>98.739112222597683</c:v>
                </c:pt>
                <c:pt idx="691">
                  <c:v>98.735103355990262</c:v>
                </c:pt>
                <c:pt idx="692">
                  <c:v>98.731094489382869</c:v>
                </c:pt>
                <c:pt idx="693">
                  <c:v>98.727085622775448</c:v>
                </c:pt>
                <c:pt idx="694">
                  <c:v>98.723076756168041</c:v>
                </c:pt>
                <c:pt idx="695">
                  <c:v>98.71906788956062</c:v>
                </c:pt>
                <c:pt idx="696">
                  <c:v>98.715059022953227</c:v>
                </c:pt>
                <c:pt idx="697">
                  <c:v>98.711050156345792</c:v>
                </c:pt>
                <c:pt idx="698">
                  <c:v>98.707041289738399</c:v>
                </c:pt>
                <c:pt idx="699">
                  <c:v>98.703032423130992</c:v>
                </c:pt>
                <c:pt idx="700">
                  <c:v>98.699023556523571</c:v>
                </c:pt>
                <c:pt idx="701">
                  <c:v>98.695014689916135</c:v>
                </c:pt>
                <c:pt idx="702">
                  <c:v>98.690555983491407</c:v>
                </c:pt>
                <c:pt idx="703">
                  <c:v>98.686547116884</c:v>
                </c:pt>
                <c:pt idx="704">
                  <c:v>98.682538250276593</c:v>
                </c:pt>
                <c:pt idx="705">
                  <c:v>98.678529383669172</c:v>
                </c:pt>
                <c:pt idx="706">
                  <c:v>98.674957126296249</c:v>
                </c:pt>
                <c:pt idx="707">
                  <c:v>98.670948259688828</c:v>
                </c:pt>
                <c:pt idx="708">
                  <c:v>98.666939393081407</c:v>
                </c:pt>
                <c:pt idx="709">
                  <c:v>98.662930526474</c:v>
                </c:pt>
                <c:pt idx="710">
                  <c:v>98.658921659866579</c:v>
                </c:pt>
                <c:pt idx="711">
                  <c:v>98.654912793259172</c:v>
                </c:pt>
                <c:pt idx="712">
                  <c:v>98.650454086834444</c:v>
                </c:pt>
                <c:pt idx="713">
                  <c:v>98.646445220227037</c:v>
                </c:pt>
                <c:pt idx="714">
                  <c:v>98.64198651380228</c:v>
                </c:pt>
                <c:pt idx="715">
                  <c:v>98.637527807377538</c:v>
                </c:pt>
                <c:pt idx="716">
                  <c:v>98.633518940770131</c:v>
                </c:pt>
                <c:pt idx="717">
                  <c:v>98.62951007416271</c:v>
                </c:pt>
                <c:pt idx="718">
                  <c:v>98.625064598320833</c:v>
                </c:pt>
                <c:pt idx="719">
                  <c:v>98.62104250113056</c:v>
                </c:pt>
                <c:pt idx="720">
                  <c:v>98.616597025288669</c:v>
                </c:pt>
                <c:pt idx="721">
                  <c:v>98.612138318863913</c:v>
                </c:pt>
                <c:pt idx="722">
                  <c:v>98.607679612439199</c:v>
                </c:pt>
                <c:pt idx="723">
                  <c:v>98.603220906014442</c:v>
                </c:pt>
                <c:pt idx="724">
                  <c:v>98.59921203940705</c:v>
                </c:pt>
                <c:pt idx="725">
                  <c:v>98.594766563565145</c:v>
                </c:pt>
                <c:pt idx="726">
                  <c:v>98.590757696957738</c:v>
                </c:pt>
                <c:pt idx="727">
                  <c:v>98.586735599767479</c:v>
                </c:pt>
                <c:pt idx="728">
                  <c:v>98.582290123925574</c:v>
                </c:pt>
                <c:pt idx="729">
                  <c:v>98.577831417500832</c:v>
                </c:pt>
                <c:pt idx="730">
                  <c:v>98.573372711076075</c:v>
                </c:pt>
                <c:pt idx="731">
                  <c:v>98.568914004651347</c:v>
                </c:pt>
                <c:pt idx="732">
                  <c:v>98.564468528809456</c:v>
                </c:pt>
                <c:pt idx="733">
                  <c:v>98.559559982567379</c:v>
                </c:pt>
                <c:pt idx="734">
                  <c:v>98.555114506725502</c:v>
                </c:pt>
                <c:pt idx="735">
                  <c:v>98.55065580030076</c:v>
                </c:pt>
                <c:pt idx="736">
                  <c:v>98.546646933693367</c:v>
                </c:pt>
                <c:pt idx="737">
                  <c:v>98.542188227268596</c:v>
                </c:pt>
                <c:pt idx="738">
                  <c:v>98.537729520843868</c:v>
                </c:pt>
                <c:pt idx="739">
                  <c:v>98.533270814419112</c:v>
                </c:pt>
                <c:pt idx="740">
                  <c:v>98.528825338577235</c:v>
                </c:pt>
                <c:pt idx="741">
                  <c:v>98.524366632152478</c:v>
                </c:pt>
                <c:pt idx="742">
                  <c:v>98.51990792572775</c:v>
                </c:pt>
                <c:pt idx="743">
                  <c:v>98.515449219303008</c:v>
                </c:pt>
                <c:pt idx="744">
                  <c:v>98.511003743461117</c:v>
                </c:pt>
                <c:pt idx="745">
                  <c:v>98.506545037036361</c:v>
                </c:pt>
                <c:pt idx="746">
                  <c:v>98.502086330611618</c:v>
                </c:pt>
                <c:pt idx="747">
                  <c:v>98.497191014952406</c:v>
                </c:pt>
                <c:pt idx="748">
                  <c:v>98.492732308527664</c:v>
                </c:pt>
                <c:pt idx="749">
                  <c:v>98.487836992868452</c:v>
                </c:pt>
                <c:pt idx="750">
                  <c:v>98.483378286443696</c:v>
                </c:pt>
                <c:pt idx="751">
                  <c:v>98.478469740201632</c:v>
                </c:pt>
                <c:pt idx="752">
                  <c:v>98.474024264359755</c:v>
                </c:pt>
                <c:pt idx="753">
                  <c:v>98.469115718117664</c:v>
                </c:pt>
                <c:pt idx="754">
                  <c:v>98.464220402458452</c:v>
                </c:pt>
                <c:pt idx="755">
                  <c:v>98.458875246981904</c:v>
                </c:pt>
                <c:pt idx="756">
                  <c:v>98.453966700739826</c:v>
                </c:pt>
                <c:pt idx="757">
                  <c:v>98.449507994315084</c:v>
                </c:pt>
                <c:pt idx="758">
                  <c:v>98.444612678655858</c:v>
                </c:pt>
                <c:pt idx="759">
                  <c:v>98.440153972231144</c:v>
                </c:pt>
                <c:pt idx="760">
                  <c:v>98.435258656571918</c:v>
                </c:pt>
                <c:pt idx="761">
                  <c:v>98.429913501095342</c:v>
                </c:pt>
                <c:pt idx="762">
                  <c:v>98.425004954853293</c:v>
                </c:pt>
                <c:pt idx="763">
                  <c:v>98.420109639194067</c:v>
                </c:pt>
                <c:pt idx="764">
                  <c:v>98.415201092951989</c:v>
                </c:pt>
                <c:pt idx="765">
                  <c:v>98.409855937475456</c:v>
                </c:pt>
                <c:pt idx="766">
                  <c:v>98.40496062181623</c:v>
                </c:pt>
                <c:pt idx="767">
                  <c:v>98.400065306157003</c:v>
                </c:pt>
                <c:pt idx="768">
                  <c:v>98.39515675991494</c:v>
                </c:pt>
                <c:pt idx="769">
                  <c:v>98.390261444255728</c:v>
                </c:pt>
                <c:pt idx="770">
                  <c:v>98.384916288779166</c:v>
                </c:pt>
                <c:pt idx="771">
                  <c:v>98.380007742537103</c:v>
                </c:pt>
                <c:pt idx="772">
                  <c:v>98.375112426877877</c:v>
                </c:pt>
                <c:pt idx="773">
                  <c:v>98.370203880635799</c:v>
                </c:pt>
                <c:pt idx="774">
                  <c:v>98.365308564976601</c:v>
                </c:pt>
                <c:pt idx="775">
                  <c:v>98.360400018734509</c:v>
                </c:pt>
                <c:pt idx="776">
                  <c:v>98.355504703075297</c:v>
                </c:pt>
                <c:pt idx="777">
                  <c:v>98.350609387416071</c:v>
                </c:pt>
                <c:pt idx="778">
                  <c:v>98.345700841174008</c:v>
                </c:pt>
                <c:pt idx="779">
                  <c:v>98.340805525514781</c:v>
                </c:pt>
                <c:pt idx="780">
                  <c:v>98.335896979272704</c:v>
                </c:pt>
                <c:pt idx="781">
                  <c:v>98.331001663613478</c:v>
                </c:pt>
                <c:pt idx="782">
                  <c:v>98.325656508136944</c:v>
                </c:pt>
                <c:pt idx="783">
                  <c:v>98.320747961894867</c:v>
                </c:pt>
                <c:pt idx="784">
                  <c:v>98.315402806418334</c:v>
                </c:pt>
                <c:pt idx="785">
                  <c:v>98.310057650941758</c:v>
                </c:pt>
                <c:pt idx="786">
                  <c:v>98.305162335282546</c:v>
                </c:pt>
                <c:pt idx="787">
                  <c:v>98.299817179806013</c:v>
                </c:pt>
                <c:pt idx="788">
                  <c:v>98.2944587937466</c:v>
                </c:pt>
                <c:pt idx="789">
                  <c:v>98.289563478087388</c:v>
                </c:pt>
                <c:pt idx="790">
                  <c:v>98.284218322610826</c:v>
                </c:pt>
                <c:pt idx="791">
                  <c:v>98.279323006951614</c:v>
                </c:pt>
                <c:pt idx="792">
                  <c:v>98.273964620892201</c:v>
                </c:pt>
                <c:pt idx="793">
                  <c:v>98.269069305232975</c:v>
                </c:pt>
                <c:pt idx="794">
                  <c:v>98.263724149756442</c:v>
                </c:pt>
                <c:pt idx="795">
                  <c:v>98.258378994279894</c:v>
                </c:pt>
                <c:pt idx="796">
                  <c:v>98.253033838803333</c:v>
                </c:pt>
                <c:pt idx="797">
                  <c:v>98.248125292561284</c:v>
                </c:pt>
                <c:pt idx="798">
                  <c:v>98.242780137084722</c:v>
                </c:pt>
                <c:pt idx="799">
                  <c:v>98.237434981608175</c:v>
                </c:pt>
                <c:pt idx="800">
                  <c:v>98.232089826131627</c:v>
                </c:pt>
                <c:pt idx="801">
                  <c:v>98.226744670655066</c:v>
                </c:pt>
                <c:pt idx="802">
                  <c:v>98.221399515178518</c:v>
                </c:pt>
                <c:pt idx="803">
                  <c:v>98.216054359701971</c:v>
                </c:pt>
                <c:pt idx="804">
                  <c:v>98.210709204225438</c:v>
                </c:pt>
                <c:pt idx="805">
                  <c:v>98.205350818166025</c:v>
                </c:pt>
                <c:pt idx="806">
                  <c:v>98.200005662689478</c:v>
                </c:pt>
                <c:pt idx="807">
                  <c:v>98.194660507212916</c:v>
                </c:pt>
                <c:pt idx="808">
                  <c:v>98.189315351736354</c:v>
                </c:pt>
                <c:pt idx="809">
                  <c:v>98.183970196259835</c:v>
                </c:pt>
                <c:pt idx="810">
                  <c:v>98.178625040783274</c:v>
                </c:pt>
                <c:pt idx="811">
                  <c:v>98.173279885306727</c:v>
                </c:pt>
                <c:pt idx="812">
                  <c:v>98.167934729830179</c:v>
                </c:pt>
                <c:pt idx="813">
                  <c:v>98.162589574353618</c:v>
                </c:pt>
                <c:pt idx="814">
                  <c:v>98.157244418877085</c:v>
                </c:pt>
                <c:pt idx="815">
                  <c:v>98.151886032817671</c:v>
                </c:pt>
                <c:pt idx="816">
                  <c:v>98.14654087734111</c:v>
                </c:pt>
                <c:pt idx="817">
                  <c:v>98.141195721864577</c:v>
                </c:pt>
                <c:pt idx="818">
                  <c:v>98.135400726570694</c:v>
                </c:pt>
                <c:pt idx="819">
                  <c:v>98.130055571094147</c:v>
                </c:pt>
                <c:pt idx="820">
                  <c:v>98.124710415617585</c:v>
                </c:pt>
                <c:pt idx="821">
                  <c:v>98.119365260141052</c:v>
                </c:pt>
                <c:pt idx="822">
                  <c:v>98.114020104664505</c:v>
                </c:pt>
                <c:pt idx="823">
                  <c:v>98.108225109370622</c:v>
                </c:pt>
                <c:pt idx="824">
                  <c:v>98.10287995389406</c:v>
                </c:pt>
                <c:pt idx="825">
                  <c:v>98.097084958600178</c:v>
                </c:pt>
                <c:pt idx="826">
                  <c:v>98.091303193889161</c:v>
                </c:pt>
                <c:pt idx="827">
                  <c:v>98.085508198595278</c:v>
                </c:pt>
                <c:pt idx="828">
                  <c:v>98.080163043118745</c:v>
                </c:pt>
                <c:pt idx="829">
                  <c:v>98.074817887642183</c:v>
                </c:pt>
                <c:pt idx="830">
                  <c:v>98.069022892348301</c:v>
                </c:pt>
                <c:pt idx="831">
                  <c:v>98.063227897054432</c:v>
                </c:pt>
                <c:pt idx="832">
                  <c:v>98.057882741577885</c:v>
                </c:pt>
                <c:pt idx="833">
                  <c:v>98.052087746284002</c:v>
                </c:pt>
                <c:pt idx="834">
                  <c:v>98.04674259080744</c:v>
                </c:pt>
                <c:pt idx="835">
                  <c:v>98.040947595513558</c:v>
                </c:pt>
                <c:pt idx="836">
                  <c:v>98.035602440037025</c:v>
                </c:pt>
                <c:pt idx="837">
                  <c:v>98.029807444743142</c:v>
                </c:pt>
                <c:pt idx="838">
                  <c:v>98.024462289266594</c:v>
                </c:pt>
                <c:pt idx="839">
                  <c:v>98.018667293972712</c:v>
                </c:pt>
                <c:pt idx="840">
                  <c:v>98.013322138496164</c:v>
                </c:pt>
                <c:pt idx="841">
                  <c:v>98.007976983019603</c:v>
                </c:pt>
                <c:pt idx="842">
                  <c:v>98.0021952183086</c:v>
                </c:pt>
                <c:pt idx="843">
                  <c:v>97.996400223014717</c:v>
                </c:pt>
                <c:pt idx="844">
                  <c:v>97.99105506753817</c:v>
                </c:pt>
                <c:pt idx="845">
                  <c:v>97.985260072244287</c:v>
                </c:pt>
                <c:pt idx="846">
                  <c:v>97.97946507695039</c:v>
                </c:pt>
                <c:pt idx="847">
                  <c:v>97.973670081656508</c:v>
                </c:pt>
                <c:pt idx="848">
                  <c:v>97.96832492617996</c:v>
                </c:pt>
                <c:pt idx="849">
                  <c:v>97.962529930886106</c:v>
                </c:pt>
                <c:pt idx="850">
                  <c:v>97.956748166175075</c:v>
                </c:pt>
                <c:pt idx="851">
                  <c:v>97.951403010698513</c:v>
                </c:pt>
                <c:pt idx="852">
                  <c:v>97.945608015404645</c:v>
                </c:pt>
                <c:pt idx="853">
                  <c:v>97.940262859928083</c:v>
                </c:pt>
                <c:pt idx="854">
                  <c:v>97.934467864634215</c:v>
                </c:pt>
                <c:pt idx="855">
                  <c:v>97.929122709157667</c:v>
                </c:pt>
                <c:pt idx="856">
                  <c:v>97.923327713863785</c:v>
                </c:pt>
                <c:pt idx="857">
                  <c:v>97.917982558387223</c:v>
                </c:pt>
                <c:pt idx="858">
                  <c:v>97.91218756309334</c:v>
                </c:pt>
                <c:pt idx="859">
                  <c:v>97.906842407616793</c:v>
                </c:pt>
                <c:pt idx="860">
                  <c:v>97.901497252140246</c:v>
                </c:pt>
                <c:pt idx="861">
                  <c:v>97.895702256846377</c:v>
                </c:pt>
                <c:pt idx="862">
                  <c:v>97.889907261552494</c:v>
                </c:pt>
                <c:pt idx="863">
                  <c:v>97.884125496841477</c:v>
                </c:pt>
                <c:pt idx="864">
                  <c:v>97.878767110782064</c:v>
                </c:pt>
                <c:pt idx="865">
                  <c:v>97.872985346071033</c:v>
                </c:pt>
                <c:pt idx="866">
                  <c:v>97.86719035077715</c:v>
                </c:pt>
                <c:pt idx="867">
                  <c:v>97.861395355483282</c:v>
                </c:pt>
                <c:pt idx="868">
                  <c:v>97.85605020000672</c:v>
                </c:pt>
                <c:pt idx="869">
                  <c:v>97.850705044530173</c:v>
                </c:pt>
                <c:pt idx="870">
                  <c:v>97.84535988905364</c:v>
                </c:pt>
                <c:pt idx="871">
                  <c:v>97.839564893759757</c:v>
                </c:pt>
                <c:pt idx="872">
                  <c:v>97.834219738283196</c:v>
                </c:pt>
                <c:pt idx="873">
                  <c:v>97.828424742989313</c:v>
                </c:pt>
                <c:pt idx="874">
                  <c:v>97.822629747695444</c:v>
                </c:pt>
                <c:pt idx="875">
                  <c:v>97.816847982984413</c:v>
                </c:pt>
                <c:pt idx="876">
                  <c:v>97.811052987690545</c:v>
                </c:pt>
                <c:pt idx="877">
                  <c:v>97.805257992396662</c:v>
                </c:pt>
                <c:pt idx="878">
                  <c:v>97.799462997102765</c:v>
                </c:pt>
                <c:pt idx="879">
                  <c:v>97.793231392574427</c:v>
                </c:pt>
                <c:pt idx="880">
                  <c:v>97.78743639728053</c:v>
                </c:pt>
                <c:pt idx="881">
                  <c:v>97.781641401986647</c:v>
                </c:pt>
                <c:pt idx="882">
                  <c:v>97.77584640669275</c:v>
                </c:pt>
                <c:pt idx="883">
                  <c:v>97.770064641981762</c:v>
                </c:pt>
                <c:pt idx="884">
                  <c:v>97.764269646687879</c:v>
                </c:pt>
                <c:pt idx="885">
                  <c:v>97.758024811576661</c:v>
                </c:pt>
                <c:pt idx="886">
                  <c:v>97.752243046865644</c:v>
                </c:pt>
                <c:pt idx="887">
                  <c:v>97.746448051571761</c:v>
                </c:pt>
                <c:pt idx="888">
                  <c:v>97.740203216460543</c:v>
                </c:pt>
                <c:pt idx="889">
                  <c:v>97.734421451749512</c:v>
                </c:pt>
                <c:pt idx="890">
                  <c:v>97.728176616638322</c:v>
                </c:pt>
                <c:pt idx="891">
                  <c:v>97.721945012109956</c:v>
                </c:pt>
                <c:pt idx="892">
                  <c:v>97.716150016816073</c:v>
                </c:pt>
                <c:pt idx="893">
                  <c:v>97.709918412287735</c:v>
                </c:pt>
                <c:pt idx="894">
                  <c:v>97.704123416993852</c:v>
                </c:pt>
                <c:pt idx="895">
                  <c:v>97.69787858188262</c:v>
                </c:pt>
                <c:pt idx="896">
                  <c:v>97.691646977354267</c:v>
                </c:pt>
                <c:pt idx="897">
                  <c:v>97.685402142243049</c:v>
                </c:pt>
                <c:pt idx="898">
                  <c:v>97.679620377532046</c:v>
                </c:pt>
                <c:pt idx="899">
                  <c:v>97.673825382238149</c:v>
                </c:pt>
                <c:pt idx="900">
                  <c:v>97.667580547126946</c:v>
                </c:pt>
                <c:pt idx="901">
                  <c:v>97.661798782415914</c:v>
                </c:pt>
                <c:pt idx="902">
                  <c:v>97.656003787122032</c:v>
                </c:pt>
                <c:pt idx="903">
                  <c:v>97.649758952010828</c:v>
                </c:pt>
                <c:pt idx="904">
                  <c:v>97.643977187299797</c:v>
                </c:pt>
                <c:pt idx="905">
                  <c:v>97.637732352188593</c:v>
                </c:pt>
                <c:pt idx="906">
                  <c:v>97.631500747660226</c:v>
                </c:pt>
                <c:pt idx="907">
                  <c:v>97.625705752366343</c:v>
                </c:pt>
                <c:pt idx="908">
                  <c:v>97.619460917255168</c:v>
                </c:pt>
                <c:pt idx="909">
                  <c:v>97.613229312726787</c:v>
                </c:pt>
                <c:pt idx="910">
                  <c:v>97.607434317432904</c:v>
                </c:pt>
                <c:pt idx="911">
                  <c:v>97.601202712904566</c:v>
                </c:pt>
                <c:pt idx="912">
                  <c:v>97.594957877793334</c:v>
                </c:pt>
                <c:pt idx="913">
                  <c:v>97.588726273264996</c:v>
                </c:pt>
                <c:pt idx="914">
                  <c:v>97.582931277971113</c:v>
                </c:pt>
                <c:pt idx="915">
                  <c:v>97.576699673442761</c:v>
                </c:pt>
                <c:pt idx="916">
                  <c:v>97.570454838331528</c:v>
                </c:pt>
                <c:pt idx="917">
                  <c:v>97.56422323380319</c:v>
                </c:pt>
                <c:pt idx="918">
                  <c:v>97.557978398691986</c:v>
                </c:pt>
                <c:pt idx="919">
                  <c:v>97.551296954346284</c:v>
                </c:pt>
                <c:pt idx="920">
                  <c:v>97.545065349817932</c:v>
                </c:pt>
                <c:pt idx="921">
                  <c:v>97.538820514706728</c:v>
                </c:pt>
                <c:pt idx="922">
                  <c:v>97.532588910178362</c:v>
                </c:pt>
                <c:pt idx="923">
                  <c:v>97.526344075067158</c:v>
                </c:pt>
                <c:pt idx="924">
                  <c:v>97.520112470538791</c:v>
                </c:pt>
                <c:pt idx="925">
                  <c:v>97.513867635427601</c:v>
                </c:pt>
                <c:pt idx="926">
                  <c:v>97.507636030899235</c:v>
                </c:pt>
                <c:pt idx="927">
                  <c:v>97.501404426370868</c:v>
                </c:pt>
                <c:pt idx="928">
                  <c:v>97.495159591259664</c:v>
                </c:pt>
                <c:pt idx="929">
                  <c:v>97.488927986731298</c:v>
                </c:pt>
                <c:pt idx="930">
                  <c:v>97.482683151620094</c:v>
                </c:pt>
                <c:pt idx="931">
                  <c:v>97.476451547091742</c:v>
                </c:pt>
                <c:pt idx="932">
                  <c:v>97.469770102746054</c:v>
                </c:pt>
                <c:pt idx="933">
                  <c:v>97.46352526763485</c:v>
                </c:pt>
                <c:pt idx="934">
                  <c:v>97.456843823289162</c:v>
                </c:pt>
                <c:pt idx="935">
                  <c:v>97.45061221876081</c:v>
                </c:pt>
                <c:pt idx="936">
                  <c:v>97.443917543832256</c:v>
                </c:pt>
                <c:pt idx="937">
                  <c:v>97.437685939303904</c:v>
                </c:pt>
                <c:pt idx="938">
                  <c:v>97.431004494958231</c:v>
                </c:pt>
                <c:pt idx="939">
                  <c:v>97.424323050612543</c:v>
                </c:pt>
                <c:pt idx="940">
                  <c:v>97.418078215501325</c:v>
                </c:pt>
                <c:pt idx="941">
                  <c:v>97.411396771155651</c:v>
                </c:pt>
                <c:pt idx="942">
                  <c:v>97.405165166627285</c:v>
                </c:pt>
                <c:pt idx="943">
                  <c:v>97.398483722281597</c:v>
                </c:pt>
                <c:pt idx="944">
                  <c:v>97.392238887170393</c:v>
                </c:pt>
                <c:pt idx="945">
                  <c:v>97.385557442824705</c:v>
                </c:pt>
                <c:pt idx="946">
                  <c:v>97.379312607713473</c:v>
                </c:pt>
                <c:pt idx="947">
                  <c:v>97.372631163367799</c:v>
                </c:pt>
                <c:pt idx="948">
                  <c:v>97.365949719022126</c:v>
                </c:pt>
                <c:pt idx="949">
                  <c:v>97.359268274676438</c:v>
                </c:pt>
                <c:pt idx="950">
                  <c:v>97.352586830330736</c:v>
                </c:pt>
                <c:pt idx="951">
                  <c:v>97.345905385985063</c:v>
                </c:pt>
                <c:pt idx="952">
                  <c:v>97.33877410182204</c:v>
                </c:pt>
                <c:pt idx="953">
                  <c:v>97.332092657476352</c:v>
                </c:pt>
                <c:pt idx="954">
                  <c:v>97.325411213130664</c:v>
                </c:pt>
                <c:pt idx="955">
                  <c:v>97.318279928967641</c:v>
                </c:pt>
                <c:pt idx="956">
                  <c:v>97.311598484621982</c:v>
                </c:pt>
                <c:pt idx="957">
                  <c:v>97.304467200458944</c:v>
                </c:pt>
                <c:pt idx="958">
                  <c:v>97.297785756113271</c:v>
                </c:pt>
                <c:pt idx="959">
                  <c:v>97.291104311767569</c:v>
                </c:pt>
                <c:pt idx="960">
                  <c:v>97.284422867421895</c:v>
                </c:pt>
                <c:pt idx="961">
                  <c:v>97.277291583258886</c:v>
                </c:pt>
                <c:pt idx="962">
                  <c:v>97.270610138913185</c:v>
                </c:pt>
                <c:pt idx="963">
                  <c:v>97.263928694567497</c:v>
                </c:pt>
                <c:pt idx="964">
                  <c:v>97.256797410404488</c:v>
                </c:pt>
                <c:pt idx="965">
                  <c:v>97.249666126241451</c:v>
                </c:pt>
                <c:pt idx="966">
                  <c:v>97.242984681895777</c:v>
                </c:pt>
                <c:pt idx="967">
                  <c:v>97.235853397732768</c:v>
                </c:pt>
                <c:pt idx="968">
                  <c:v>97.228722113569731</c:v>
                </c:pt>
                <c:pt idx="969">
                  <c:v>97.221590829406722</c:v>
                </c:pt>
                <c:pt idx="970">
                  <c:v>97.214472775826565</c:v>
                </c:pt>
                <c:pt idx="971">
                  <c:v>97.207341491663541</c:v>
                </c:pt>
                <c:pt idx="972">
                  <c:v>97.200210207500533</c:v>
                </c:pt>
                <c:pt idx="973">
                  <c:v>97.193078923337495</c:v>
                </c:pt>
                <c:pt idx="974">
                  <c:v>97.185947639174501</c:v>
                </c:pt>
                <c:pt idx="975">
                  <c:v>97.178829585594343</c:v>
                </c:pt>
                <c:pt idx="976">
                  <c:v>97.171698301431306</c:v>
                </c:pt>
                <c:pt idx="977">
                  <c:v>97.164567017268297</c:v>
                </c:pt>
                <c:pt idx="978">
                  <c:v>97.156999123870818</c:v>
                </c:pt>
                <c:pt idx="979">
                  <c:v>97.149867839707781</c:v>
                </c:pt>
                <c:pt idx="980">
                  <c:v>97.142736555544758</c:v>
                </c:pt>
                <c:pt idx="981">
                  <c:v>97.135605271381735</c:v>
                </c:pt>
                <c:pt idx="982">
                  <c:v>97.12847398721874</c:v>
                </c:pt>
                <c:pt idx="983">
                  <c:v>97.121355933638583</c:v>
                </c:pt>
                <c:pt idx="984">
                  <c:v>97.113774809658224</c:v>
                </c:pt>
                <c:pt idx="985">
                  <c:v>97.106643525495201</c:v>
                </c:pt>
                <c:pt idx="986">
                  <c:v>97.099075632097723</c:v>
                </c:pt>
                <c:pt idx="987">
                  <c:v>97.091944347934685</c:v>
                </c:pt>
                <c:pt idx="988">
                  <c:v>97.084363223954355</c:v>
                </c:pt>
                <c:pt idx="989">
                  <c:v>97.077245170374184</c:v>
                </c:pt>
                <c:pt idx="990">
                  <c:v>97.070113886211175</c:v>
                </c:pt>
                <c:pt idx="991">
                  <c:v>97.062532762230816</c:v>
                </c:pt>
                <c:pt idx="992">
                  <c:v>97.055414708650659</c:v>
                </c:pt>
                <c:pt idx="993">
                  <c:v>97.0478335846703</c:v>
                </c:pt>
                <c:pt idx="994">
                  <c:v>97.040265691272822</c:v>
                </c:pt>
                <c:pt idx="995">
                  <c:v>97.032684567292478</c:v>
                </c:pt>
                <c:pt idx="996">
                  <c:v>97.025116673894971</c:v>
                </c:pt>
                <c:pt idx="997">
                  <c:v>97.017535549914612</c:v>
                </c:pt>
                <c:pt idx="998">
                  <c:v>97.009967656517148</c:v>
                </c:pt>
                <c:pt idx="999">
                  <c:v>97.001949923302305</c:v>
                </c:pt>
                <c:pt idx="1000">
                  <c:v>96.994368799321961</c:v>
                </c:pt>
                <c:pt idx="1001">
                  <c:v>96.986351066107133</c:v>
                </c:pt>
                <c:pt idx="1002">
                  <c:v>96.978769942126789</c:v>
                </c:pt>
                <c:pt idx="1003">
                  <c:v>96.970752208911961</c:v>
                </c:pt>
                <c:pt idx="1004">
                  <c:v>96.962734475697133</c:v>
                </c:pt>
                <c:pt idx="1005">
                  <c:v>96.954716742482333</c:v>
                </c:pt>
                <c:pt idx="1006">
                  <c:v>96.946249169450155</c:v>
                </c:pt>
                <c:pt idx="1007">
                  <c:v>96.938231436235341</c:v>
                </c:pt>
                <c:pt idx="1008">
                  <c:v>96.929763863203192</c:v>
                </c:pt>
                <c:pt idx="1009">
                  <c:v>96.921746129988378</c:v>
                </c:pt>
                <c:pt idx="1010">
                  <c:v>96.9132785569562</c:v>
                </c:pt>
                <c:pt idx="1011">
                  <c:v>96.905260823741372</c:v>
                </c:pt>
                <c:pt idx="1012">
                  <c:v>96.896793250709237</c:v>
                </c:pt>
                <c:pt idx="1013">
                  <c:v>96.888325677677059</c:v>
                </c:pt>
                <c:pt idx="1014">
                  <c:v>96.879421495410455</c:v>
                </c:pt>
                <c:pt idx="1015">
                  <c:v>96.870953922378291</c:v>
                </c:pt>
                <c:pt idx="1016">
                  <c:v>96.862486349346128</c:v>
                </c:pt>
                <c:pt idx="1017">
                  <c:v>96.854018776313993</c:v>
                </c:pt>
                <c:pt idx="1018">
                  <c:v>96.845564433864681</c:v>
                </c:pt>
                <c:pt idx="1019">
                  <c:v>96.836647021015196</c:v>
                </c:pt>
                <c:pt idx="1020">
                  <c:v>96.828179447983047</c:v>
                </c:pt>
                <c:pt idx="1021">
                  <c:v>96.819275265716414</c:v>
                </c:pt>
                <c:pt idx="1022">
                  <c:v>96.81080769268425</c:v>
                </c:pt>
                <c:pt idx="1023">
                  <c:v>96.80189027983478</c:v>
                </c:pt>
                <c:pt idx="1024">
                  <c:v>96.792986097568132</c:v>
                </c:pt>
                <c:pt idx="1025">
                  <c:v>96.784518524535983</c:v>
                </c:pt>
                <c:pt idx="1026">
                  <c:v>96.776050951503834</c:v>
                </c:pt>
                <c:pt idx="1027">
                  <c:v>96.767146769237215</c:v>
                </c:pt>
                <c:pt idx="1028">
                  <c:v>96.758679196205065</c:v>
                </c:pt>
                <c:pt idx="1029">
                  <c:v>96.750211623172888</c:v>
                </c:pt>
                <c:pt idx="1030">
                  <c:v>96.741294210323403</c:v>
                </c:pt>
                <c:pt idx="1031">
                  <c:v>96.732390028056784</c:v>
                </c:pt>
                <c:pt idx="1032">
                  <c:v>96.723472615207285</c:v>
                </c:pt>
                <c:pt idx="1033">
                  <c:v>96.714118593123345</c:v>
                </c:pt>
                <c:pt idx="1034">
                  <c:v>96.704764571039377</c:v>
                </c:pt>
                <c:pt idx="1035">
                  <c:v>96.695410548955408</c:v>
                </c:pt>
                <c:pt idx="1036">
                  <c:v>96.68605652687144</c:v>
                </c:pt>
                <c:pt idx="1037">
                  <c:v>96.676702504787499</c:v>
                </c:pt>
                <c:pt idx="1038">
                  <c:v>96.666898642886196</c:v>
                </c:pt>
                <c:pt idx="1039">
                  <c:v>96.657544620802241</c:v>
                </c:pt>
                <c:pt idx="1040">
                  <c:v>96.647740758900952</c:v>
                </c:pt>
                <c:pt idx="1041">
                  <c:v>96.637487057182312</c:v>
                </c:pt>
                <c:pt idx="1042">
                  <c:v>96.627246586046539</c:v>
                </c:pt>
                <c:pt idx="1043">
                  <c:v>96.617442724145278</c:v>
                </c:pt>
                <c:pt idx="1044">
                  <c:v>96.607189022426638</c:v>
                </c:pt>
                <c:pt idx="1045">
                  <c:v>96.597385160525349</c:v>
                </c:pt>
                <c:pt idx="1046">
                  <c:v>96.587144689389575</c:v>
                </c:pt>
                <c:pt idx="1047">
                  <c:v>96.57689098767095</c:v>
                </c:pt>
                <c:pt idx="1048">
                  <c:v>96.566200676717855</c:v>
                </c:pt>
                <c:pt idx="1049">
                  <c:v>96.555960205582096</c:v>
                </c:pt>
                <c:pt idx="1050">
                  <c:v>96.545256664046121</c:v>
                </c:pt>
                <c:pt idx="1051">
                  <c:v>96.534566353093027</c:v>
                </c:pt>
                <c:pt idx="1052">
                  <c:v>96.523876042139946</c:v>
                </c:pt>
                <c:pt idx="1053">
                  <c:v>96.513185731186852</c:v>
                </c:pt>
                <c:pt idx="1054">
                  <c:v>96.502045580416407</c:v>
                </c:pt>
                <c:pt idx="1055">
                  <c:v>96.490905429645977</c:v>
                </c:pt>
                <c:pt idx="1056">
                  <c:v>96.479765278875533</c:v>
                </c:pt>
                <c:pt idx="1057">
                  <c:v>96.468625128105131</c:v>
                </c:pt>
                <c:pt idx="1058">
                  <c:v>96.457048368100217</c:v>
                </c:pt>
                <c:pt idx="1059">
                  <c:v>96.445908217329787</c:v>
                </c:pt>
                <c:pt idx="1060">
                  <c:v>96.43431822674205</c:v>
                </c:pt>
                <c:pt idx="1061">
                  <c:v>96.422741466737122</c:v>
                </c:pt>
                <c:pt idx="1062">
                  <c:v>96.410701636332035</c:v>
                </c:pt>
                <c:pt idx="1063">
                  <c:v>96.3986750365098</c:v>
                </c:pt>
                <c:pt idx="1064">
                  <c:v>96.386648436687565</c:v>
                </c:pt>
                <c:pt idx="1065">
                  <c:v>96.374621836865344</c:v>
                </c:pt>
                <c:pt idx="1066">
                  <c:v>96.362595237043095</c:v>
                </c:pt>
                <c:pt idx="1067">
                  <c:v>96.350118797403525</c:v>
                </c:pt>
                <c:pt idx="1068">
                  <c:v>96.337642357763968</c:v>
                </c:pt>
                <c:pt idx="1069">
                  <c:v>96.324716078307048</c:v>
                </c:pt>
                <c:pt idx="1070">
                  <c:v>96.311803029433008</c:v>
                </c:pt>
                <c:pt idx="1071">
                  <c:v>96.298876749976131</c:v>
                </c:pt>
                <c:pt idx="1072">
                  <c:v>96.285513861284741</c:v>
                </c:pt>
                <c:pt idx="1073">
                  <c:v>96.272137742010514</c:v>
                </c:pt>
                <c:pt idx="1074">
                  <c:v>96.258774853319167</c:v>
                </c:pt>
                <c:pt idx="1075">
                  <c:v>96.245411964627763</c:v>
                </c:pt>
                <c:pt idx="1076">
                  <c:v>96.232049075936402</c:v>
                </c:pt>
                <c:pt idx="1077">
                  <c:v>96.218672956662175</c:v>
                </c:pt>
                <c:pt idx="1078">
                  <c:v>96.205759907788121</c:v>
                </c:pt>
                <c:pt idx="1079">
                  <c:v>96.191947179279438</c:v>
                </c:pt>
                <c:pt idx="1080">
                  <c:v>96.178134450770727</c:v>
                </c:pt>
                <c:pt idx="1081">
                  <c:v>96.163871882444681</c:v>
                </c:pt>
                <c:pt idx="1082">
                  <c:v>96.15005915393597</c:v>
                </c:pt>
                <c:pt idx="1083">
                  <c:v>96.135809816192804</c:v>
                </c:pt>
                <c:pt idx="1084">
                  <c:v>96.121547247866772</c:v>
                </c:pt>
                <c:pt idx="1085">
                  <c:v>96.106848070306256</c:v>
                </c:pt>
                <c:pt idx="1086">
                  <c:v>96.092148892745755</c:v>
                </c:pt>
                <c:pt idx="1087">
                  <c:v>96.077436484602401</c:v>
                </c:pt>
                <c:pt idx="1088">
                  <c:v>96.062287467224536</c:v>
                </c:pt>
                <c:pt idx="1089">
                  <c:v>96.046701840612229</c:v>
                </c:pt>
                <c:pt idx="1090">
                  <c:v>96.030653143599721</c:v>
                </c:pt>
                <c:pt idx="1091">
                  <c:v>96.014617677170065</c:v>
                </c:pt>
                <c:pt idx="1092">
                  <c:v>95.998582210740437</c:v>
                </c:pt>
                <c:pt idx="1093">
                  <c:v>95.982546744310795</c:v>
                </c:pt>
                <c:pt idx="1094">
                  <c:v>95.966061438063818</c:v>
                </c:pt>
                <c:pt idx="1095">
                  <c:v>95.949576131816841</c:v>
                </c:pt>
                <c:pt idx="1096">
                  <c:v>95.932640985752514</c:v>
                </c:pt>
                <c:pt idx="1097">
                  <c:v>95.915705839688201</c:v>
                </c:pt>
                <c:pt idx="1098">
                  <c:v>95.898783924206754</c:v>
                </c:pt>
                <c:pt idx="1099">
                  <c:v>95.880962329090636</c:v>
                </c:pt>
                <c:pt idx="1100">
                  <c:v>95.863140733974518</c:v>
                </c:pt>
                <c:pt idx="1101">
                  <c:v>95.844869299041065</c:v>
                </c:pt>
                <c:pt idx="1102">
                  <c:v>95.826597864107626</c:v>
                </c:pt>
                <c:pt idx="1103">
                  <c:v>95.807889819939703</c:v>
                </c:pt>
                <c:pt idx="1104">
                  <c:v>95.789168545188929</c:v>
                </c:pt>
                <c:pt idx="1105">
                  <c:v>95.770460501021006</c:v>
                </c:pt>
                <c:pt idx="1106">
                  <c:v>95.751302617035748</c:v>
                </c:pt>
                <c:pt idx="1107">
                  <c:v>95.731694893233168</c:v>
                </c:pt>
                <c:pt idx="1108">
                  <c:v>95.712100400013441</c:v>
                </c:pt>
                <c:pt idx="1109">
                  <c:v>95.692042836393526</c:v>
                </c:pt>
                <c:pt idx="1110">
                  <c:v>95.671548663539127</c:v>
                </c:pt>
                <c:pt idx="1111">
                  <c:v>95.651054490684743</c:v>
                </c:pt>
                <c:pt idx="1112">
                  <c:v>95.630560317830344</c:v>
                </c:pt>
                <c:pt idx="1113">
                  <c:v>95.608729856106834</c:v>
                </c:pt>
                <c:pt idx="1114">
                  <c:v>95.586899394383295</c:v>
                </c:pt>
                <c:pt idx="1115">
                  <c:v>95.56506893265977</c:v>
                </c:pt>
                <c:pt idx="1116">
                  <c:v>95.543238470936245</c:v>
                </c:pt>
                <c:pt idx="1117">
                  <c:v>95.52050832957805</c:v>
                </c:pt>
                <c:pt idx="1118">
                  <c:v>95.497791418802734</c:v>
                </c:pt>
                <c:pt idx="1119">
                  <c:v>95.475061277444539</c:v>
                </c:pt>
                <c:pt idx="1120">
                  <c:v>95.451894526851873</c:v>
                </c:pt>
                <c:pt idx="1121">
                  <c:v>95.428727776259208</c:v>
                </c:pt>
                <c:pt idx="1122">
                  <c:v>95.404674576614738</c:v>
                </c:pt>
                <c:pt idx="1123">
                  <c:v>95.380608146387416</c:v>
                </c:pt>
                <c:pt idx="1124">
                  <c:v>95.356554946742946</c:v>
                </c:pt>
                <c:pt idx="1125">
                  <c:v>95.331602067463805</c:v>
                </c:pt>
                <c:pt idx="1126">
                  <c:v>95.306649188184679</c:v>
                </c:pt>
                <c:pt idx="1127">
                  <c:v>95.281696308905524</c:v>
                </c:pt>
                <c:pt idx="1128">
                  <c:v>95.255856980574592</c:v>
                </c:pt>
                <c:pt idx="1129">
                  <c:v>95.230017652243646</c:v>
                </c:pt>
                <c:pt idx="1130">
                  <c:v>95.204178323912728</c:v>
                </c:pt>
                <c:pt idx="1131">
                  <c:v>95.177889155764461</c:v>
                </c:pt>
                <c:pt idx="1132">
                  <c:v>95.15159998761618</c:v>
                </c:pt>
                <c:pt idx="1133">
                  <c:v>95.124424370416108</c:v>
                </c:pt>
                <c:pt idx="1134">
                  <c:v>95.097248753216022</c:v>
                </c:pt>
                <c:pt idx="1135">
                  <c:v>95.069623296198628</c:v>
                </c:pt>
                <c:pt idx="1136">
                  <c:v>95.041547999363871</c:v>
                </c:pt>
                <c:pt idx="1137">
                  <c:v>95.012586253477323</c:v>
                </c:pt>
                <c:pt idx="1138">
                  <c:v>94.983637738173641</c:v>
                </c:pt>
                <c:pt idx="1139">
                  <c:v>94.954675992287093</c:v>
                </c:pt>
                <c:pt idx="1140">
                  <c:v>94.924814566765875</c:v>
                </c:pt>
                <c:pt idx="1141">
                  <c:v>94.894516532010215</c:v>
                </c:pt>
                <c:pt idx="1142">
                  <c:v>94.864231727837392</c:v>
                </c:pt>
                <c:pt idx="1143">
                  <c:v>94.833034013447033</c:v>
                </c:pt>
                <c:pt idx="1144">
                  <c:v>94.801849529639554</c:v>
                </c:pt>
                <c:pt idx="1145">
                  <c:v>94.770215206014711</c:v>
                </c:pt>
                <c:pt idx="1146">
                  <c:v>94.738580882389911</c:v>
                </c:pt>
                <c:pt idx="1147">
                  <c:v>94.706509949530627</c:v>
                </c:pt>
                <c:pt idx="1148">
                  <c:v>94.673975946271142</c:v>
                </c:pt>
                <c:pt idx="1149">
                  <c:v>94.641005333777187</c:v>
                </c:pt>
                <c:pt idx="1150">
                  <c:v>94.608484561100553</c:v>
                </c:pt>
                <c:pt idx="1151">
                  <c:v>94.575513948606599</c:v>
                </c:pt>
                <c:pt idx="1152">
                  <c:v>94.542093496295308</c:v>
                </c:pt>
                <c:pt idx="1153">
                  <c:v>94.508686274566884</c:v>
                </c:pt>
                <c:pt idx="1154">
                  <c:v>94.474815982438258</c:v>
                </c:pt>
                <c:pt idx="1155">
                  <c:v>94.440509081075149</c:v>
                </c:pt>
                <c:pt idx="1156">
                  <c:v>94.405765570477612</c:v>
                </c:pt>
                <c:pt idx="1157">
                  <c:v>94.371008829297182</c:v>
                </c:pt>
                <c:pt idx="1158">
                  <c:v>94.336252088116737</c:v>
                </c:pt>
                <c:pt idx="1159">
                  <c:v>94.300608897884501</c:v>
                </c:pt>
                <c:pt idx="1160">
                  <c:v>94.265415547469615</c:v>
                </c:pt>
                <c:pt idx="1161">
                  <c:v>94.229322517420059</c:v>
                </c:pt>
                <c:pt idx="1162">
                  <c:v>94.193242717953353</c:v>
                </c:pt>
                <c:pt idx="1163">
                  <c:v>94.156263238851977</c:v>
                </c:pt>
                <c:pt idx="1164">
                  <c:v>94.119720368985085</c:v>
                </c:pt>
                <c:pt idx="1165">
                  <c:v>94.082740889883695</c:v>
                </c:pt>
                <c:pt idx="1166">
                  <c:v>94.045761410782347</c:v>
                </c:pt>
                <c:pt idx="1167">
                  <c:v>94.00833209186365</c:v>
                </c:pt>
                <c:pt idx="1168">
                  <c:v>93.970916003527819</c:v>
                </c:pt>
                <c:pt idx="1169">
                  <c:v>93.933486684609107</c:v>
                </c:pt>
                <c:pt idx="1170">
                  <c:v>93.895620756455912</c:v>
                </c:pt>
                <c:pt idx="1171">
                  <c:v>93.857741597719894</c:v>
                </c:pt>
                <c:pt idx="1172">
                  <c:v>93.819875669566727</c:v>
                </c:pt>
                <c:pt idx="1173">
                  <c:v>93.781559901596225</c:v>
                </c:pt>
                <c:pt idx="1174">
                  <c:v>93.743244133625709</c:v>
                </c:pt>
                <c:pt idx="1175">
                  <c:v>93.704928365655221</c:v>
                </c:pt>
                <c:pt idx="1176">
                  <c:v>93.666162757867383</c:v>
                </c:pt>
                <c:pt idx="1177">
                  <c:v>93.627397150079545</c:v>
                </c:pt>
                <c:pt idx="1178">
                  <c:v>93.588631542291694</c:v>
                </c:pt>
                <c:pt idx="1179">
                  <c:v>93.549879165086722</c:v>
                </c:pt>
                <c:pt idx="1180">
                  <c:v>93.510663717481535</c:v>
                </c:pt>
                <c:pt idx="1181">
                  <c:v>93.471011660641906</c:v>
                </c:pt>
                <c:pt idx="1182">
                  <c:v>93.431809443619613</c:v>
                </c:pt>
                <c:pt idx="1183">
                  <c:v>93.392593996014426</c:v>
                </c:pt>
                <c:pt idx="1184">
                  <c:v>93.352941939174784</c:v>
                </c:pt>
                <c:pt idx="1185">
                  <c:v>93.313739722152476</c:v>
                </c:pt>
                <c:pt idx="1186">
                  <c:v>93.274524274547304</c:v>
                </c:pt>
                <c:pt idx="1187">
                  <c:v>93.235322057524982</c:v>
                </c:pt>
                <c:pt idx="1188">
                  <c:v>93.196106609919809</c:v>
                </c:pt>
                <c:pt idx="1189">
                  <c:v>93.156904392897502</c:v>
                </c:pt>
                <c:pt idx="1190">
                  <c:v>93.117702175875195</c:v>
                </c:pt>
                <c:pt idx="1191">
                  <c:v>93.078486728270036</c:v>
                </c:pt>
                <c:pt idx="1192">
                  <c:v>93.039284511247729</c:v>
                </c:pt>
                <c:pt idx="1193">
                  <c:v>93.000069063642542</c:v>
                </c:pt>
                <c:pt idx="1194">
                  <c:v>92.96086684662022</c:v>
                </c:pt>
                <c:pt idx="1195">
                  <c:v>92.921651399015062</c:v>
                </c:pt>
                <c:pt idx="1196">
                  <c:v>92.882899021810076</c:v>
                </c:pt>
                <c:pt idx="1197">
                  <c:v>92.843683574204917</c:v>
                </c:pt>
                <c:pt idx="1198">
                  <c:v>92.804917966417079</c:v>
                </c:pt>
                <c:pt idx="1199">
                  <c:v>92.766165589212108</c:v>
                </c:pt>
                <c:pt idx="1200">
                  <c:v>92.727849821241591</c:v>
                </c:pt>
                <c:pt idx="1201">
                  <c:v>92.689084213453754</c:v>
                </c:pt>
                <c:pt idx="1202">
                  <c:v>92.65031860566593</c:v>
                </c:pt>
                <c:pt idx="1203">
                  <c:v>92.612002837695414</c:v>
                </c:pt>
                <c:pt idx="1204">
                  <c:v>92.573687069724912</c:v>
                </c:pt>
                <c:pt idx="1205">
                  <c:v>92.535821141571745</c:v>
                </c:pt>
                <c:pt idx="1206">
                  <c:v>92.497505373601243</c:v>
                </c:pt>
                <c:pt idx="1207">
                  <c:v>92.459626214865196</c:v>
                </c:pt>
                <c:pt idx="1208">
                  <c:v>92.422196895946499</c:v>
                </c:pt>
                <c:pt idx="1209">
                  <c:v>92.384330967793332</c:v>
                </c:pt>
                <c:pt idx="1210">
                  <c:v>92.346901648874606</c:v>
                </c:pt>
                <c:pt idx="1211">
                  <c:v>92.309485560538789</c:v>
                </c:pt>
                <c:pt idx="1212">
                  <c:v>92.272506081437413</c:v>
                </c:pt>
                <c:pt idx="1213">
                  <c:v>92.235076762518716</c:v>
                </c:pt>
                <c:pt idx="1214">
                  <c:v>92.19809728341734</c:v>
                </c:pt>
                <c:pt idx="1215">
                  <c:v>92.161554413550462</c:v>
                </c:pt>
                <c:pt idx="1216">
                  <c:v>92.125474614083743</c:v>
                </c:pt>
                <c:pt idx="1217">
                  <c:v>92.08893174421685</c:v>
                </c:pt>
                <c:pt idx="1218">
                  <c:v>92.053288553984629</c:v>
                </c:pt>
                <c:pt idx="1219">
                  <c:v>92.017645363752393</c:v>
                </c:pt>
                <c:pt idx="1220">
                  <c:v>91.982002173520144</c:v>
                </c:pt>
                <c:pt idx="1221">
                  <c:v>91.946808823105258</c:v>
                </c:pt>
                <c:pt idx="1222">
                  <c:v>91.911615472690372</c:v>
                </c:pt>
                <c:pt idx="1223">
                  <c:v>91.876858731509927</c:v>
                </c:pt>
                <c:pt idx="1224">
                  <c:v>91.841665381095041</c:v>
                </c:pt>
                <c:pt idx="1225">
                  <c:v>91.806908639914596</c:v>
                </c:pt>
                <c:pt idx="1226">
                  <c:v>91.772601738551501</c:v>
                </c:pt>
                <c:pt idx="1227">
                  <c:v>91.73829483718842</c:v>
                </c:pt>
                <c:pt idx="1228">
                  <c:v>91.703987935825324</c:v>
                </c:pt>
                <c:pt idx="1229">
                  <c:v>91.669681034462229</c:v>
                </c:pt>
                <c:pt idx="1230">
                  <c:v>91.635823972916469</c:v>
                </c:pt>
                <c:pt idx="1231">
                  <c:v>91.601517071553374</c:v>
                </c:pt>
                <c:pt idx="1232">
                  <c:v>91.567646779424749</c:v>
                </c:pt>
                <c:pt idx="1233">
                  <c:v>91.533789717878989</c:v>
                </c:pt>
                <c:pt idx="1234">
                  <c:v>91.500369265567699</c:v>
                </c:pt>
                <c:pt idx="1235">
                  <c:v>91.466962043839288</c:v>
                </c:pt>
                <c:pt idx="1236">
                  <c:v>91.433991431345319</c:v>
                </c:pt>
                <c:pt idx="1237">
                  <c:v>91.401020818851364</c:v>
                </c:pt>
                <c:pt idx="1238">
                  <c:v>91.368050206357381</c:v>
                </c:pt>
                <c:pt idx="1239">
                  <c:v>91.33551620309791</c:v>
                </c:pt>
                <c:pt idx="1240">
                  <c:v>91.302995430421291</c:v>
                </c:pt>
                <c:pt idx="1241">
                  <c:v>91.270024817927336</c:v>
                </c:pt>
                <c:pt idx="1242">
                  <c:v>91.237953885068052</c:v>
                </c:pt>
                <c:pt idx="1243">
                  <c:v>91.205869721625902</c:v>
                </c:pt>
                <c:pt idx="1244">
                  <c:v>91.174685237818409</c:v>
                </c:pt>
                <c:pt idx="1245">
                  <c:v>91.143487523428064</c:v>
                </c:pt>
                <c:pt idx="1246">
                  <c:v>91.113189488672376</c:v>
                </c:pt>
                <c:pt idx="1247">
                  <c:v>91.082454844682204</c:v>
                </c:pt>
                <c:pt idx="1248">
                  <c:v>91.051706970109194</c:v>
                </c:pt>
                <c:pt idx="1249">
                  <c:v>91.02097232611905</c:v>
                </c:pt>
                <c:pt idx="1250">
                  <c:v>90.990674291363362</c:v>
                </c:pt>
                <c:pt idx="1251">
                  <c:v>90.960376256607702</c:v>
                </c:pt>
                <c:pt idx="1252">
                  <c:v>90.930078221852</c:v>
                </c:pt>
                <c:pt idx="1253">
                  <c:v>90.900230026913647</c:v>
                </c:pt>
                <c:pt idx="1254">
                  <c:v>90.870368601392443</c:v>
                </c:pt>
                <c:pt idx="1255">
                  <c:v>90.84052040645409</c:v>
                </c:pt>
                <c:pt idx="1256">
                  <c:v>90.810672211515737</c:v>
                </c:pt>
                <c:pt idx="1257">
                  <c:v>90.781260625811868</c:v>
                </c:pt>
                <c:pt idx="1258">
                  <c:v>90.751412430873515</c:v>
                </c:pt>
                <c:pt idx="1259">
                  <c:v>90.721564235935176</c:v>
                </c:pt>
                <c:pt idx="1260">
                  <c:v>90.692152650231279</c:v>
                </c:pt>
                <c:pt idx="1261">
                  <c:v>90.662754295110275</c:v>
                </c:pt>
                <c:pt idx="1262">
                  <c:v>90.633792549223728</c:v>
                </c:pt>
                <c:pt idx="1263">
                  <c:v>90.605280643154501</c:v>
                </c:pt>
                <c:pt idx="1264">
                  <c:v>90.576755506502437</c:v>
                </c:pt>
                <c:pt idx="1265">
                  <c:v>90.548693440250545</c:v>
                </c:pt>
                <c:pt idx="1266">
                  <c:v>90.520181534181347</c:v>
                </c:pt>
                <c:pt idx="1267">
                  <c:v>90.492106237346604</c:v>
                </c:pt>
                <c:pt idx="1268">
                  <c:v>90.464044171094713</c:v>
                </c:pt>
                <c:pt idx="1269">
                  <c:v>90.435968874259984</c:v>
                </c:pt>
                <c:pt idx="1270">
                  <c:v>90.408343417242577</c:v>
                </c:pt>
                <c:pt idx="1271">
                  <c:v>90.38161763985984</c:v>
                </c:pt>
                <c:pt idx="1272">
                  <c:v>90.354878631894238</c:v>
                </c:pt>
                <c:pt idx="1273">
                  <c:v>90.327703014694151</c:v>
                </c:pt>
                <c:pt idx="1274">
                  <c:v>90.300964006728563</c:v>
                </c:pt>
                <c:pt idx="1275">
                  <c:v>90.274688069163133</c:v>
                </c:pt>
                <c:pt idx="1276">
                  <c:v>90.248398901014852</c:v>
                </c:pt>
                <c:pt idx="1277">
                  <c:v>90.222109732866585</c:v>
                </c:pt>
                <c:pt idx="1278">
                  <c:v>90.196270404535667</c:v>
                </c:pt>
                <c:pt idx="1279">
                  <c:v>90.170431076204721</c:v>
                </c:pt>
                <c:pt idx="1280">
                  <c:v>90.145028357108245</c:v>
                </c:pt>
                <c:pt idx="1281">
                  <c:v>90.119638868594649</c:v>
                </c:pt>
                <c:pt idx="1282">
                  <c:v>90.094685989315508</c:v>
                </c:pt>
                <c:pt idx="1283">
                  <c:v>90.069283270219046</c:v>
                </c:pt>
                <c:pt idx="1284">
                  <c:v>90.044330390939919</c:v>
                </c:pt>
                <c:pt idx="1285">
                  <c:v>90.018940902426309</c:v>
                </c:pt>
                <c:pt idx="1286">
                  <c:v>89.993988023147182</c:v>
                </c:pt>
                <c:pt idx="1287">
                  <c:v>89.969484983685362</c:v>
                </c:pt>
                <c:pt idx="1288">
                  <c:v>89.944532104406221</c:v>
                </c:pt>
                <c:pt idx="1289">
                  <c:v>89.920478904761765</c:v>
                </c:pt>
                <c:pt idx="1290">
                  <c:v>89.895975865299974</c:v>
                </c:pt>
                <c:pt idx="1291">
                  <c:v>89.871459595255303</c:v>
                </c:pt>
                <c:pt idx="1292">
                  <c:v>89.847406395610847</c:v>
                </c:pt>
                <c:pt idx="1293">
                  <c:v>89.822903356149041</c:v>
                </c:pt>
                <c:pt idx="1294">
                  <c:v>89.798836925921705</c:v>
                </c:pt>
                <c:pt idx="1295">
                  <c:v>89.774333886459914</c:v>
                </c:pt>
                <c:pt idx="1296">
                  <c:v>89.750280686815429</c:v>
                </c:pt>
                <c:pt idx="1297">
                  <c:v>89.727113936222779</c:v>
                </c:pt>
                <c:pt idx="1298">
                  <c:v>89.703497345812764</c:v>
                </c:pt>
                <c:pt idx="1299">
                  <c:v>89.679880755402792</c:v>
                </c:pt>
                <c:pt idx="1300">
                  <c:v>89.656264164992777</c:v>
                </c:pt>
                <c:pt idx="1301">
                  <c:v>89.632210965348307</c:v>
                </c:pt>
                <c:pt idx="1302">
                  <c:v>89.60859437493832</c:v>
                </c:pt>
                <c:pt idx="1303">
                  <c:v>89.585427624345641</c:v>
                </c:pt>
                <c:pt idx="1304">
                  <c:v>89.562260873752976</c:v>
                </c:pt>
                <c:pt idx="1305">
                  <c:v>89.539530732394795</c:v>
                </c:pt>
                <c:pt idx="1306">
                  <c:v>89.5172636614368</c:v>
                </c:pt>
                <c:pt idx="1307">
                  <c:v>89.494983359895926</c:v>
                </c:pt>
                <c:pt idx="1308">
                  <c:v>89.473152898172415</c:v>
                </c:pt>
                <c:pt idx="1309">
                  <c:v>89.450422756814206</c:v>
                </c:pt>
                <c:pt idx="1310">
                  <c:v>89.428155685856211</c:v>
                </c:pt>
                <c:pt idx="1311">
                  <c:v>89.405875384315365</c:v>
                </c:pt>
                <c:pt idx="1312">
                  <c:v>89.384044922591841</c:v>
                </c:pt>
                <c:pt idx="1313">
                  <c:v>89.362651070102757</c:v>
                </c:pt>
                <c:pt idx="1314">
                  <c:v>89.340820608379246</c:v>
                </c:pt>
                <c:pt idx="1315">
                  <c:v>89.318990146655736</c:v>
                </c:pt>
                <c:pt idx="1316">
                  <c:v>89.297609524749532</c:v>
                </c:pt>
                <c:pt idx="1317">
                  <c:v>89.276215672260477</c:v>
                </c:pt>
                <c:pt idx="1318">
                  <c:v>89.254385210536952</c:v>
                </c:pt>
                <c:pt idx="1319">
                  <c:v>89.233441197865233</c:v>
                </c:pt>
                <c:pt idx="1320">
                  <c:v>89.212060575959029</c:v>
                </c:pt>
                <c:pt idx="1321">
                  <c:v>89.190679954052825</c:v>
                </c:pt>
                <c:pt idx="1322">
                  <c:v>89.16928610156377</c:v>
                </c:pt>
                <c:pt idx="1323">
                  <c:v>89.147905479657581</c:v>
                </c:pt>
                <c:pt idx="1324">
                  <c:v>89.126961466985875</c:v>
                </c:pt>
                <c:pt idx="1325">
                  <c:v>89.106467294131477</c:v>
                </c:pt>
                <c:pt idx="1326">
                  <c:v>89.085523281459757</c:v>
                </c:pt>
                <c:pt idx="1327">
                  <c:v>89.065029108605358</c:v>
                </c:pt>
                <c:pt idx="1328">
                  <c:v>89.044534935750974</c:v>
                </c:pt>
                <c:pt idx="1329">
                  <c:v>89.024490602713925</c:v>
                </c:pt>
                <c:pt idx="1330">
                  <c:v>89.003996429859527</c:v>
                </c:pt>
                <c:pt idx="1331">
                  <c:v>88.983938866239598</c:v>
                </c:pt>
                <c:pt idx="1332">
                  <c:v>88.963894533202534</c:v>
                </c:pt>
                <c:pt idx="1333">
                  <c:v>88.944286809399969</c:v>
                </c:pt>
                <c:pt idx="1334">
                  <c:v>88.924242476362906</c:v>
                </c:pt>
                <c:pt idx="1335">
                  <c:v>88.904184912742991</c:v>
                </c:pt>
                <c:pt idx="1336">
                  <c:v>88.885027028757747</c:v>
                </c:pt>
                <c:pt idx="1337">
                  <c:v>88.865432535538019</c:v>
                </c:pt>
                <c:pt idx="1338">
                  <c:v>88.845824811735426</c:v>
                </c:pt>
                <c:pt idx="1339">
                  <c:v>88.826666927750182</c:v>
                </c:pt>
                <c:pt idx="1340">
                  <c:v>88.807059203947574</c:v>
                </c:pt>
                <c:pt idx="1341">
                  <c:v>88.787464710727875</c:v>
                </c:pt>
                <c:pt idx="1342">
                  <c:v>88.767856986925281</c:v>
                </c:pt>
                <c:pt idx="1343">
                  <c:v>88.748249263122702</c:v>
                </c:pt>
                <c:pt idx="1344">
                  <c:v>88.728641539320108</c:v>
                </c:pt>
                <c:pt idx="1345">
                  <c:v>88.709483655334864</c:v>
                </c:pt>
                <c:pt idx="1346">
                  <c:v>88.690325771349606</c:v>
                </c:pt>
                <c:pt idx="1347">
                  <c:v>88.671167887364348</c:v>
                </c:pt>
                <c:pt idx="1348">
                  <c:v>88.652459843196425</c:v>
                </c:pt>
                <c:pt idx="1349">
                  <c:v>88.634188408262972</c:v>
                </c:pt>
                <c:pt idx="1350">
                  <c:v>88.615930203912384</c:v>
                </c:pt>
                <c:pt idx="1351">
                  <c:v>88.597658768978945</c:v>
                </c:pt>
                <c:pt idx="1352">
                  <c:v>88.579387334045492</c:v>
                </c:pt>
                <c:pt idx="1353">
                  <c:v>88.561115899112039</c:v>
                </c:pt>
                <c:pt idx="1354">
                  <c:v>88.54285769476148</c:v>
                </c:pt>
                <c:pt idx="1355">
                  <c:v>88.524586259828027</c:v>
                </c:pt>
                <c:pt idx="1356">
                  <c:v>88.505878215660104</c:v>
                </c:pt>
                <c:pt idx="1357">
                  <c:v>88.487156940909301</c:v>
                </c:pt>
                <c:pt idx="1358">
                  <c:v>88.468448896741393</c:v>
                </c:pt>
                <c:pt idx="1359">
                  <c:v>88.450177461807939</c:v>
                </c:pt>
                <c:pt idx="1360">
                  <c:v>88.432355866691822</c:v>
                </c:pt>
                <c:pt idx="1361">
                  <c:v>88.414534271575718</c:v>
                </c:pt>
                <c:pt idx="1362">
                  <c:v>88.396276067225116</c:v>
                </c:pt>
                <c:pt idx="1363">
                  <c:v>88.378454472108999</c:v>
                </c:pt>
                <c:pt idx="1364">
                  <c:v>88.360632876992895</c:v>
                </c:pt>
                <c:pt idx="1365">
                  <c:v>88.342811281876763</c:v>
                </c:pt>
                <c:pt idx="1366">
                  <c:v>88.325426295995129</c:v>
                </c:pt>
                <c:pt idx="1367">
                  <c:v>88.307604700879011</c:v>
                </c:pt>
                <c:pt idx="1368">
                  <c:v>88.290682785397564</c:v>
                </c:pt>
                <c:pt idx="1369">
                  <c:v>88.27329779951593</c:v>
                </c:pt>
                <c:pt idx="1370">
                  <c:v>88.255926044217148</c:v>
                </c:pt>
                <c:pt idx="1371">
                  <c:v>88.238990898152835</c:v>
                </c:pt>
                <c:pt idx="1372">
                  <c:v>88.222068982671374</c:v>
                </c:pt>
                <c:pt idx="1373">
                  <c:v>88.205133836607061</c:v>
                </c:pt>
                <c:pt idx="1374">
                  <c:v>88.188648530360098</c:v>
                </c:pt>
                <c:pt idx="1375">
                  <c:v>88.172163224113106</c:v>
                </c:pt>
                <c:pt idx="1376">
                  <c:v>88.155228078048793</c:v>
                </c:pt>
                <c:pt idx="1377">
                  <c:v>88.138306162567361</c:v>
                </c:pt>
                <c:pt idx="1378">
                  <c:v>88.121371016503034</c:v>
                </c:pt>
                <c:pt idx="1379">
                  <c:v>88.10488571025607</c:v>
                </c:pt>
                <c:pt idx="1380">
                  <c:v>88.087950564191758</c:v>
                </c:pt>
                <c:pt idx="1381">
                  <c:v>88.07146525794478</c:v>
                </c:pt>
                <c:pt idx="1382">
                  <c:v>88.054979951697803</c:v>
                </c:pt>
                <c:pt idx="1383">
                  <c:v>88.038944485268146</c:v>
                </c:pt>
                <c:pt idx="1384">
                  <c:v>88.022459179021155</c:v>
                </c:pt>
                <c:pt idx="1385">
                  <c:v>88.005973872774206</c:v>
                </c:pt>
                <c:pt idx="1386">
                  <c:v>87.989488566527214</c:v>
                </c:pt>
                <c:pt idx="1387">
                  <c:v>87.973453100097572</c:v>
                </c:pt>
                <c:pt idx="1388">
                  <c:v>87.956967793850595</c:v>
                </c:pt>
                <c:pt idx="1389">
                  <c:v>87.940932327420938</c:v>
                </c:pt>
                <c:pt idx="1390">
                  <c:v>87.924883630408431</c:v>
                </c:pt>
                <c:pt idx="1391">
                  <c:v>87.908848163978774</c:v>
                </c:pt>
                <c:pt idx="1392">
                  <c:v>87.892812697549132</c:v>
                </c:pt>
                <c:pt idx="1393">
                  <c:v>87.877213840353974</c:v>
                </c:pt>
                <c:pt idx="1394">
                  <c:v>87.861178373924318</c:v>
                </c:pt>
                <c:pt idx="1395">
                  <c:v>87.84557951672916</c:v>
                </c:pt>
                <c:pt idx="1396">
                  <c:v>87.829544050299518</c:v>
                </c:pt>
                <c:pt idx="1397">
                  <c:v>87.813945193104331</c:v>
                </c:pt>
                <c:pt idx="1398">
                  <c:v>87.797459886857339</c:v>
                </c:pt>
                <c:pt idx="1399">
                  <c:v>87.781424420427712</c:v>
                </c:pt>
                <c:pt idx="1400">
                  <c:v>87.765825563232525</c:v>
                </c:pt>
                <c:pt idx="1401">
                  <c:v>87.750239936620218</c:v>
                </c:pt>
                <c:pt idx="1402">
                  <c:v>87.734641079425032</c:v>
                </c:pt>
                <c:pt idx="1403">
                  <c:v>87.71994190186453</c:v>
                </c:pt>
                <c:pt idx="1404">
                  <c:v>87.704792884486693</c:v>
                </c:pt>
                <c:pt idx="1405">
                  <c:v>87.690080476343311</c:v>
                </c:pt>
                <c:pt idx="1406">
                  <c:v>87.674931458965489</c:v>
                </c:pt>
                <c:pt idx="1407">
                  <c:v>87.660232281404973</c:v>
                </c:pt>
                <c:pt idx="1408">
                  <c:v>87.6446334242098</c:v>
                </c:pt>
                <c:pt idx="1409">
                  <c:v>87.629497637414829</c:v>
                </c:pt>
                <c:pt idx="1410">
                  <c:v>87.614785229271448</c:v>
                </c:pt>
                <c:pt idx="1411">
                  <c:v>87.600535891528267</c:v>
                </c:pt>
                <c:pt idx="1412">
                  <c:v>87.5858234833849</c:v>
                </c:pt>
                <c:pt idx="1413">
                  <c:v>87.571124305824384</c:v>
                </c:pt>
                <c:pt idx="1414">
                  <c:v>87.556861737498366</c:v>
                </c:pt>
                <c:pt idx="1415">
                  <c:v>87.542612399755185</c:v>
                </c:pt>
                <c:pt idx="1416">
                  <c:v>87.52791322219467</c:v>
                </c:pt>
                <c:pt idx="1417">
                  <c:v>87.513200814051288</c:v>
                </c:pt>
                <c:pt idx="1418">
                  <c:v>87.498501636490786</c:v>
                </c:pt>
                <c:pt idx="1419">
                  <c:v>87.484239068164769</c:v>
                </c:pt>
                <c:pt idx="1420">
                  <c:v>87.469539890604253</c:v>
                </c:pt>
                <c:pt idx="1421">
                  <c:v>87.454840713043723</c:v>
                </c:pt>
                <c:pt idx="1422">
                  <c:v>87.440578144717705</c:v>
                </c:pt>
                <c:pt idx="1423">
                  <c:v>87.425878967157203</c:v>
                </c:pt>
                <c:pt idx="1424">
                  <c:v>87.411179789596687</c:v>
                </c:pt>
                <c:pt idx="1425">
                  <c:v>87.396917221270655</c:v>
                </c:pt>
                <c:pt idx="1426">
                  <c:v>87.382218043710139</c:v>
                </c:pt>
                <c:pt idx="1427">
                  <c:v>87.367955475384107</c:v>
                </c:pt>
                <c:pt idx="1428">
                  <c:v>87.353706137640927</c:v>
                </c:pt>
                <c:pt idx="1429">
                  <c:v>87.338993729497545</c:v>
                </c:pt>
                <c:pt idx="1430">
                  <c:v>87.324744391754379</c:v>
                </c:pt>
                <c:pt idx="1431">
                  <c:v>87.310931663245697</c:v>
                </c:pt>
                <c:pt idx="1432">
                  <c:v>87.29666909491965</c:v>
                </c:pt>
                <c:pt idx="1433">
                  <c:v>87.282406526593604</c:v>
                </c:pt>
                <c:pt idx="1434">
                  <c:v>87.268607028667759</c:v>
                </c:pt>
                <c:pt idx="1435">
                  <c:v>87.254794300159062</c:v>
                </c:pt>
                <c:pt idx="1436">
                  <c:v>87.240981571650352</c:v>
                </c:pt>
                <c:pt idx="1437">
                  <c:v>87.227168843141655</c:v>
                </c:pt>
                <c:pt idx="1438">
                  <c:v>87.213356114632944</c:v>
                </c:pt>
                <c:pt idx="1439">
                  <c:v>87.198656937072442</c:v>
                </c:pt>
                <c:pt idx="1440">
                  <c:v>87.184394368746396</c:v>
                </c:pt>
                <c:pt idx="1441">
                  <c:v>87.170581640237714</c:v>
                </c:pt>
                <c:pt idx="1442">
                  <c:v>87.156768911728989</c:v>
                </c:pt>
                <c:pt idx="1443">
                  <c:v>87.143406023037628</c:v>
                </c:pt>
                <c:pt idx="1444">
                  <c:v>87.130043134346252</c:v>
                </c:pt>
                <c:pt idx="1445">
                  <c:v>87.116667015072011</c:v>
                </c:pt>
                <c:pt idx="1446">
                  <c:v>87.103753966197985</c:v>
                </c:pt>
                <c:pt idx="1447">
                  <c:v>87.091277526558414</c:v>
                </c:pt>
                <c:pt idx="1448">
                  <c:v>87.078351247101509</c:v>
                </c:pt>
                <c:pt idx="1449">
                  <c:v>87.065438198227469</c:v>
                </c:pt>
                <c:pt idx="1450">
                  <c:v>87.052511918770563</c:v>
                </c:pt>
                <c:pt idx="1451">
                  <c:v>87.040035479131006</c:v>
                </c:pt>
                <c:pt idx="1452">
                  <c:v>87.027122430256981</c:v>
                </c:pt>
                <c:pt idx="1453">
                  <c:v>87.01464599061741</c:v>
                </c:pt>
                <c:pt idx="1454">
                  <c:v>87.00171971116049</c:v>
                </c:pt>
                <c:pt idx="1455">
                  <c:v>86.988793431703598</c:v>
                </c:pt>
                <c:pt idx="1456">
                  <c:v>86.97633022264688</c:v>
                </c:pt>
                <c:pt idx="1457">
                  <c:v>86.963403943190016</c:v>
                </c:pt>
                <c:pt idx="1458">
                  <c:v>86.950927503550432</c:v>
                </c:pt>
                <c:pt idx="1459">
                  <c:v>86.93800122409354</c:v>
                </c:pt>
                <c:pt idx="1460">
                  <c:v>86.925538015036821</c:v>
                </c:pt>
                <c:pt idx="1461">
                  <c:v>86.912611735579929</c:v>
                </c:pt>
                <c:pt idx="1462">
                  <c:v>86.900135295940373</c:v>
                </c:pt>
                <c:pt idx="1463">
                  <c:v>86.887658856300803</c:v>
                </c:pt>
                <c:pt idx="1464">
                  <c:v>86.875182416661218</c:v>
                </c:pt>
                <c:pt idx="1465">
                  <c:v>86.862705977021648</c:v>
                </c:pt>
                <c:pt idx="1466">
                  <c:v>86.850229537382091</c:v>
                </c:pt>
                <c:pt idx="1467">
                  <c:v>86.837766328325372</c:v>
                </c:pt>
                <c:pt idx="1468">
                  <c:v>86.825289888685816</c:v>
                </c:pt>
                <c:pt idx="1469">
                  <c:v>86.81281344904626</c:v>
                </c:pt>
                <c:pt idx="1470">
                  <c:v>86.800337009406675</c:v>
                </c:pt>
                <c:pt idx="1471">
                  <c:v>86.788310409584454</c:v>
                </c:pt>
                <c:pt idx="1472">
                  <c:v>86.775833969944884</c:v>
                </c:pt>
                <c:pt idx="1473">
                  <c:v>86.763357530305328</c:v>
                </c:pt>
                <c:pt idx="1474">
                  <c:v>86.750881090665757</c:v>
                </c:pt>
                <c:pt idx="1475">
                  <c:v>86.738854490843508</c:v>
                </c:pt>
                <c:pt idx="1476">
                  <c:v>86.726814660438407</c:v>
                </c:pt>
                <c:pt idx="1477">
                  <c:v>86.714788060616172</c:v>
                </c:pt>
                <c:pt idx="1478">
                  <c:v>86.702761460793951</c:v>
                </c:pt>
                <c:pt idx="1479">
                  <c:v>86.690734860971702</c:v>
                </c:pt>
                <c:pt idx="1480">
                  <c:v>86.679144870383936</c:v>
                </c:pt>
                <c:pt idx="1481">
                  <c:v>86.668004719613535</c:v>
                </c:pt>
                <c:pt idx="1482">
                  <c:v>86.656427959608607</c:v>
                </c:pt>
                <c:pt idx="1483">
                  <c:v>86.645287808838205</c:v>
                </c:pt>
                <c:pt idx="1484">
                  <c:v>86.63369781825044</c:v>
                </c:pt>
                <c:pt idx="1485">
                  <c:v>86.622557667479995</c:v>
                </c:pt>
                <c:pt idx="1486">
                  <c:v>86.610980907475096</c:v>
                </c:pt>
                <c:pt idx="1487">
                  <c:v>86.59939091688733</c:v>
                </c:pt>
                <c:pt idx="1488">
                  <c:v>86.587814156882445</c:v>
                </c:pt>
                <c:pt idx="1489">
                  <c:v>86.576674006112</c:v>
                </c:pt>
                <c:pt idx="1490">
                  <c:v>86.565533855341585</c:v>
                </c:pt>
                <c:pt idx="1491">
                  <c:v>86.553943864753819</c:v>
                </c:pt>
                <c:pt idx="1492">
                  <c:v>86.542816944566255</c:v>
                </c:pt>
                <c:pt idx="1493">
                  <c:v>86.53167679379581</c:v>
                </c:pt>
                <c:pt idx="1494">
                  <c:v>86.52053664302538</c:v>
                </c:pt>
                <c:pt idx="1495">
                  <c:v>86.508946652437629</c:v>
                </c:pt>
                <c:pt idx="1496">
                  <c:v>86.497806501667171</c:v>
                </c:pt>
                <c:pt idx="1497">
                  <c:v>86.486229741662285</c:v>
                </c:pt>
                <c:pt idx="1498">
                  <c:v>86.475089590891855</c:v>
                </c:pt>
                <c:pt idx="1499">
                  <c:v>86.463949440121439</c:v>
                </c:pt>
                <c:pt idx="1500">
                  <c:v>86.452809289350995</c:v>
                </c:pt>
                <c:pt idx="1501">
                  <c:v>86.441669138580565</c:v>
                </c:pt>
                <c:pt idx="1502">
                  <c:v>86.430528987810135</c:v>
                </c:pt>
                <c:pt idx="1503">
                  <c:v>86.41983867685704</c:v>
                </c:pt>
                <c:pt idx="1504">
                  <c:v>86.40869852608661</c:v>
                </c:pt>
                <c:pt idx="1505">
                  <c:v>86.398008215133501</c:v>
                </c:pt>
                <c:pt idx="1506">
                  <c:v>86.387317904180421</c:v>
                </c:pt>
                <c:pt idx="1507">
                  <c:v>86.376627593227326</c:v>
                </c:pt>
                <c:pt idx="1508">
                  <c:v>86.365487442456896</c:v>
                </c:pt>
                <c:pt idx="1509">
                  <c:v>86.355233740738271</c:v>
                </c:pt>
                <c:pt idx="1510">
                  <c:v>86.344543429785162</c:v>
                </c:pt>
                <c:pt idx="1511">
                  <c:v>86.334289728066537</c:v>
                </c:pt>
                <c:pt idx="1512">
                  <c:v>86.323599417113428</c:v>
                </c:pt>
                <c:pt idx="1513">
                  <c:v>86.313358945977669</c:v>
                </c:pt>
                <c:pt idx="1514">
                  <c:v>86.302668635024588</c:v>
                </c:pt>
                <c:pt idx="1515">
                  <c:v>86.292414933305949</c:v>
                </c:pt>
                <c:pt idx="1516">
                  <c:v>86.281724622352868</c:v>
                </c:pt>
                <c:pt idx="1517">
                  <c:v>86.271470920634229</c:v>
                </c:pt>
                <c:pt idx="1518">
                  <c:v>86.261230449498484</c:v>
                </c:pt>
                <c:pt idx="1519">
                  <c:v>86.250976747779845</c:v>
                </c:pt>
                <c:pt idx="1520">
                  <c:v>86.240736276644085</c:v>
                </c:pt>
                <c:pt idx="1521">
                  <c:v>86.230482574925446</c:v>
                </c:pt>
                <c:pt idx="1522">
                  <c:v>86.220242103789687</c:v>
                </c:pt>
                <c:pt idx="1523">
                  <c:v>86.209988402071076</c:v>
                </c:pt>
                <c:pt idx="1524">
                  <c:v>86.199747930935317</c:v>
                </c:pt>
                <c:pt idx="1525">
                  <c:v>86.189494229216677</c:v>
                </c:pt>
                <c:pt idx="1526">
                  <c:v>86.179690367315388</c:v>
                </c:pt>
                <c:pt idx="1527">
                  <c:v>86.169449896179614</c:v>
                </c:pt>
                <c:pt idx="1528">
                  <c:v>86.159646034278325</c:v>
                </c:pt>
                <c:pt idx="1529">
                  <c:v>86.149842172377035</c:v>
                </c:pt>
                <c:pt idx="1530">
                  <c:v>86.140038310475745</c:v>
                </c:pt>
                <c:pt idx="1531">
                  <c:v>86.130234448574441</c:v>
                </c:pt>
                <c:pt idx="1532">
                  <c:v>86.120430586673152</c:v>
                </c:pt>
                <c:pt idx="1533">
                  <c:v>86.111076564589197</c:v>
                </c:pt>
                <c:pt idx="1534">
                  <c:v>86.101272702687908</c:v>
                </c:pt>
                <c:pt idx="1535">
                  <c:v>86.091468840786604</c:v>
                </c:pt>
                <c:pt idx="1536">
                  <c:v>86.08167820946818</c:v>
                </c:pt>
                <c:pt idx="1537">
                  <c:v>86.07187434756689</c:v>
                </c:pt>
                <c:pt idx="1538">
                  <c:v>86.062520325482936</c:v>
                </c:pt>
                <c:pt idx="1539">
                  <c:v>86.052716463581632</c:v>
                </c:pt>
                <c:pt idx="1540">
                  <c:v>86.043362441497663</c:v>
                </c:pt>
                <c:pt idx="1541">
                  <c:v>86.033995188830843</c:v>
                </c:pt>
                <c:pt idx="1542">
                  <c:v>86.024641166746889</c:v>
                </c:pt>
                <c:pt idx="1543">
                  <c:v>86.014837304845599</c:v>
                </c:pt>
                <c:pt idx="1544">
                  <c:v>86.005483282761645</c:v>
                </c:pt>
                <c:pt idx="1545">
                  <c:v>85.996129260677677</c:v>
                </c:pt>
                <c:pt idx="1546">
                  <c:v>85.986775238593722</c:v>
                </c:pt>
                <c:pt idx="1547">
                  <c:v>85.977421216509768</c:v>
                </c:pt>
                <c:pt idx="1548">
                  <c:v>85.968053963842948</c:v>
                </c:pt>
                <c:pt idx="1549">
                  <c:v>85.958699941758979</c:v>
                </c:pt>
                <c:pt idx="1550">
                  <c:v>85.949795759492361</c:v>
                </c:pt>
                <c:pt idx="1551">
                  <c:v>85.940441737408392</c:v>
                </c:pt>
                <c:pt idx="1552">
                  <c:v>85.931074484741572</c:v>
                </c:pt>
                <c:pt idx="1553">
                  <c:v>85.921720462657603</c:v>
                </c:pt>
                <c:pt idx="1554">
                  <c:v>85.912366440573649</c:v>
                </c:pt>
                <c:pt idx="1555">
                  <c:v>85.903012418489695</c:v>
                </c:pt>
                <c:pt idx="1556">
                  <c:v>85.893658396405755</c:v>
                </c:pt>
                <c:pt idx="1557">
                  <c:v>85.884291143738906</c:v>
                </c:pt>
                <c:pt idx="1558">
                  <c:v>85.875386961472287</c:v>
                </c:pt>
                <c:pt idx="1559">
                  <c:v>85.866032939388319</c:v>
                </c:pt>
                <c:pt idx="1560">
                  <c:v>85.857115526538834</c:v>
                </c:pt>
                <c:pt idx="1561">
                  <c:v>85.848211344272215</c:v>
                </c:pt>
                <c:pt idx="1562">
                  <c:v>85.839293931422716</c:v>
                </c:pt>
                <c:pt idx="1563">
                  <c:v>85.830389749156083</c:v>
                </c:pt>
                <c:pt idx="1564">
                  <c:v>85.821922176123934</c:v>
                </c:pt>
                <c:pt idx="1565">
                  <c:v>85.813004763274435</c:v>
                </c:pt>
                <c:pt idx="1566">
                  <c:v>85.804550420825151</c:v>
                </c:pt>
                <c:pt idx="1567">
                  <c:v>85.796082847792988</c:v>
                </c:pt>
                <c:pt idx="1568">
                  <c:v>85.787165434943503</c:v>
                </c:pt>
                <c:pt idx="1569">
                  <c:v>85.77869786191134</c:v>
                </c:pt>
                <c:pt idx="1570">
                  <c:v>85.770243519462056</c:v>
                </c:pt>
                <c:pt idx="1571">
                  <c:v>85.761775946429893</c:v>
                </c:pt>
                <c:pt idx="1572">
                  <c:v>85.752858533580408</c:v>
                </c:pt>
                <c:pt idx="1573">
                  <c:v>85.744390960548259</c:v>
                </c:pt>
                <c:pt idx="1574">
                  <c:v>85.735936618098961</c:v>
                </c:pt>
                <c:pt idx="1575">
                  <c:v>85.727469045066812</c:v>
                </c:pt>
                <c:pt idx="1576">
                  <c:v>85.719001472034648</c:v>
                </c:pt>
                <c:pt idx="1577">
                  <c:v>85.710533899002499</c:v>
                </c:pt>
                <c:pt idx="1578">
                  <c:v>85.702066325970335</c:v>
                </c:pt>
                <c:pt idx="1579">
                  <c:v>85.693598752938186</c:v>
                </c:pt>
                <c:pt idx="1580">
                  <c:v>85.685581019723372</c:v>
                </c:pt>
                <c:pt idx="1581">
                  <c:v>85.677113446691209</c:v>
                </c:pt>
                <c:pt idx="1582">
                  <c:v>85.669095713476395</c:v>
                </c:pt>
                <c:pt idx="1583">
                  <c:v>85.660628140444217</c:v>
                </c:pt>
                <c:pt idx="1584">
                  <c:v>85.652610407229417</c:v>
                </c:pt>
                <c:pt idx="1585">
                  <c:v>85.644592674014589</c:v>
                </c:pt>
                <c:pt idx="1586">
                  <c:v>85.636125100982412</c:v>
                </c:pt>
                <c:pt idx="1587">
                  <c:v>85.628107367767598</c:v>
                </c:pt>
                <c:pt idx="1588">
                  <c:v>85.620089634552784</c:v>
                </c:pt>
                <c:pt idx="1589">
                  <c:v>85.612071901337956</c:v>
                </c:pt>
                <c:pt idx="1590">
                  <c:v>85.603604328305821</c:v>
                </c:pt>
                <c:pt idx="1591">
                  <c:v>85.595586595090992</c:v>
                </c:pt>
                <c:pt idx="1592">
                  <c:v>85.587568861876164</c:v>
                </c:pt>
                <c:pt idx="1593">
                  <c:v>85.579551128661336</c:v>
                </c:pt>
                <c:pt idx="1594">
                  <c:v>85.571520164863657</c:v>
                </c:pt>
                <c:pt idx="1595">
                  <c:v>85.56395227146615</c:v>
                </c:pt>
                <c:pt idx="1596">
                  <c:v>85.555934538251336</c:v>
                </c:pt>
                <c:pt idx="1597">
                  <c:v>85.547916805036522</c:v>
                </c:pt>
                <c:pt idx="1598">
                  <c:v>85.540335681056163</c:v>
                </c:pt>
                <c:pt idx="1599">
                  <c:v>85.53276778765867</c:v>
                </c:pt>
                <c:pt idx="1600">
                  <c:v>85.524750054443842</c:v>
                </c:pt>
                <c:pt idx="1601">
                  <c:v>85.517168930463498</c:v>
                </c:pt>
                <c:pt idx="1602">
                  <c:v>85.50960103706602</c:v>
                </c:pt>
                <c:pt idx="1603">
                  <c:v>85.501570073268326</c:v>
                </c:pt>
                <c:pt idx="1604">
                  <c:v>85.494002179870819</c:v>
                </c:pt>
                <c:pt idx="1605">
                  <c:v>85.485984446656005</c:v>
                </c:pt>
                <c:pt idx="1606">
                  <c:v>85.477966713441177</c:v>
                </c:pt>
                <c:pt idx="1607">
                  <c:v>85.470385589460847</c:v>
                </c:pt>
                <c:pt idx="1608">
                  <c:v>85.46281769606334</c:v>
                </c:pt>
                <c:pt idx="1609">
                  <c:v>85.455236572082995</c:v>
                </c:pt>
                <c:pt idx="1610">
                  <c:v>85.447668678685503</c:v>
                </c:pt>
                <c:pt idx="1611">
                  <c:v>85.440087554705158</c:v>
                </c:pt>
                <c:pt idx="1612">
                  <c:v>85.432519661307666</c:v>
                </c:pt>
                <c:pt idx="1613">
                  <c:v>85.424938537327293</c:v>
                </c:pt>
                <c:pt idx="1614">
                  <c:v>85.417807253164298</c:v>
                </c:pt>
                <c:pt idx="1615">
                  <c:v>85.410689199584127</c:v>
                </c:pt>
                <c:pt idx="1616">
                  <c:v>85.403557915421118</c:v>
                </c:pt>
                <c:pt idx="1617">
                  <c:v>85.396426631258095</c:v>
                </c:pt>
                <c:pt idx="1618">
                  <c:v>85.389295347095086</c:v>
                </c:pt>
                <c:pt idx="1619">
                  <c:v>85.382164062932063</c:v>
                </c:pt>
                <c:pt idx="1620">
                  <c:v>85.375046009351905</c:v>
                </c:pt>
                <c:pt idx="1621">
                  <c:v>85.367464885371561</c:v>
                </c:pt>
                <c:pt idx="1622">
                  <c:v>85.360333601208538</c:v>
                </c:pt>
                <c:pt idx="1623">
                  <c:v>85.35321554762838</c:v>
                </c:pt>
                <c:pt idx="1624">
                  <c:v>85.346084263465357</c:v>
                </c:pt>
                <c:pt idx="1625">
                  <c:v>85.338952979302334</c:v>
                </c:pt>
                <c:pt idx="1626">
                  <c:v>85.332271534956661</c:v>
                </c:pt>
                <c:pt idx="1627">
                  <c:v>85.325140250793623</c:v>
                </c:pt>
                <c:pt idx="1628">
                  <c:v>85.318008966630629</c:v>
                </c:pt>
                <c:pt idx="1629">
                  <c:v>85.311327522284941</c:v>
                </c:pt>
                <c:pt idx="1630">
                  <c:v>85.304646077939253</c:v>
                </c:pt>
                <c:pt idx="1631">
                  <c:v>85.297964633593551</c:v>
                </c:pt>
                <c:pt idx="1632">
                  <c:v>85.290833349430542</c:v>
                </c:pt>
                <c:pt idx="1633">
                  <c:v>85.284151905084855</c:v>
                </c:pt>
                <c:pt idx="1634">
                  <c:v>85.277020620921846</c:v>
                </c:pt>
                <c:pt idx="1635">
                  <c:v>85.270339176576158</c:v>
                </c:pt>
                <c:pt idx="1636">
                  <c:v>85.263657732230456</c:v>
                </c:pt>
                <c:pt idx="1637">
                  <c:v>85.256526448067447</c:v>
                </c:pt>
                <c:pt idx="1638">
                  <c:v>85.249845003721774</c:v>
                </c:pt>
                <c:pt idx="1639">
                  <c:v>85.243163559376072</c:v>
                </c:pt>
                <c:pt idx="1640">
                  <c:v>85.236482115030398</c:v>
                </c:pt>
                <c:pt idx="1641">
                  <c:v>85.229787440101845</c:v>
                </c:pt>
                <c:pt idx="1642">
                  <c:v>85.222669386521702</c:v>
                </c:pt>
                <c:pt idx="1643">
                  <c:v>85.215987942176</c:v>
                </c:pt>
                <c:pt idx="1644">
                  <c:v>85.20974310706481</c:v>
                </c:pt>
                <c:pt idx="1645">
                  <c:v>85.203061662719108</c:v>
                </c:pt>
                <c:pt idx="1646">
                  <c:v>85.19638021837342</c:v>
                </c:pt>
                <c:pt idx="1647">
                  <c:v>85.190135383262202</c:v>
                </c:pt>
                <c:pt idx="1648">
                  <c:v>85.183453938916514</c:v>
                </c:pt>
                <c:pt idx="1649">
                  <c:v>85.177222334388162</c:v>
                </c:pt>
                <c:pt idx="1650">
                  <c:v>85.170540890042489</c:v>
                </c:pt>
                <c:pt idx="1651">
                  <c:v>85.16429605493127</c:v>
                </c:pt>
                <c:pt idx="1652">
                  <c:v>85.157614610585568</c:v>
                </c:pt>
                <c:pt idx="1653">
                  <c:v>85.15138300605723</c:v>
                </c:pt>
                <c:pt idx="1654">
                  <c:v>85.145588010763348</c:v>
                </c:pt>
                <c:pt idx="1655">
                  <c:v>85.139343175652115</c:v>
                </c:pt>
                <c:pt idx="1656">
                  <c:v>85.133111571123777</c:v>
                </c:pt>
                <c:pt idx="1657">
                  <c:v>85.126879966595425</c:v>
                </c:pt>
                <c:pt idx="1658">
                  <c:v>85.120635131484221</c:v>
                </c:pt>
                <c:pt idx="1659">
                  <c:v>85.114840136190324</c:v>
                </c:pt>
                <c:pt idx="1660">
                  <c:v>85.109045140896441</c:v>
                </c:pt>
                <c:pt idx="1661">
                  <c:v>85.103263376185438</c:v>
                </c:pt>
                <c:pt idx="1662">
                  <c:v>85.097468380891556</c:v>
                </c:pt>
                <c:pt idx="1663">
                  <c:v>85.091223545780323</c:v>
                </c:pt>
                <c:pt idx="1664">
                  <c:v>85.085441781069306</c:v>
                </c:pt>
                <c:pt idx="1665">
                  <c:v>85.079196945958103</c:v>
                </c:pt>
                <c:pt idx="1666">
                  <c:v>85.07340195066422</c:v>
                </c:pt>
                <c:pt idx="1667">
                  <c:v>85.067620185953203</c:v>
                </c:pt>
                <c:pt idx="1668">
                  <c:v>85.061825190659306</c:v>
                </c:pt>
                <c:pt idx="1669">
                  <c:v>85.055580355548102</c:v>
                </c:pt>
                <c:pt idx="1670">
                  <c:v>85.049798590837071</c:v>
                </c:pt>
                <c:pt idx="1671">
                  <c:v>85.044003595543188</c:v>
                </c:pt>
                <c:pt idx="1672">
                  <c:v>85.03820860024932</c:v>
                </c:pt>
                <c:pt idx="1673">
                  <c:v>85.032413604955437</c:v>
                </c:pt>
                <c:pt idx="1674">
                  <c:v>85.02663184024442</c:v>
                </c:pt>
                <c:pt idx="1675">
                  <c:v>85.020836844950551</c:v>
                </c:pt>
                <c:pt idx="1676">
                  <c:v>85.015041849656669</c:v>
                </c:pt>
                <c:pt idx="1677">
                  <c:v>85.009246854362772</c:v>
                </c:pt>
                <c:pt idx="1678">
                  <c:v>85.003451859068889</c:v>
                </c:pt>
                <c:pt idx="1679">
                  <c:v>84.997670094357872</c:v>
                </c:pt>
                <c:pt idx="1680">
                  <c:v>84.992324938881325</c:v>
                </c:pt>
                <c:pt idx="1681">
                  <c:v>84.986529943587442</c:v>
                </c:pt>
                <c:pt idx="1682">
                  <c:v>84.980734948293559</c:v>
                </c:pt>
                <c:pt idx="1683">
                  <c:v>84.975389792816998</c:v>
                </c:pt>
                <c:pt idx="1684">
                  <c:v>84.969594797523115</c:v>
                </c:pt>
                <c:pt idx="1685">
                  <c:v>84.963799802229232</c:v>
                </c:pt>
                <c:pt idx="1686">
                  <c:v>84.958454646752713</c:v>
                </c:pt>
                <c:pt idx="1687">
                  <c:v>84.953109491276152</c:v>
                </c:pt>
                <c:pt idx="1688">
                  <c:v>84.947764335799604</c:v>
                </c:pt>
                <c:pt idx="1689">
                  <c:v>84.942419180323057</c:v>
                </c:pt>
                <c:pt idx="1690">
                  <c:v>84.93662418502916</c:v>
                </c:pt>
                <c:pt idx="1691">
                  <c:v>84.931279029552627</c:v>
                </c:pt>
                <c:pt idx="1692">
                  <c:v>84.92593387407608</c:v>
                </c:pt>
                <c:pt idx="1693">
                  <c:v>84.920588718599518</c:v>
                </c:pt>
                <c:pt idx="1694">
                  <c:v>84.915243563122999</c:v>
                </c:pt>
                <c:pt idx="1695">
                  <c:v>84.909898407646423</c:v>
                </c:pt>
                <c:pt idx="1696">
                  <c:v>84.90455325216989</c:v>
                </c:pt>
                <c:pt idx="1697">
                  <c:v>84.899194866110477</c:v>
                </c:pt>
                <c:pt idx="1698">
                  <c:v>84.894299550451251</c:v>
                </c:pt>
                <c:pt idx="1699">
                  <c:v>84.889404234792039</c:v>
                </c:pt>
                <c:pt idx="1700">
                  <c:v>84.88404584873264</c:v>
                </c:pt>
                <c:pt idx="1701">
                  <c:v>84.879150533073428</c:v>
                </c:pt>
                <c:pt idx="1702">
                  <c:v>84.873805377596881</c:v>
                </c:pt>
                <c:pt idx="1703">
                  <c:v>84.868910061937655</c:v>
                </c:pt>
                <c:pt idx="1704">
                  <c:v>84.863551675878242</c:v>
                </c:pt>
                <c:pt idx="1705">
                  <c:v>84.858206520401694</c:v>
                </c:pt>
                <c:pt idx="1706">
                  <c:v>84.853311204742482</c:v>
                </c:pt>
                <c:pt idx="1707">
                  <c:v>84.847966049265935</c:v>
                </c:pt>
                <c:pt idx="1708">
                  <c:v>84.843057503023843</c:v>
                </c:pt>
                <c:pt idx="1709">
                  <c:v>84.838162187364645</c:v>
                </c:pt>
                <c:pt idx="1710">
                  <c:v>84.832817031888098</c:v>
                </c:pt>
                <c:pt idx="1711">
                  <c:v>84.827908485646006</c:v>
                </c:pt>
                <c:pt idx="1712">
                  <c:v>84.823013169986794</c:v>
                </c:pt>
                <c:pt idx="1713">
                  <c:v>84.818117854327582</c:v>
                </c:pt>
                <c:pt idx="1714">
                  <c:v>84.813209308085504</c:v>
                </c:pt>
                <c:pt idx="1715">
                  <c:v>84.808313992426292</c:v>
                </c:pt>
                <c:pt idx="1716">
                  <c:v>84.803405446184215</c:v>
                </c:pt>
                <c:pt idx="1717">
                  <c:v>84.798959970342338</c:v>
                </c:pt>
                <c:pt idx="1718">
                  <c:v>84.794501263917581</c:v>
                </c:pt>
                <c:pt idx="1719">
                  <c:v>84.790042557492839</c:v>
                </c:pt>
                <c:pt idx="1720">
                  <c:v>84.785147241833613</c:v>
                </c:pt>
                <c:pt idx="1721">
                  <c:v>84.780688535408885</c:v>
                </c:pt>
                <c:pt idx="1722">
                  <c:v>84.776229828984143</c:v>
                </c:pt>
                <c:pt idx="1723">
                  <c:v>84.771334513324916</c:v>
                </c:pt>
                <c:pt idx="1724">
                  <c:v>84.76687580690016</c:v>
                </c:pt>
                <c:pt idx="1725">
                  <c:v>84.762417100475432</c:v>
                </c:pt>
                <c:pt idx="1726">
                  <c:v>84.757958394050689</c:v>
                </c:pt>
                <c:pt idx="1727">
                  <c:v>84.753512918208813</c:v>
                </c:pt>
                <c:pt idx="1728">
                  <c:v>84.749054211784056</c:v>
                </c:pt>
                <c:pt idx="1729">
                  <c:v>84.744595505359314</c:v>
                </c:pt>
                <c:pt idx="1730">
                  <c:v>84.740136798934557</c:v>
                </c:pt>
                <c:pt idx="1731">
                  <c:v>84.736127932327165</c:v>
                </c:pt>
                <c:pt idx="1732">
                  <c:v>84.731682456485288</c:v>
                </c:pt>
                <c:pt idx="1733">
                  <c:v>84.727223750060546</c:v>
                </c:pt>
                <c:pt idx="1734">
                  <c:v>84.722765043635775</c:v>
                </c:pt>
                <c:pt idx="1735">
                  <c:v>84.718756177028382</c:v>
                </c:pt>
                <c:pt idx="1736">
                  <c:v>84.714297470603626</c:v>
                </c:pt>
                <c:pt idx="1737">
                  <c:v>84.709838764178897</c:v>
                </c:pt>
                <c:pt idx="1738">
                  <c:v>84.705829897571476</c:v>
                </c:pt>
                <c:pt idx="1739">
                  <c:v>84.701821030964069</c:v>
                </c:pt>
                <c:pt idx="1740">
                  <c:v>84.697375555122179</c:v>
                </c:pt>
                <c:pt idx="1741">
                  <c:v>84.693353457931906</c:v>
                </c:pt>
                <c:pt idx="1742">
                  <c:v>84.689344591324499</c:v>
                </c:pt>
                <c:pt idx="1743">
                  <c:v>84.684899115482608</c:v>
                </c:pt>
                <c:pt idx="1744">
                  <c:v>84.680890248875201</c:v>
                </c:pt>
                <c:pt idx="1745">
                  <c:v>84.676868151684928</c:v>
                </c:pt>
                <c:pt idx="1746">
                  <c:v>84.672859285077521</c:v>
                </c:pt>
                <c:pt idx="1747">
                  <c:v>84.6688504184701</c:v>
                </c:pt>
                <c:pt idx="1748">
                  <c:v>84.664841551862708</c:v>
                </c:pt>
                <c:pt idx="1749">
                  <c:v>84.660832685255301</c:v>
                </c:pt>
                <c:pt idx="1750">
                  <c:v>84.656823818647865</c:v>
                </c:pt>
                <c:pt idx="1751">
                  <c:v>84.652814952040472</c:v>
                </c:pt>
                <c:pt idx="1752">
                  <c:v>84.648806085433051</c:v>
                </c:pt>
                <c:pt idx="1753">
                  <c:v>84.644797218825644</c:v>
                </c:pt>
                <c:pt idx="1754">
                  <c:v>84.641224961452693</c:v>
                </c:pt>
                <c:pt idx="1755">
                  <c:v>84.637216094845286</c:v>
                </c:pt>
                <c:pt idx="1756">
                  <c:v>84.633207228237879</c:v>
                </c:pt>
                <c:pt idx="1757">
                  <c:v>84.629198361630458</c:v>
                </c:pt>
                <c:pt idx="1758">
                  <c:v>84.625639334840386</c:v>
                </c:pt>
                <c:pt idx="1759">
                  <c:v>84.621630468232979</c:v>
                </c:pt>
                <c:pt idx="1760">
                  <c:v>84.618058210860042</c:v>
                </c:pt>
                <c:pt idx="1761">
                  <c:v>84.614499184069956</c:v>
                </c:pt>
                <c:pt idx="1762">
                  <c:v>84.610940157279884</c:v>
                </c:pt>
                <c:pt idx="1763">
                  <c:v>84.607367899906947</c:v>
                </c:pt>
                <c:pt idx="1764">
                  <c:v>84.603808873116861</c:v>
                </c:pt>
                <c:pt idx="1765">
                  <c:v>84.600236615743924</c:v>
                </c:pt>
                <c:pt idx="1766">
                  <c:v>84.596227749136517</c:v>
                </c:pt>
                <c:pt idx="1767">
                  <c:v>84.592668722346446</c:v>
                </c:pt>
                <c:pt idx="1768">
                  <c:v>84.589546304790829</c:v>
                </c:pt>
                <c:pt idx="1769">
                  <c:v>84.585987278000758</c:v>
                </c:pt>
                <c:pt idx="1770">
                  <c:v>84.582415020627806</c:v>
                </c:pt>
                <c:pt idx="1771">
                  <c:v>84.579305833655056</c:v>
                </c:pt>
                <c:pt idx="1772">
                  <c:v>84.575733576282119</c:v>
                </c:pt>
                <c:pt idx="1773">
                  <c:v>84.572174549492047</c:v>
                </c:pt>
                <c:pt idx="1774">
                  <c:v>84.56860229211911</c:v>
                </c:pt>
                <c:pt idx="1775">
                  <c:v>84.565043265329024</c:v>
                </c:pt>
                <c:pt idx="1776">
                  <c:v>84.561484238538952</c:v>
                </c:pt>
                <c:pt idx="1777">
                  <c:v>84.557911981166001</c:v>
                </c:pt>
                <c:pt idx="1778">
                  <c:v>84.554789563610399</c:v>
                </c:pt>
                <c:pt idx="1779">
                  <c:v>84.551680376637663</c:v>
                </c:pt>
                <c:pt idx="1780">
                  <c:v>84.548108119264725</c:v>
                </c:pt>
                <c:pt idx="1781">
                  <c:v>84.544998932291975</c:v>
                </c:pt>
                <c:pt idx="1782">
                  <c:v>84.541876514736373</c:v>
                </c:pt>
                <c:pt idx="1783">
                  <c:v>84.538304257363421</c:v>
                </c:pt>
                <c:pt idx="1784">
                  <c:v>84.535195070390671</c:v>
                </c:pt>
                <c:pt idx="1785">
                  <c:v>84.532072652835055</c:v>
                </c:pt>
                <c:pt idx="1786">
                  <c:v>84.528950235279453</c:v>
                </c:pt>
                <c:pt idx="1787">
                  <c:v>84.525841048306717</c:v>
                </c:pt>
                <c:pt idx="1788">
                  <c:v>84.522268790933765</c:v>
                </c:pt>
                <c:pt idx="1789">
                  <c:v>84.519146373378163</c:v>
                </c:pt>
                <c:pt idx="1790">
                  <c:v>84.516037186405427</c:v>
                </c:pt>
                <c:pt idx="1791">
                  <c:v>84.512914768849797</c:v>
                </c:pt>
                <c:pt idx="1792">
                  <c:v>84.509792351294195</c:v>
                </c:pt>
                <c:pt idx="1793">
                  <c:v>84.507119773555928</c:v>
                </c:pt>
                <c:pt idx="1794">
                  <c:v>84.503997356000298</c:v>
                </c:pt>
                <c:pt idx="1795">
                  <c:v>84.500888169027576</c:v>
                </c:pt>
                <c:pt idx="1796">
                  <c:v>84.49776575147196</c:v>
                </c:pt>
                <c:pt idx="1797">
                  <c:v>84.494643333916358</c:v>
                </c:pt>
                <c:pt idx="1798">
                  <c:v>84.491970756178077</c:v>
                </c:pt>
                <c:pt idx="1799">
                  <c:v>84.488861569205326</c:v>
                </c:pt>
                <c:pt idx="1800">
                  <c:v>84.485739151649739</c:v>
                </c:pt>
                <c:pt idx="1801">
                  <c:v>84.483066573911444</c:v>
                </c:pt>
                <c:pt idx="1802">
                  <c:v>84.480393996173191</c:v>
                </c:pt>
                <c:pt idx="1803">
                  <c:v>84.477271578617589</c:v>
                </c:pt>
                <c:pt idx="1804">
                  <c:v>84.474149161061959</c:v>
                </c:pt>
                <c:pt idx="1805">
                  <c:v>84.471039974089223</c:v>
                </c:pt>
                <c:pt idx="1806">
                  <c:v>84.468354165768091</c:v>
                </c:pt>
                <c:pt idx="1807">
                  <c:v>84.465681588029824</c:v>
                </c:pt>
                <c:pt idx="1808">
                  <c:v>84.463009010291543</c:v>
                </c:pt>
                <c:pt idx="1809">
                  <c:v>84.460336432553277</c:v>
                </c:pt>
                <c:pt idx="1810">
                  <c:v>84.457663854814996</c:v>
                </c:pt>
                <c:pt idx="1811">
                  <c:v>84.454991277076715</c:v>
                </c:pt>
                <c:pt idx="1812">
                  <c:v>84.452318699338448</c:v>
                </c:pt>
                <c:pt idx="1813">
                  <c:v>84.449646121600182</c:v>
                </c:pt>
                <c:pt idx="1814">
                  <c:v>84.446973543861901</c:v>
                </c:pt>
                <c:pt idx="1815">
                  <c:v>84.444300966123606</c:v>
                </c:pt>
                <c:pt idx="1816">
                  <c:v>84.441628388385354</c:v>
                </c:pt>
                <c:pt idx="1817">
                  <c:v>84.439405650464423</c:v>
                </c:pt>
                <c:pt idx="1818">
                  <c:v>84.436283232908792</c:v>
                </c:pt>
                <c:pt idx="1819">
                  <c:v>84.434047264404995</c:v>
                </c:pt>
                <c:pt idx="1820">
                  <c:v>84.431374686666715</c:v>
                </c:pt>
                <c:pt idx="1821">
                  <c:v>84.428702108928462</c:v>
                </c:pt>
                <c:pt idx="1822">
                  <c:v>84.426029531190181</c:v>
                </c:pt>
                <c:pt idx="1823">
                  <c:v>84.423356953451901</c:v>
                </c:pt>
                <c:pt idx="1824">
                  <c:v>84.420684375713634</c:v>
                </c:pt>
                <c:pt idx="1825">
                  <c:v>84.418461637792703</c:v>
                </c:pt>
                <c:pt idx="1826">
                  <c:v>84.415789060054408</c:v>
                </c:pt>
                <c:pt idx="1827">
                  <c:v>84.413116482316127</c:v>
                </c:pt>
                <c:pt idx="1828">
                  <c:v>84.41088051381233</c:v>
                </c:pt>
                <c:pt idx="1829">
                  <c:v>84.408657775891385</c:v>
                </c:pt>
                <c:pt idx="1830">
                  <c:v>84.405985198153118</c:v>
                </c:pt>
                <c:pt idx="1831">
                  <c:v>84.403762460232173</c:v>
                </c:pt>
                <c:pt idx="1832">
                  <c:v>84.401526491728376</c:v>
                </c:pt>
                <c:pt idx="1833">
                  <c:v>84.398853913990109</c:v>
                </c:pt>
                <c:pt idx="1834">
                  <c:v>84.396631176069164</c:v>
                </c:pt>
                <c:pt idx="1835">
                  <c:v>84.393958598330883</c:v>
                </c:pt>
                <c:pt idx="1836">
                  <c:v>84.391286020592602</c:v>
                </c:pt>
                <c:pt idx="1837">
                  <c:v>84.389050052088805</c:v>
                </c:pt>
                <c:pt idx="1838">
                  <c:v>84.386827314167874</c:v>
                </c:pt>
                <c:pt idx="1839">
                  <c:v>84.384591345664063</c:v>
                </c:pt>
                <c:pt idx="1840">
                  <c:v>84.382368607743118</c:v>
                </c:pt>
                <c:pt idx="1841">
                  <c:v>84.380145869822186</c:v>
                </c:pt>
                <c:pt idx="1842">
                  <c:v>84.377909901318375</c:v>
                </c:pt>
                <c:pt idx="1843">
                  <c:v>84.375687163397444</c:v>
                </c:pt>
                <c:pt idx="1844">
                  <c:v>84.373464425476499</c:v>
                </c:pt>
                <c:pt idx="1845">
                  <c:v>84.371228456972688</c:v>
                </c:pt>
                <c:pt idx="1846">
                  <c:v>84.369005719051742</c:v>
                </c:pt>
                <c:pt idx="1847">
                  <c:v>84.366769750547959</c:v>
                </c:pt>
                <c:pt idx="1848">
                  <c:v>84.364547012627014</c:v>
                </c:pt>
                <c:pt idx="1849">
                  <c:v>84.362760883940538</c:v>
                </c:pt>
                <c:pt idx="1850">
                  <c:v>84.360538146019593</c:v>
                </c:pt>
                <c:pt idx="1851">
                  <c:v>84.358752017333131</c:v>
                </c:pt>
                <c:pt idx="1852">
                  <c:v>84.356529279412172</c:v>
                </c:pt>
                <c:pt idx="1853">
                  <c:v>84.354306541491241</c:v>
                </c:pt>
                <c:pt idx="1854">
                  <c:v>84.352070572987444</c:v>
                </c:pt>
                <c:pt idx="1855">
                  <c:v>84.349847835066498</c:v>
                </c:pt>
                <c:pt idx="1856">
                  <c:v>84.348061706380022</c:v>
                </c:pt>
                <c:pt idx="1857">
                  <c:v>84.345838968459091</c:v>
                </c:pt>
                <c:pt idx="1858">
                  <c:v>84.34360299995528</c:v>
                </c:pt>
                <c:pt idx="1859">
                  <c:v>84.34183010185167</c:v>
                </c:pt>
                <c:pt idx="1860">
                  <c:v>84.339594133347873</c:v>
                </c:pt>
                <c:pt idx="1861">
                  <c:v>84.337821235244263</c:v>
                </c:pt>
                <c:pt idx="1862">
                  <c:v>84.33558526674048</c:v>
                </c:pt>
                <c:pt idx="1863">
                  <c:v>84.333362528819521</c:v>
                </c:pt>
                <c:pt idx="1864">
                  <c:v>84.331576400133045</c:v>
                </c:pt>
                <c:pt idx="1865">
                  <c:v>84.329353662212114</c:v>
                </c:pt>
                <c:pt idx="1866">
                  <c:v>84.327567533525652</c:v>
                </c:pt>
                <c:pt idx="1867">
                  <c:v>84.325344795604693</c:v>
                </c:pt>
                <c:pt idx="1868">
                  <c:v>84.323558666918231</c:v>
                </c:pt>
                <c:pt idx="1869">
                  <c:v>84.321335928997271</c:v>
                </c:pt>
                <c:pt idx="1870">
                  <c:v>84.319099960493489</c:v>
                </c:pt>
                <c:pt idx="1871">
                  <c:v>84.317327062389879</c:v>
                </c:pt>
                <c:pt idx="1872">
                  <c:v>84.315091093886068</c:v>
                </c:pt>
                <c:pt idx="1873">
                  <c:v>84.313304965199606</c:v>
                </c:pt>
                <c:pt idx="1874">
                  <c:v>84.311082227278661</c:v>
                </c:pt>
                <c:pt idx="1875">
                  <c:v>84.308859489357715</c:v>
                </c:pt>
                <c:pt idx="1876">
                  <c:v>84.307073360671254</c:v>
                </c:pt>
                <c:pt idx="1877">
                  <c:v>84.304850622750322</c:v>
                </c:pt>
                <c:pt idx="1878">
                  <c:v>84.303064494063833</c:v>
                </c:pt>
                <c:pt idx="1879">
                  <c:v>84.301278365377385</c:v>
                </c:pt>
                <c:pt idx="1880">
                  <c:v>84.299055627456426</c:v>
                </c:pt>
                <c:pt idx="1881">
                  <c:v>84.29726949876995</c:v>
                </c:pt>
                <c:pt idx="1882">
                  <c:v>84.295483370083502</c:v>
                </c:pt>
                <c:pt idx="1883">
                  <c:v>84.293710471979878</c:v>
                </c:pt>
                <c:pt idx="1884">
                  <c:v>84.291924343293417</c:v>
                </c:pt>
                <c:pt idx="1885">
                  <c:v>84.289701605372457</c:v>
                </c:pt>
                <c:pt idx="1886">
                  <c:v>84.287915476685995</c:v>
                </c:pt>
                <c:pt idx="1887">
                  <c:v>84.286579187816855</c:v>
                </c:pt>
                <c:pt idx="1888">
                  <c:v>84.284793059130394</c:v>
                </c:pt>
                <c:pt idx="1889">
                  <c:v>84.283020161026784</c:v>
                </c:pt>
                <c:pt idx="1890">
                  <c:v>84.281234032340308</c:v>
                </c:pt>
                <c:pt idx="1891">
                  <c:v>84.278998063836525</c:v>
                </c:pt>
                <c:pt idx="1892">
                  <c:v>84.277225165732901</c:v>
                </c:pt>
                <c:pt idx="1893">
                  <c:v>84.275439037046425</c:v>
                </c:pt>
                <c:pt idx="1894">
                  <c:v>84.274102748177299</c:v>
                </c:pt>
                <c:pt idx="1895">
                  <c:v>84.272316619490823</c:v>
                </c:pt>
                <c:pt idx="1896">
                  <c:v>84.270980330621668</c:v>
                </c:pt>
                <c:pt idx="1897">
                  <c:v>84.269207432518073</c:v>
                </c:pt>
                <c:pt idx="1898">
                  <c:v>84.267871143648946</c:v>
                </c:pt>
                <c:pt idx="1899">
                  <c:v>84.266534854779792</c:v>
                </c:pt>
                <c:pt idx="1900">
                  <c:v>84.265198565910666</c:v>
                </c:pt>
                <c:pt idx="1901">
                  <c:v>84.26386227704154</c:v>
                </c:pt>
                <c:pt idx="1902">
                  <c:v>84.262076148355064</c:v>
                </c:pt>
                <c:pt idx="1903">
                  <c:v>84.260739859485923</c:v>
                </c:pt>
                <c:pt idx="1904">
                  <c:v>84.259403570616783</c:v>
                </c:pt>
                <c:pt idx="1905">
                  <c:v>84.258503890982112</c:v>
                </c:pt>
                <c:pt idx="1906">
                  <c:v>84.257167602112972</c:v>
                </c:pt>
                <c:pt idx="1907">
                  <c:v>84.255831313243831</c:v>
                </c:pt>
                <c:pt idx="1908">
                  <c:v>84.254495024374719</c:v>
                </c:pt>
                <c:pt idx="1909">
                  <c:v>84.253158735505579</c:v>
                </c:pt>
                <c:pt idx="1910">
                  <c:v>84.251822446636439</c:v>
                </c:pt>
                <c:pt idx="1911">
                  <c:v>84.250486157767284</c:v>
                </c:pt>
                <c:pt idx="1912">
                  <c:v>84.249149868898158</c:v>
                </c:pt>
                <c:pt idx="1913">
                  <c:v>84.247376970794562</c:v>
                </c:pt>
                <c:pt idx="1914">
                  <c:v>84.246027451342556</c:v>
                </c:pt>
                <c:pt idx="1915">
                  <c:v>84.244691162473401</c:v>
                </c:pt>
                <c:pt idx="1916">
                  <c:v>84.243354873604275</c:v>
                </c:pt>
                <c:pt idx="1917">
                  <c:v>84.242018584735149</c:v>
                </c:pt>
                <c:pt idx="1918">
                  <c:v>84.24113213568333</c:v>
                </c:pt>
                <c:pt idx="1919">
                  <c:v>84.239795846814204</c:v>
                </c:pt>
                <c:pt idx="1920">
                  <c:v>84.238459557945063</c:v>
                </c:pt>
                <c:pt idx="1921">
                  <c:v>84.237123269075937</c:v>
                </c:pt>
                <c:pt idx="1922">
                  <c:v>84.235786980206797</c:v>
                </c:pt>
                <c:pt idx="1923">
                  <c:v>84.234450691337642</c:v>
                </c:pt>
                <c:pt idx="1924">
                  <c:v>84.233114402468502</c:v>
                </c:pt>
                <c:pt idx="1925">
                  <c:v>84.231778113599376</c:v>
                </c:pt>
                <c:pt idx="1926">
                  <c:v>84.230441824730235</c:v>
                </c:pt>
                <c:pt idx="1927">
                  <c:v>84.229105535861109</c:v>
                </c:pt>
                <c:pt idx="1928">
                  <c:v>84.227769246991954</c:v>
                </c:pt>
                <c:pt idx="1929">
                  <c:v>84.226432958122814</c:v>
                </c:pt>
                <c:pt idx="1930">
                  <c:v>84.225096669253702</c:v>
                </c:pt>
                <c:pt idx="1931">
                  <c:v>84.223760380384547</c:v>
                </c:pt>
                <c:pt idx="1932">
                  <c:v>84.221974251698072</c:v>
                </c:pt>
                <c:pt idx="1933">
                  <c:v>84.220637962828945</c:v>
                </c:pt>
                <c:pt idx="1934">
                  <c:v>84.219751513777126</c:v>
                </c:pt>
                <c:pt idx="1935">
                  <c:v>84.218415224908</c:v>
                </c:pt>
                <c:pt idx="1936">
                  <c:v>84.217515545273343</c:v>
                </c:pt>
                <c:pt idx="1937">
                  <c:v>84.216179256404203</c:v>
                </c:pt>
                <c:pt idx="1938">
                  <c:v>84.215292807352398</c:v>
                </c:pt>
                <c:pt idx="1939">
                  <c:v>84.213956518483258</c:v>
                </c:pt>
                <c:pt idx="1940">
                  <c:v>84.213070069431453</c:v>
                </c:pt>
                <c:pt idx="1941">
                  <c:v>84.211720549979461</c:v>
                </c:pt>
                <c:pt idx="1942">
                  <c:v>84.21038426111032</c:v>
                </c:pt>
                <c:pt idx="1943">
                  <c:v>84.209497812058515</c:v>
                </c:pt>
                <c:pt idx="1944">
                  <c:v>84.208161523189375</c:v>
                </c:pt>
                <c:pt idx="1945">
                  <c:v>84.207275074137584</c:v>
                </c:pt>
                <c:pt idx="1946">
                  <c:v>84.205938785268444</c:v>
                </c:pt>
                <c:pt idx="1947">
                  <c:v>84.204602496399303</c:v>
                </c:pt>
                <c:pt idx="1948">
                  <c:v>84.203266207530149</c:v>
                </c:pt>
                <c:pt idx="1949">
                  <c:v>84.202366527895492</c:v>
                </c:pt>
                <c:pt idx="1950">
                  <c:v>84.201030239026352</c:v>
                </c:pt>
                <c:pt idx="1951">
                  <c:v>84.200143789974561</c:v>
                </c:pt>
                <c:pt idx="1952">
                  <c:v>84.198807501105435</c:v>
                </c:pt>
                <c:pt idx="1953">
                  <c:v>84.197471212236266</c:v>
                </c:pt>
                <c:pt idx="1954">
                  <c:v>84.196584763184475</c:v>
                </c:pt>
                <c:pt idx="1955">
                  <c:v>84.195248474315335</c:v>
                </c:pt>
                <c:pt idx="1956">
                  <c:v>84.194348794680678</c:v>
                </c:pt>
                <c:pt idx="1957">
                  <c:v>84.193462345628873</c:v>
                </c:pt>
                <c:pt idx="1958">
                  <c:v>84.192562665994203</c:v>
                </c:pt>
                <c:pt idx="1959">
                  <c:v>84.191226377125076</c:v>
                </c:pt>
                <c:pt idx="1960">
                  <c:v>84.190339928073271</c:v>
                </c:pt>
                <c:pt idx="1961">
                  <c:v>84.189003639204117</c:v>
                </c:pt>
                <c:pt idx="1962">
                  <c:v>84.187667350334976</c:v>
                </c:pt>
                <c:pt idx="1963">
                  <c:v>84.186780901283186</c:v>
                </c:pt>
                <c:pt idx="1964">
                  <c:v>84.185444612414045</c:v>
                </c:pt>
                <c:pt idx="1965">
                  <c:v>84.184108323544919</c:v>
                </c:pt>
                <c:pt idx="1966">
                  <c:v>84.183208643910234</c:v>
                </c:pt>
                <c:pt idx="1967">
                  <c:v>84.181872355041108</c:v>
                </c:pt>
                <c:pt idx="1968">
                  <c:v>84.180985905989317</c:v>
                </c:pt>
                <c:pt idx="1969">
                  <c:v>84.179649617120162</c:v>
                </c:pt>
                <c:pt idx="1970">
                  <c:v>84.178763168068357</c:v>
                </c:pt>
                <c:pt idx="1971">
                  <c:v>84.177863488433687</c:v>
                </c:pt>
                <c:pt idx="1972">
                  <c:v>84.176977039381882</c:v>
                </c:pt>
                <c:pt idx="1973">
                  <c:v>84.176077359747225</c:v>
                </c:pt>
                <c:pt idx="1974">
                  <c:v>84.17519091069542</c:v>
                </c:pt>
                <c:pt idx="1975">
                  <c:v>84.174741070878085</c:v>
                </c:pt>
                <c:pt idx="1976">
                  <c:v>84.17385462182628</c:v>
                </c:pt>
                <c:pt idx="1977">
                  <c:v>84.172968172774489</c:v>
                </c:pt>
                <c:pt idx="1978">
                  <c:v>84.172068493139818</c:v>
                </c:pt>
                <c:pt idx="1979">
                  <c:v>84.171182044087999</c:v>
                </c:pt>
                <c:pt idx="1980">
                  <c:v>84.170295595036208</c:v>
                </c:pt>
                <c:pt idx="1981">
                  <c:v>84.168959306167068</c:v>
                </c:pt>
                <c:pt idx="1982">
                  <c:v>84.168059626532397</c:v>
                </c:pt>
                <c:pt idx="1983">
                  <c:v>84.167173177480606</c:v>
                </c:pt>
                <c:pt idx="1984">
                  <c:v>84.165836888611466</c:v>
                </c:pt>
                <c:pt idx="1985">
                  <c:v>84.164950439559661</c:v>
                </c:pt>
                <c:pt idx="1986">
                  <c:v>84.16405075992499</c:v>
                </c:pt>
                <c:pt idx="1987">
                  <c:v>84.163164310873199</c:v>
                </c:pt>
                <c:pt idx="1988">
                  <c:v>84.16271447105585</c:v>
                </c:pt>
                <c:pt idx="1989">
                  <c:v>84.161828022004045</c:v>
                </c:pt>
                <c:pt idx="1990">
                  <c:v>84.16094157295224</c:v>
                </c:pt>
                <c:pt idx="1991">
                  <c:v>84.159592053500248</c:v>
                </c:pt>
                <c:pt idx="1992">
                  <c:v>84.158705604448443</c:v>
                </c:pt>
                <c:pt idx="1993">
                  <c:v>84.157819155396638</c:v>
                </c:pt>
                <c:pt idx="1994">
                  <c:v>84.156919475761967</c:v>
                </c:pt>
                <c:pt idx="1995">
                  <c:v>84.155583186892841</c:v>
                </c:pt>
                <c:pt idx="1996">
                  <c:v>84.154696737841022</c:v>
                </c:pt>
                <c:pt idx="1997">
                  <c:v>84.153360448971895</c:v>
                </c:pt>
                <c:pt idx="1998">
                  <c:v>84.15247399992009</c:v>
                </c:pt>
                <c:pt idx="1999">
                  <c:v>84.151137711050978</c:v>
                </c:pt>
                <c:pt idx="2000">
                  <c:v>84.14980142218181</c:v>
                </c:pt>
                <c:pt idx="2001">
                  <c:v>84.148465133312669</c:v>
                </c:pt>
                <c:pt idx="2002">
                  <c:v>84.147128844443543</c:v>
                </c:pt>
                <c:pt idx="2003">
                  <c:v>84.146229164808886</c:v>
                </c:pt>
                <c:pt idx="2004">
                  <c:v>84.145342715757081</c:v>
                </c:pt>
                <c:pt idx="2005">
                  <c:v>84.144892875939732</c:v>
                </c:pt>
                <c:pt idx="2006">
                  <c:v>84.144456266705262</c:v>
                </c:pt>
                <c:pt idx="2007">
                  <c:v>84.144006426887913</c:v>
                </c:pt>
                <c:pt idx="2008">
                  <c:v>84.144006426887913</c:v>
                </c:pt>
                <c:pt idx="2009">
                  <c:v>84.143556587070606</c:v>
                </c:pt>
                <c:pt idx="2010">
                  <c:v>84.143556587070606</c:v>
                </c:pt>
                <c:pt idx="2011">
                  <c:v>84.14311997783615</c:v>
                </c:pt>
                <c:pt idx="2012">
                  <c:v>84.142670138018786</c:v>
                </c:pt>
                <c:pt idx="2013">
                  <c:v>84.142220298201451</c:v>
                </c:pt>
                <c:pt idx="2014">
                  <c:v>84.140884009332339</c:v>
                </c:pt>
                <c:pt idx="2015">
                  <c:v>84.139547720463199</c:v>
                </c:pt>
                <c:pt idx="2016">
                  <c:v>84.137761591776723</c:v>
                </c:pt>
                <c:pt idx="2017">
                  <c:v>84.135089014038442</c:v>
                </c:pt>
                <c:pt idx="2018">
                  <c:v>84.131979827065678</c:v>
                </c:pt>
                <c:pt idx="2019">
                  <c:v>84.127970960458285</c:v>
                </c:pt>
                <c:pt idx="2020">
                  <c:v>84.122612574398886</c:v>
                </c:pt>
                <c:pt idx="2021">
                  <c:v>84.116830809687855</c:v>
                </c:pt>
                <c:pt idx="2022">
                  <c:v>84.110149365342167</c:v>
                </c:pt>
                <c:pt idx="2023">
                  <c:v>84.102568241361823</c:v>
                </c:pt>
                <c:pt idx="2024">
                  <c:v>84.094100668329659</c:v>
                </c:pt>
                <c:pt idx="2025">
                  <c:v>84.084296806428384</c:v>
                </c:pt>
                <c:pt idx="2026">
                  <c:v>84.07272004642347</c:v>
                </c:pt>
                <c:pt idx="2027">
                  <c:v>84.059357157732109</c:v>
                </c:pt>
                <c:pt idx="2028">
                  <c:v>84.044208140354243</c:v>
                </c:pt>
                <c:pt idx="2029">
                  <c:v>84.02815944334175</c:v>
                </c:pt>
                <c:pt idx="2030">
                  <c:v>84.010787688042981</c:v>
                </c:pt>
                <c:pt idx="2031">
                  <c:v>83.992516253109514</c:v>
                </c:pt>
                <c:pt idx="2032">
                  <c:v>83.973808208941605</c:v>
                </c:pt>
                <c:pt idx="2033">
                  <c:v>83.954200485139012</c:v>
                </c:pt>
                <c:pt idx="2034">
                  <c:v>83.934592761336418</c:v>
                </c:pt>
                <c:pt idx="2035">
                  <c:v>83.915434877351174</c:v>
                </c:pt>
                <c:pt idx="2036">
                  <c:v>83.895840384131446</c:v>
                </c:pt>
                <c:pt idx="2037">
                  <c:v>83.877119109380672</c:v>
                </c:pt>
                <c:pt idx="2038">
                  <c:v>83.85886090503007</c:v>
                </c:pt>
                <c:pt idx="2039">
                  <c:v>83.841039309913981</c:v>
                </c:pt>
                <c:pt idx="2040">
                  <c:v>83.823654324032333</c:v>
                </c:pt>
                <c:pt idx="2041">
                  <c:v>83.806732408550872</c:v>
                </c:pt>
                <c:pt idx="2042">
                  <c:v>83.790683711538378</c:v>
                </c:pt>
                <c:pt idx="2043">
                  <c:v>83.774648245108722</c:v>
                </c:pt>
                <c:pt idx="2044">
                  <c:v>83.75994906754822</c:v>
                </c:pt>
                <c:pt idx="2045">
                  <c:v>83.745686499222174</c:v>
                </c:pt>
                <c:pt idx="2046">
                  <c:v>83.732773450348148</c:v>
                </c:pt>
                <c:pt idx="2047">
                  <c:v>83.720733619943047</c:v>
                </c:pt>
                <c:pt idx="2048">
                  <c:v>83.708707020120812</c:v>
                </c:pt>
                <c:pt idx="2049">
                  <c:v>83.696680420298563</c:v>
                </c:pt>
                <c:pt idx="2050">
                  <c:v>83.685990109345482</c:v>
                </c:pt>
                <c:pt idx="2051">
                  <c:v>83.675736407626843</c:v>
                </c:pt>
                <c:pt idx="2052">
                  <c:v>83.665932545725568</c:v>
                </c:pt>
                <c:pt idx="2053">
                  <c:v>83.657028363458934</c:v>
                </c:pt>
                <c:pt idx="2054">
                  <c:v>83.648560790426785</c:v>
                </c:pt>
                <c:pt idx="2055">
                  <c:v>83.640979666446427</c:v>
                </c:pt>
                <c:pt idx="2056">
                  <c:v>83.63341177304892</c:v>
                </c:pt>
                <c:pt idx="2057">
                  <c:v>83.62673032870326</c:v>
                </c:pt>
                <c:pt idx="2058">
                  <c:v>83.620048884357558</c:v>
                </c:pt>
                <c:pt idx="2059">
                  <c:v>83.61380404924634</c:v>
                </c:pt>
                <c:pt idx="2060">
                  <c:v>83.608022284535338</c:v>
                </c:pt>
                <c:pt idx="2061">
                  <c:v>83.602663898475939</c:v>
                </c:pt>
                <c:pt idx="2062">
                  <c:v>83.597318742999377</c:v>
                </c:pt>
                <c:pt idx="2063">
                  <c:v>83.59197358752283</c:v>
                </c:pt>
                <c:pt idx="2064">
                  <c:v>83.587514881098073</c:v>
                </c:pt>
                <c:pt idx="2065">
                  <c:v>83.583069405256211</c:v>
                </c:pt>
                <c:pt idx="2066">
                  <c:v>83.578610698831454</c:v>
                </c:pt>
                <c:pt idx="2067">
                  <c:v>83.574601832224033</c:v>
                </c:pt>
                <c:pt idx="2068">
                  <c:v>83.570592965616626</c:v>
                </c:pt>
                <c:pt idx="2069">
                  <c:v>83.567020708243703</c:v>
                </c:pt>
                <c:pt idx="2070">
                  <c:v>83.563911521270938</c:v>
                </c:pt>
                <c:pt idx="2071">
                  <c:v>83.560339263898001</c:v>
                </c:pt>
                <c:pt idx="2072">
                  <c:v>83.557230076925265</c:v>
                </c:pt>
                <c:pt idx="2073">
                  <c:v>83.554544268604118</c:v>
                </c:pt>
                <c:pt idx="2074">
                  <c:v>83.551871690865852</c:v>
                </c:pt>
                <c:pt idx="2075">
                  <c:v>83.549199113127571</c:v>
                </c:pt>
                <c:pt idx="2076">
                  <c:v>83.546976375206626</c:v>
                </c:pt>
                <c:pt idx="2077">
                  <c:v>83.545190246520164</c:v>
                </c:pt>
                <c:pt idx="2078">
                  <c:v>83.542967508599233</c:v>
                </c:pt>
                <c:pt idx="2079">
                  <c:v>83.541181379912757</c:v>
                </c:pt>
                <c:pt idx="2080">
                  <c:v>83.539408481809147</c:v>
                </c:pt>
                <c:pt idx="2081">
                  <c:v>83.537622353122671</c:v>
                </c:pt>
                <c:pt idx="2082">
                  <c:v>83.536286064253545</c:v>
                </c:pt>
                <c:pt idx="2083">
                  <c:v>83.534499935567055</c:v>
                </c:pt>
                <c:pt idx="2084">
                  <c:v>83.533163646697929</c:v>
                </c:pt>
                <c:pt idx="2085">
                  <c:v>83.531827357828789</c:v>
                </c:pt>
                <c:pt idx="2086">
                  <c:v>83.530491068959662</c:v>
                </c:pt>
                <c:pt idx="2087">
                  <c:v>83.529154780090536</c:v>
                </c:pt>
                <c:pt idx="2088">
                  <c:v>83.528268331038717</c:v>
                </c:pt>
                <c:pt idx="2089">
                  <c:v>83.527368651404046</c:v>
                </c:pt>
                <c:pt idx="2090">
                  <c:v>83.526482202352241</c:v>
                </c:pt>
                <c:pt idx="2091">
                  <c:v>83.525595753300436</c:v>
                </c:pt>
                <c:pt idx="2092">
                  <c:v>83.525145913483101</c:v>
                </c:pt>
                <c:pt idx="2093">
                  <c:v>83.52469607366578</c:v>
                </c:pt>
                <c:pt idx="2094">
                  <c:v>83.52425946443131</c:v>
                </c:pt>
                <c:pt idx="2095">
                  <c:v>83.523809624613961</c:v>
                </c:pt>
                <c:pt idx="2096">
                  <c:v>83.523359784796639</c:v>
                </c:pt>
                <c:pt idx="2097">
                  <c:v>83.523359784796639</c:v>
                </c:pt>
                <c:pt idx="2098">
                  <c:v>83.522923175562156</c:v>
                </c:pt>
                <c:pt idx="2099">
                  <c:v>83.522473335744834</c:v>
                </c:pt>
                <c:pt idx="2100">
                  <c:v>83.521573656110164</c:v>
                </c:pt>
                <c:pt idx="2101">
                  <c:v>83.52113704687568</c:v>
                </c:pt>
                <c:pt idx="2102">
                  <c:v>83.520237367241037</c:v>
                </c:pt>
                <c:pt idx="2103">
                  <c:v>83.519800758006554</c:v>
                </c:pt>
                <c:pt idx="2104">
                  <c:v>83.519800758006554</c:v>
                </c:pt>
                <c:pt idx="2105">
                  <c:v>83.519350918189218</c:v>
                </c:pt>
                <c:pt idx="2106">
                  <c:v>83.519350918189218</c:v>
                </c:pt>
                <c:pt idx="2107">
                  <c:v>83.518901078371897</c:v>
                </c:pt>
                <c:pt idx="2108">
                  <c:v>83.518901078371897</c:v>
                </c:pt>
                <c:pt idx="2109">
                  <c:v>83.518464469137427</c:v>
                </c:pt>
                <c:pt idx="2110">
                  <c:v>83.518464469137427</c:v>
                </c:pt>
                <c:pt idx="2111">
                  <c:v>83.518014629320078</c:v>
                </c:pt>
                <c:pt idx="2112">
                  <c:v>83.517564789502757</c:v>
                </c:pt>
                <c:pt idx="2113">
                  <c:v>83.517128180268273</c:v>
                </c:pt>
                <c:pt idx="2114">
                  <c:v>83.516678340450952</c:v>
                </c:pt>
                <c:pt idx="2115">
                  <c:v>83.515791891399132</c:v>
                </c:pt>
                <c:pt idx="2116">
                  <c:v>83.514892211764476</c:v>
                </c:pt>
                <c:pt idx="2117">
                  <c:v>83.514005762712671</c:v>
                </c:pt>
                <c:pt idx="2118">
                  <c:v>83.51311931366088</c:v>
                </c:pt>
                <c:pt idx="2119">
                  <c:v>83.512219634026209</c:v>
                </c:pt>
                <c:pt idx="2120">
                  <c:v>83.51133318497439</c:v>
                </c:pt>
                <c:pt idx="2121">
                  <c:v>83.510446735922599</c:v>
                </c:pt>
                <c:pt idx="2122">
                  <c:v>83.509547056287929</c:v>
                </c:pt>
                <c:pt idx="2123">
                  <c:v>83.508660607236123</c:v>
                </c:pt>
                <c:pt idx="2124">
                  <c:v>83.508210767418788</c:v>
                </c:pt>
                <c:pt idx="2125">
                  <c:v>83.507774158184304</c:v>
                </c:pt>
                <c:pt idx="2126">
                  <c:v>83.507324318366997</c:v>
                </c:pt>
                <c:pt idx="2127">
                  <c:v>83.507324318366997</c:v>
                </c:pt>
                <c:pt idx="2128">
                  <c:v>83.506874478549662</c:v>
                </c:pt>
                <c:pt idx="2129">
                  <c:v>83.505988029497857</c:v>
                </c:pt>
                <c:pt idx="2130">
                  <c:v>83.505101580446052</c:v>
                </c:pt>
                <c:pt idx="2131">
                  <c:v>83.504651740628702</c:v>
                </c:pt>
                <c:pt idx="2132">
                  <c:v>83.504201900811381</c:v>
                </c:pt>
                <c:pt idx="2133">
                  <c:v>83.503752060994046</c:v>
                </c:pt>
                <c:pt idx="2134">
                  <c:v>83.503752060994046</c:v>
                </c:pt>
                <c:pt idx="2135">
                  <c:v>83.503315451759562</c:v>
                </c:pt>
                <c:pt idx="2136">
                  <c:v>83.502865611942241</c:v>
                </c:pt>
                <c:pt idx="2137">
                  <c:v>83.50241577212492</c:v>
                </c:pt>
                <c:pt idx="2138">
                  <c:v>83.501979162890436</c:v>
                </c:pt>
                <c:pt idx="2139">
                  <c:v>83.501529323073115</c:v>
                </c:pt>
                <c:pt idx="2140">
                  <c:v>83.501529323073115</c:v>
                </c:pt>
                <c:pt idx="2141">
                  <c:v>83.501079483255779</c:v>
                </c:pt>
                <c:pt idx="2142">
                  <c:v>83.501079483255779</c:v>
                </c:pt>
                <c:pt idx="2143">
                  <c:v>83.501079483255779</c:v>
                </c:pt>
                <c:pt idx="2144">
                  <c:v>83.50064287402131</c:v>
                </c:pt>
                <c:pt idx="2145">
                  <c:v>83.50064287402131</c:v>
                </c:pt>
                <c:pt idx="2146">
                  <c:v>83.50064287402131</c:v>
                </c:pt>
                <c:pt idx="2147">
                  <c:v>83.50064287402131</c:v>
                </c:pt>
                <c:pt idx="2148">
                  <c:v>83.50064287402131</c:v>
                </c:pt>
                <c:pt idx="2149">
                  <c:v>83.50064287402131</c:v>
                </c:pt>
                <c:pt idx="2150">
                  <c:v>83.499743194386639</c:v>
                </c:pt>
                <c:pt idx="2151">
                  <c:v>83.49885674533482</c:v>
                </c:pt>
                <c:pt idx="2152">
                  <c:v>83.497970296283029</c:v>
                </c:pt>
                <c:pt idx="2153">
                  <c:v>83.497520456465693</c:v>
                </c:pt>
                <c:pt idx="2154">
                  <c:v>83.498406905517513</c:v>
                </c:pt>
                <c:pt idx="2155">
                  <c:v>83.497970296283029</c:v>
                </c:pt>
                <c:pt idx="2156">
                  <c:v>83.497070616648358</c:v>
                </c:pt>
                <c:pt idx="2157">
                  <c:v>83.496634007413888</c:v>
                </c:pt>
                <c:pt idx="2158">
                  <c:v>83.495734327779218</c:v>
                </c:pt>
                <c:pt idx="2159">
                  <c:v>83.495297718544762</c:v>
                </c:pt>
                <c:pt idx="2160">
                  <c:v>83.494847878727413</c:v>
                </c:pt>
                <c:pt idx="2161">
                  <c:v>83.494398038910091</c:v>
                </c:pt>
                <c:pt idx="2162">
                  <c:v>83.493961429675622</c:v>
                </c:pt>
                <c:pt idx="2163">
                  <c:v>83.493511589858286</c:v>
                </c:pt>
                <c:pt idx="2164">
                  <c:v>83.493061750040937</c:v>
                </c:pt>
                <c:pt idx="2165">
                  <c:v>83.493061750040937</c:v>
                </c:pt>
                <c:pt idx="2166">
                  <c:v>83.493061750040937</c:v>
                </c:pt>
                <c:pt idx="2167">
                  <c:v>83.492625140806481</c:v>
                </c:pt>
                <c:pt idx="2168">
                  <c:v>83.49217530098916</c:v>
                </c:pt>
                <c:pt idx="2169">
                  <c:v>83.49217530098916</c:v>
                </c:pt>
                <c:pt idx="2170">
                  <c:v>83.491725461171811</c:v>
                </c:pt>
                <c:pt idx="2171">
                  <c:v>83.491725461171811</c:v>
                </c:pt>
                <c:pt idx="2172">
                  <c:v>83.491725461171811</c:v>
                </c:pt>
                <c:pt idx="2173">
                  <c:v>83.491725461171811</c:v>
                </c:pt>
                <c:pt idx="2174">
                  <c:v>83.491725461171811</c:v>
                </c:pt>
                <c:pt idx="2175">
                  <c:v>83.49217530098916</c:v>
                </c:pt>
                <c:pt idx="2176">
                  <c:v>83.492625140806481</c:v>
                </c:pt>
                <c:pt idx="2177">
                  <c:v>83.493061750040937</c:v>
                </c:pt>
                <c:pt idx="2178">
                  <c:v>83.493061750040937</c:v>
                </c:pt>
                <c:pt idx="2179">
                  <c:v>83.49217530098916</c:v>
                </c:pt>
                <c:pt idx="2180">
                  <c:v>83.491725461171811</c:v>
                </c:pt>
                <c:pt idx="2181">
                  <c:v>83.49217530098916</c:v>
                </c:pt>
                <c:pt idx="2182">
                  <c:v>83.49217530098916</c:v>
                </c:pt>
                <c:pt idx="2183">
                  <c:v>83.492625140806481</c:v>
                </c:pt>
                <c:pt idx="2184">
                  <c:v>83.492625140806481</c:v>
                </c:pt>
                <c:pt idx="2185">
                  <c:v>83.493061750040937</c:v>
                </c:pt>
                <c:pt idx="2186">
                  <c:v>83.493061750040937</c:v>
                </c:pt>
                <c:pt idx="2187">
                  <c:v>83.493061750040937</c:v>
                </c:pt>
                <c:pt idx="2188">
                  <c:v>83.493511589858286</c:v>
                </c:pt>
                <c:pt idx="2189">
                  <c:v>83.493511589858286</c:v>
                </c:pt>
                <c:pt idx="2190">
                  <c:v>83.493511589858286</c:v>
                </c:pt>
                <c:pt idx="2191">
                  <c:v>83.493961429675622</c:v>
                </c:pt>
                <c:pt idx="2192">
                  <c:v>83.493961429675622</c:v>
                </c:pt>
                <c:pt idx="2193">
                  <c:v>83.494398038910091</c:v>
                </c:pt>
                <c:pt idx="2194">
                  <c:v>83.494398038910091</c:v>
                </c:pt>
                <c:pt idx="2195">
                  <c:v>83.494847878727413</c:v>
                </c:pt>
                <c:pt idx="2196">
                  <c:v>83.494847878727413</c:v>
                </c:pt>
                <c:pt idx="2197">
                  <c:v>83.494847878727413</c:v>
                </c:pt>
                <c:pt idx="2198">
                  <c:v>83.494847878727413</c:v>
                </c:pt>
                <c:pt idx="2199">
                  <c:v>83.495297718544762</c:v>
                </c:pt>
                <c:pt idx="2200">
                  <c:v>83.495297718544762</c:v>
                </c:pt>
                <c:pt idx="2201">
                  <c:v>83.495297718544762</c:v>
                </c:pt>
                <c:pt idx="2202">
                  <c:v>83.495297718544762</c:v>
                </c:pt>
                <c:pt idx="2203">
                  <c:v>83.495297718544762</c:v>
                </c:pt>
                <c:pt idx="2204">
                  <c:v>83.495297718544762</c:v>
                </c:pt>
                <c:pt idx="2205">
                  <c:v>83.495297718544762</c:v>
                </c:pt>
                <c:pt idx="2206">
                  <c:v>83.495297718544762</c:v>
                </c:pt>
                <c:pt idx="2207">
                  <c:v>83.495297718544762</c:v>
                </c:pt>
                <c:pt idx="2208">
                  <c:v>83.495734327779218</c:v>
                </c:pt>
                <c:pt idx="2209">
                  <c:v>83.495297718544762</c:v>
                </c:pt>
                <c:pt idx="2210">
                  <c:v>83.495297718544762</c:v>
                </c:pt>
                <c:pt idx="2211">
                  <c:v>83.495297718544762</c:v>
                </c:pt>
                <c:pt idx="2212">
                  <c:v>83.495297718544762</c:v>
                </c:pt>
                <c:pt idx="2213">
                  <c:v>83.495297718544762</c:v>
                </c:pt>
                <c:pt idx="2214">
                  <c:v>83.494847878727413</c:v>
                </c:pt>
                <c:pt idx="2215">
                  <c:v>83.494847878727413</c:v>
                </c:pt>
                <c:pt idx="2216">
                  <c:v>83.494847878727413</c:v>
                </c:pt>
                <c:pt idx="2217">
                  <c:v>83.494847878727413</c:v>
                </c:pt>
                <c:pt idx="2218">
                  <c:v>83.494847878727413</c:v>
                </c:pt>
                <c:pt idx="2219">
                  <c:v>83.494398038910091</c:v>
                </c:pt>
                <c:pt idx="2220">
                  <c:v>83.494398038910091</c:v>
                </c:pt>
                <c:pt idx="2221">
                  <c:v>83.493961429675622</c:v>
                </c:pt>
                <c:pt idx="2222">
                  <c:v>83.493511589858286</c:v>
                </c:pt>
                <c:pt idx="2223">
                  <c:v>83.493061750040937</c:v>
                </c:pt>
                <c:pt idx="2224">
                  <c:v>83.492625140806481</c:v>
                </c:pt>
                <c:pt idx="2225">
                  <c:v>83.49217530098916</c:v>
                </c:pt>
                <c:pt idx="2226">
                  <c:v>83.49217530098916</c:v>
                </c:pt>
                <c:pt idx="2227">
                  <c:v>83.491725461171811</c:v>
                </c:pt>
                <c:pt idx="2228">
                  <c:v>83.491725461171811</c:v>
                </c:pt>
                <c:pt idx="2229">
                  <c:v>83.491288851937341</c:v>
                </c:pt>
                <c:pt idx="2230">
                  <c:v>83.490839012120006</c:v>
                </c:pt>
                <c:pt idx="2231">
                  <c:v>83.490839012120006</c:v>
                </c:pt>
                <c:pt idx="2232">
                  <c:v>83.490389172302699</c:v>
                </c:pt>
                <c:pt idx="2233">
                  <c:v>83.490389172302699</c:v>
                </c:pt>
                <c:pt idx="2234">
                  <c:v>83.490389172302699</c:v>
                </c:pt>
                <c:pt idx="2235">
                  <c:v>83.490389172302699</c:v>
                </c:pt>
                <c:pt idx="2236">
                  <c:v>83.489952563068215</c:v>
                </c:pt>
                <c:pt idx="2237">
                  <c:v>83.489952563068215</c:v>
                </c:pt>
                <c:pt idx="2238">
                  <c:v>83.489952563068215</c:v>
                </c:pt>
                <c:pt idx="2239">
                  <c:v>83.489952563068215</c:v>
                </c:pt>
                <c:pt idx="2240">
                  <c:v>83.48950272325088</c:v>
                </c:pt>
                <c:pt idx="2241">
                  <c:v>83.48950272325088</c:v>
                </c:pt>
                <c:pt idx="2242">
                  <c:v>83.48950272325088</c:v>
                </c:pt>
                <c:pt idx="2243">
                  <c:v>83.48950272325088</c:v>
                </c:pt>
                <c:pt idx="2244">
                  <c:v>83.48950272325088</c:v>
                </c:pt>
                <c:pt idx="2245">
                  <c:v>83.48950272325088</c:v>
                </c:pt>
                <c:pt idx="2246">
                  <c:v>83.48950272325088</c:v>
                </c:pt>
                <c:pt idx="2247">
                  <c:v>83.48950272325088</c:v>
                </c:pt>
                <c:pt idx="2248">
                  <c:v>83.489952563068215</c:v>
                </c:pt>
                <c:pt idx="2249">
                  <c:v>83.489952563068215</c:v>
                </c:pt>
                <c:pt idx="2250">
                  <c:v>83.490389172302699</c:v>
                </c:pt>
                <c:pt idx="2251">
                  <c:v>83.490389172302699</c:v>
                </c:pt>
                <c:pt idx="2252">
                  <c:v>83.490839012120006</c:v>
                </c:pt>
                <c:pt idx="2253">
                  <c:v>83.490839012120006</c:v>
                </c:pt>
                <c:pt idx="2254">
                  <c:v>83.490839012120006</c:v>
                </c:pt>
                <c:pt idx="2255">
                  <c:v>83.490839012120006</c:v>
                </c:pt>
                <c:pt idx="2256">
                  <c:v>83.490839012120006</c:v>
                </c:pt>
                <c:pt idx="2257">
                  <c:v>83.490839012120006</c:v>
                </c:pt>
                <c:pt idx="2258">
                  <c:v>83.490839012120006</c:v>
                </c:pt>
                <c:pt idx="2259">
                  <c:v>83.490839012120006</c:v>
                </c:pt>
                <c:pt idx="2260">
                  <c:v>83.490839012120006</c:v>
                </c:pt>
                <c:pt idx="2261">
                  <c:v>83.490839012120006</c:v>
                </c:pt>
                <c:pt idx="2262">
                  <c:v>83.490839012120006</c:v>
                </c:pt>
                <c:pt idx="2263">
                  <c:v>83.490839012120006</c:v>
                </c:pt>
                <c:pt idx="2264">
                  <c:v>83.490839012120006</c:v>
                </c:pt>
                <c:pt idx="2265">
                  <c:v>83.490839012120006</c:v>
                </c:pt>
                <c:pt idx="2266">
                  <c:v>83.490839012120006</c:v>
                </c:pt>
                <c:pt idx="2267">
                  <c:v>83.490839012120006</c:v>
                </c:pt>
                <c:pt idx="2268">
                  <c:v>83.490839012120006</c:v>
                </c:pt>
                <c:pt idx="2269">
                  <c:v>83.490389172302699</c:v>
                </c:pt>
                <c:pt idx="2270">
                  <c:v>83.490389172302699</c:v>
                </c:pt>
                <c:pt idx="2271">
                  <c:v>83.490389172302699</c:v>
                </c:pt>
                <c:pt idx="2272">
                  <c:v>83.490389172302699</c:v>
                </c:pt>
                <c:pt idx="2273">
                  <c:v>83.489952563068215</c:v>
                </c:pt>
                <c:pt idx="2274">
                  <c:v>83.489952563068215</c:v>
                </c:pt>
                <c:pt idx="2275">
                  <c:v>83.489952563068215</c:v>
                </c:pt>
                <c:pt idx="2276">
                  <c:v>83.489952563068215</c:v>
                </c:pt>
                <c:pt idx="2277">
                  <c:v>83.48950272325088</c:v>
                </c:pt>
                <c:pt idx="2278">
                  <c:v>83.48905288343353</c:v>
                </c:pt>
                <c:pt idx="2279">
                  <c:v>83.48905288343353</c:v>
                </c:pt>
                <c:pt idx="2280">
                  <c:v>83.48905288343353</c:v>
                </c:pt>
                <c:pt idx="2281">
                  <c:v>83.48905288343353</c:v>
                </c:pt>
                <c:pt idx="2282">
                  <c:v>83.48905288343353</c:v>
                </c:pt>
                <c:pt idx="2283">
                  <c:v>83.48905288343353</c:v>
                </c:pt>
                <c:pt idx="2284">
                  <c:v>83.48905288343353</c:v>
                </c:pt>
                <c:pt idx="2285">
                  <c:v>83.48905288343353</c:v>
                </c:pt>
                <c:pt idx="2286">
                  <c:v>83.488616274199074</c:v>
                </c:pt>
                <c:pt idx="2287">
                  <c:v>83.488616274199074</c:v>
                </c:pt>
                <c:pt idx="2288">
                  <c:v>83.488616274199074</c:v>
                </c:pt>
                <c:pt idx="2289">
                  <c:v>83.488616274199074</c:v>
                </c:pt>
                <c:pt idx="2290">
                  <c:v>83.488166434381739</c:v>
                </c:pt>
                <c:pt idx="2291">
                  <c:v>83.48771659456440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026B-4393-93C8-5ACB5ADF4DBC}"/>
            </c:ext>
          </c:extLst>
        </c:ser>
        <c:ser>
          <c:idx val="1"/>
          <c:order val="3"/>
          <c:tx>
            <c:strRef>
              <c:f>'Fig 6'!$M$7</c:f>
              <c:strCache>
                <c:ptCount val="1"/>
                <c:pt idx="0">
                  <c:v>20BE10LU-TA</c:v>
                </c:pt>
              </c:strCache>
            </c:strRef>
          </c:tx>
          <c:spPr>
            <a:ln w="15875">
              <a:solidFill>
                <a:srgbClr val="4472C4">
                  <a:lumMod val="50000"/>
                </a:srgbClr>
              </a:solidFill>
              <a:prstDash val="sysDot"/>
            </a:ln>
          </c:spPr>
          <c:marker>
            <c:symbol val="none"/>
          </c:marker>
          <c:xVal>
            <c:numRef>
              <c:f>'Fig 6'!$N$9:$N$2811</c:f>
              <c:numCache>
                <c:formatCode>General</c:formatCode>
                <c:ptCount val="2803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1</c:v>
                </c:pt>
                <c:pt idx="4">
                  <c:v>101</c:v>
                </c:pt>
                <c:pt idx="5">
                  <c:v>101</c:v>
                </c:pt>
                <c:pt idx="6">
                  <c:v>102</c:v>
                </c:pt>
                <c:pt idx="7">
                  <c:v>102</c:v>
                </c:pt>
                <c:pt idx="8">
                  <c:v>102</c:v>
                </c:pt>
                <c:pt idx="9">
                  <c:v>103</c:v>
                </c:pt>
                <c:pt idx="10">
                  <c:v>103</c:v>
                </c:pt>
                <c:pt idx="11">
                  <c:v>103</c:v>
                </c:pt>
                <c:pt idx="12">
                  <c:v>104</c:v>
                </c:pt>
                <c:pt idx="13">
                  <c:v>104</c:v>
                </c:pt>
                <c:pt idx="14">
                  <c:v>104</c:v>
                </c:pt>
                <c:pt idx="15">
                  <c:v>105</c:v>
                </c:pt>
                <c:pt idx="16">
                  <c:v>105</c:v>
                </c:pt>
                <c:pt idx="17">
                  <c:v>105</c:v>
                </c:pt>
                <c:pt idx="18">
                  <c:v>106</c:v>
                </c:pt>
                <c:pt idx="19">
                  <c:v>106</c:v>
                </c:pt>
                <c:pt idx="20">
                  <c:v>106</c:v>
                </c:pt>
                <c:pt idx="21">
                  <c:v>107</c:v>
                </c:pt>
                <c:pt idx="22">
                  <c:v>107</c:v>
                </c:pt>
                <c:pt idx="23">
                  <c:v>107</c:v>
                </c:pt>
                <c:pt idx="24">
                  <c:v>108</c:v>
                </c:pt>
                <c:pt idx="25">
                  <c:v>108</c:v>
                </c:pt>
                <c:pt idx="26">
                  <c:v>108</c:v>
                </c:pt>
                <c:pt idx="27">
                  <c:v>109</c:v>
                </c:pt>
                <c:pt idx="28">
                  <c:v>109</c:v>
                </c:pt>
                <c:pt idx="29">
                  <c:v>109</c:v>
                </c:pt>
                <c:pt idx="30">
                  <c:v>110</c:v>
                </c:pt>
                <c:pt idx="31">
                  <c:v>110</c:v>
                </c:pt>
                <c:pt idx="32">
                  <c:v>110</c:v>
                </c:pt>
                <c:pt idx="33">
                  <c:v>111</c:v>
                </c:pt>
                <c:pt idx="34">
                  <c:v>111</c:v>
                </c:pt>
                <c:pt idx="35">
                  <c:v>111</c:v>
                </c:pt>
                <c:pt idx="36">
                  <c:v>112</c:v>
                </c:pt>
                <c:pt idx="37">
                  <c:v>112</c:v>
                </c:pt>
                <c:pt idx="38">
                  <c:v>112</c:v>
                </c:pt>
                <c:pt idx="39">
                  <c:v>113</c:v>
                </c:pt>
                <c:pt idx="40">
                  <c:v>113</c:v>
                </c:pt>
                <c:pt idx="41">
                  <c:v>113</c:v>
                </c:pt>
                <c:pt idx="42">
                  <c:v>114</c:v>
                </c:pt>
                <c:pt idx="43">
                  <c:v>114</c:v>
                </c:pt>
                <c:pt idx="44">
                  <c:v>114</c:v>
                </c:pt>
                <c:pt idx="45">
                  <c:v>115</c:v>
                </c:pt>
                <c:pt idx="46">
                  <c:v>115</c:v>
                </c:pt>
                <c:pt idx="47">
                  <c:v>115</c:v>
                </c:pt>
                <c:pt idx="48">
                  <c:v>116</c:v>
                </c:pt>
                <c:pt idx="49">
                  <c:v>116</c:v>
                </c:pt>
                <c:pt idx="50">
                  <c:v>116</c:v>
                </c:pt>
                <c:pt idx="51">
                  <c:v>117</c:v>
                </c:pt>
                <c:pt idx="52">
                  <c:v>117</c:v>
                </c:pt>
                <c:pt idx="53">
                  <c:v>117</c:v>
                </c:pt>
                <c:pt idx="54">
                  <c:v>118</c:v>
                </c:pt>
                <c:pt idx="55">
                  <c:v>118</c:v>
                </c:pt>
                <c:pt idx="56">
                  <c:v>118</c:v>
                </c:pt>
                <c:pt idx="57">
                  <c:v>119</c:v>
                </c:pt>
                <c:pt idx="58">
                  <c:v>119</c:v>
                </c:pt>
                <c:pt idx="59">
                  <c:v>119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0</c:v>
                </c:pt>
                <c:pt idx="364">
                  <c:v>120</c:v>
                </c:pt>
                <c:pt idx="365">
                  <c:v>120</c:v>
                </c:pt>
                <c:pt idx="366">
                  <c:v>120</c:v>
                </c:pt>
                <c:pt idx="367">
                  <c:v>120</c:v>
                </c:pt>
                <c:pt idx="368">
                  <c:v>120</c:v>
                </c:pt>
                <c:pt idx="369">
                  <c:v>120</c:v>
                </c:pt>
                <c:pt idx="370">
                  <c:v>120</c:v>
                </c:pt>
                <c:pt idx="371">
                  <c:v>120</c:v>
                </c:pt>
                <c:pt idx="372">
                  <c:v>120</c:v>
                </c:pt>
                <c:pt idx="373">
                  <c:v>120</c:v>
                </c:pt>
                <c:pt idx="374">
                  <c:v>120</c:v>
                </c:pt>
                <c:pt idx="375">
                  <c:v>120</c:v>
                </c:pt>
                <c:pt idx="376">
                  <c:v>120</c:v>
                </c:pt>
                <c:pt idx="377">
                  <c:v>120</c:v>
                </c:pt>
                <c:pt idx="378">
                  <c:v>120</c:v>
                </c:pt>
                <c:pt idx="379">
                  <c:v>120</c:v>
                </c:pt>
                <c:pt idx="380">
                  <c:v>120</c:v>
                </c:pt>
                <c:pt idx="381">
                  <c:v>120</c:v>
                </c:pt>
                <c:pt idx="382">
                  <c:v>120</c:v>
                </c:pt>
                <c:pt idx="383">
                  <c:v>120</c:v>
                </c:pt>
                <c:pt idx="384">
                  <c:v>120</c:v>
                </c:pt>
                <c:pt idx="385">
                  <c:v>120</c:v>
                </c:pt>
                <c:pt idx="386">
                  <c:v>120</c:v>
                </c:pt>
                <c:pt idx="387">
                  <c:v>120</c:v>
                </c:pt>
                <c:pt idx="388">
                  <c:v>120</c:v>
                </c:pt>
                <c:pt idx="389">
                  <c:v>120</c:v>
                </c:pt>
                <c:pt idx="390">
                  <c:v>120</c:v>
                </c:pt>
                <c:pt idx="391">
                  <c:v>120</c:v>
                </c:pt>
                <c:pt idx="392">
                  <c:v>120</c:v>
                </c:pt>
                <c:pt idx="393">
                  <c:v>120</c:v>
                </c:pt>
                <c:pt idx="394">
                  <c:v>120</c:v>
                </c:pt>
                <c:pt idx="395">
                  <c:v>120</c:v>
                </c:pt>
                <c:pt idx="396">
                  <c:v>120</c:v>
                </c:pt>
                <c:pt idx="397">
                  <c:v>120</c:v>
                </c:pt>
                <c:pt idx="398">
                  <c:v>120</c:v>
                </c:pt>
                <c:pt idx="399">
                  <c:v>120</c:v>
                </c:pt>
                <c:pt idx="400">
                  <c:v>120</c:v>
                </c:pt>
                <c:pt idx="401">
                  <c:v>120</c:v>
                </c:pt>
                <c:pt idx="402">
                  <c:v>120</c:v>
                </c:pt>
                <c:pt idx="403">
                  <c:v>120</c:v>
                </c:pt>
                <c:pt idx="404">
                  <c:v>120</c:v>
                </c:pt>
                <c:pt idx="405">
                  <c:v>120</c:v>
                </c:pt>
                <c:pt idx="406">
                  <c:v>120</c:v>
                </c:pt>
                <c:pt idx="407">
                  <c:v>120</c:v>
                </c:pt>
                <c:pt idx="408">
                  <c:v>120</c:v>
                </c:pt>
                <c:pt idx="409">
                  <c:v>120</c:v>
                </c:pt>
                <c:pt idx="410">
                  <c:v>120</c:v>
                </c:pt>
                <c:pt idx="411">
                  <c:v>120</c:v>
                </c:pt>
                <c:pt idx="412">
                  <c:v>120</c:v>
                </c:pt>
                <c:pt idx="413">
                  <c:v>120</c:v>
                </c:pt>
                <c:pt idx="414">
                  <c:v>120</c:v>
                </c:pt>
                <c:pt idx="415">
                  <c:v>120</c:v>
                </c:pt>
                <c:pt idx="416">
                  <c:v>120</c:v>
                </c:pt>
                <c:pt idx="417">
                  <c:v>120</c:v>
                </c:pt>
                <c:pt idx="418">
                  <c:v>120</c:v>
                </c:pt>
                <c:pt idx="419">
                  <c:v>120</c:v>
                </c:pt>
                <c:pt idx="420">
                  <c:v>120</c:v>
                </c:pt>
                <c:pt idx="421">
                  <c:v>120</c:v>
                </c:pt>
                <c:pt idx="422">
                  <c:v>120</c:v>
                </c:pt>
                <c:pt idx="423">
                  <c:v>120</c:v>
                </c:pt>
                <c:pt idx="424">
                  <c:v>120</c:v>
                </c:pt>
                <c:pt idx="425">
                  <c:v>120</c:v>
                </c:pt>
                <c:pt idx="426">
                  <c:v>120</c:v>
                </c:pt>
                <c:pt idx="427">
                  <c:v>120</c:v>
                </c:pt>
                <c:pt idx="428">
                  <c:v>120</c:v>
                </c:pt>
                <c:pt idx="429">
                  <c:v>120</c:v>
                </c:pt>
                <c:pt idx="430">
                  <c:v>120</c:v>
                </c:pt>
                <c:pt idx="431">
                  <c:v>120</c:v>
                </c:pt>
                <c:pt idx="432">
                  <c:v>120</c:v>
                </c:pt>
                <c:pt idx="433">
                  <c:v>120</c:v>
                </c:pt>
                <c:pt idx="434">
                  <c:v>120</c:v>
                </c:pt>
                <c:pt idx="435">
                  <c:v>120</c:v>
                </c:pt>
                <c:pt idx="436">
                  <c:v>120</c:v>
                </c:pt>
                <c:pt idx="437">
                  <c:v>120</c:v>
                </c:pt>
                <c:pt idx="438">
                  <c:v>120</c:v>
                </c:pt>
                <c:pt idx="439">
                  <c:v>120</c:v>
                </c:pt>
                <c:pt idx="440">
                  <c:v>120</c:v>
                </c:pt>
                <c:pt idx="441">
                  <c:v>120</c:v>
                </c:pt>
                <c:pt idx="442">
                  <c:v>120</c:v>
                </c:pt>
                <c:pt idx="443">
                  <c:v>120</c:v>
                </c:pt>
                <c:pt idx="444">
                  <c:v>120</c:v>
                </c:pt>
                <c:pt idx="445">
                  <c:v>120</c:v>
                </c:pt>
                <c:pt idx="446">
                  <c:v>120</c:v>
                </c:pt>
                <c:pt idx="447">
                  <c:v>120</c:v>
                </c:pt>
                <c:pt idx="448">
                  <c:v>120</c:v>
                </c:pt>
                <c:pt idx="449">
                  <c:v>120</c:v>
                </c:pt>
                <c:pt idx="450">
                  <c:v>120</c:v>
                </c:pt>
                <c:pt idx="451">
                  <c:v>120</c:v>
                </c:pt>
                <c:pt idx="452">
                  <c:v>120</c:v>
                </c:pt>
                <c:pt idx="453">
                  <c:v>120</c:v>
                </c:pt>
                <c:pt idx="454">
                  <c:v>120</c:v>
                </c:pt>
                <c:pt idx="455">
                  <c:v>120</c:v>
                </c:pt>
                <c:pt idx="456">
                  <c:v>120</c:v>
                </c:pt>
                <c:pt idx="457">
                  <c:v>120</c:v>
                </c:pt>
                <c:pt idx="458">
                  <c:v>120</c:v>
                </c:pt>
                <c:pt idx="459">
                  <c:v>120</c:v>
                </c:pt>
                <c:pt idx="460">
                  <c:v>120</c:v>
                </c:pt>
                <c:pt idx="461">
                  <c:v>120</c:v>
                </c:pt>
                <c:pt idx="462">
                  <c:v>120</c:v>
                </c:pt>
                <c:pt idx="463">
                  <c:v>120</c:v>
                </c:pt>
                <c:pt idx="464">
                  <c:v>120</c:v>
                </c:pt>
                <c:pt idx="465">
                  <c:v>120</c:v>
                </c:pt>
                <c:pt idx="466">
                  <c:v>120</c:v>
                </c:pt>
                <c:pt idx="467">
                  <c:v>120</c:v>
                </c:pt>
                <c:pt idx="468">
                  <c:v>120</c:v>
                </c:pt>
                <c:pt idx="469">
                  <c:v>120</c:v>
                </c:pt>
                <c:pt idx="470">
                  <c:v>120</c:v>
                </c:pt>
                <c:pt idx="471">
                  <c:v>120</c:v>
                </c:pt>
                <c:pt idx="472">
                  <c:v>120</c:v>
                </c:pt>
                <c:pt idx="473">
                  <c:v>120</c:v>
                </c:pt>
                <c:pt idx="474">
                  <c:v>120</c:v>
                </c:pt>
                <c:pt idx="475">
                  <c:v>120</c:v>
                </c:pt>
                <c:pt idx="476">
                  <c:v>120</c:v>
                </c:pt>
                <c:pt idx="477">
                  <c:v>120</c:v>
                </c:pt>
                <c:pt idx="478">
                  <c:v>120</c:v>
                </c:pt>
                <c:pt idx="479">
                  <c:v>120</c:v>
                </c:pt>
                <c:pt idx="480">
                  <c:v>120</c:v>
                </c:pt>
                <c:pt idx="481">
                  <c:v>120</c:v>
                </c:pt>
                <c:pt idx="482">
                  <c:v>120</c:v>
                </c:pt>
                <c:pt idx="483">
                  <c:v>120</c:v>
                </c:pt>
                <c:pt idx="484">
                  <c:v>120</c:v>
                </c:pt>
                <c:pt idx="485">
                  <c:v>120</c:v>
                </c:pt>
                <c:pt idx="486">
                  <c:v>120</c:v>
                </c:pt>
                <c:pt idx="487">
                  <c:v>120</c:v>
                </c:pt>
                <c:pt idx="488">
                  <c:v>120</c:v>
                </c:pt>
                <c:pt idx="489">
                  <c:v>120</c:v>
                </c:pt>
                <c:pt idx="490">
                  <c:v>120</c:v>
                </c:pt>
                <c:pt idx="491">
                  <c:v>120</c:v>
                </c:pt>
                <c:pt idx="492">
                  <c:v>120</c:v>
                </c:pt>
                <c:pt idx="493">
                  <c:v>120</c:v>
                </c:pt>
                <c:pt idx="494">
                  <c:v>120</c:v>
                </c:pt>
                <c:pt idx="495">
                  <c:v>120</c:v>
                </c:pt>
                <c:pt idx="496">
                  <c:v>120</c:v>
                </c:pt>
                <c:pt idx="497">
                  <c:v>120</c:v>
                </c:pt>
                <c:pt idx="498">
                  <c:v>120</c:v>
                </c:pt>
                <c:pt idx="499">
                  <c:v>120</c:v>
                </c:pt>
                <c:pt idx="500">
                  <c:v>120</c:v>
                </c:pt>
                <c:pt idx="501">
                  <c:v>120</c:v>
                </c:pt>
                <c:pt idx="502">
                  <c:v>120</c:v>
                </c:pt>
                <c:pt idx="503">
                  <c:v>120</c:v>
                </c:pt>
                <c:pt idx="504">
                  <c:v>120</c:v>
                </c:pt>
                <c:pt idx="505">
                  <c:v>120</c:v>
                </c:pt>
                <c:pt idx="506">
                  <c:v>120</c:v>
                </c:pt>
                <c:pt idx="507">
                  <c:v>120</c:v>
                </c:pt>
                <c:pt idx="508">
                  <c:v>120</c:v>
                </c:pt>
                <c:pt idx="509">
                  <c:v>120</c:v>
                </c:pt>
                <c:pt idx="510">
                  <c:v>120</c:v>
                </c:pt>
                <c:pt idx="511">
                  <c:v>120</c:v>
                </c:pt>
                <c:pt idx="512">
                  <c:v>120</c:v>
                </c:pt>
                <c:pt idx="513">
                  <c:v>120</c:v>
                </c:pt>
                <c:pt idx="514">
                  <c:v>120</c:v>
                </c:pt>
                <c:pt idx="515">
                  <c:v>120</c:v>
                </c:pt>
                <c:pt idx="516">
                  <c:v>120</c:v>
                </c:pt>
                <c:pt idx="517">
                  <c:v>120</c:v>
                </c:pt>
                <c:pt idx="518">
                  <c:v>120</c:v>
                </c:pt>
                <c:pt idx="519">
                  <c:v>120</c:v>
                </c:pt>
                <c:pt idx="520">
                  <c:v>120</c:v>
                </c:pt>
                <c:pt idx="521">
                  <c:v>120</c:v>
                </c:pt>
                <c:pt idx="522">
                  <c:v>120</c:v>
                </c:pt>
                <c:pt idx="523">
                  <c:v>120</c:v>
                </c:pt>
                <c:pt idx="524">
                  <c:v>120</c:v>
                </c:pt>
                <c:pt idx="525">
                  <c:v>120</c:v>
                </c:pt>
                <c:pt idx="526">
                  <c:v>120</c:v>
                </c:pt>
                <c:pt idx="527">
                  <c:v>120</c:v>
                </c:pt>
                <c:pt idx="528">
                  <c:v>120</c:v>
                </c:pt>
                <c:pt idx="529">
                  <c:v>120</c:v>
                </c:pt>
                <c:pt idx="530">
                  <c:v>120</c:v>
                </c:pt>
                <c:pt idx="531">
                  <c:v>120</c:v>
                </c:pt>
                <c:pt idx="532">
                  <c:v>120</c:v>
                </c:pt>
                <c:pt idx="533">
                  <c:v>120</c:v>
                </c:pt>
                <c:pt idx="534">
                  <c:v>120</c:v>
                </c:pt>
                <c:pt idx="535">
                  <c:v>120</c:v>
                </c:pt>
                <c:pt idx="536">
                  <c:v>120</c:v>
                </c:pt>
                <c:pt idx="537">
                  <c:v>120</c:v>
                </c:pt>
                <c:pt idx="538">
                  <c:v>120</c:v>
                </c:pt>
                <c:pt idx="539">
                  <c:v>120</c:v>
                </c:pt>
                <c:pt idx="540">
                  <c:v>120</c:v>
                </c:pt>
                <c:pt idx="541">
                  <c:v>120</c:v>
                </c:pt>
                <c:pt idx="542">
                  <c:v>120</c:v>
                </c:pt>
                <c:pt idx="543">
                  <c:v>120</c:v>
                </c:pt>
                <c:pt idx="544">
                  <c:v>120</c:v>
                </c:pt>
                <c:pt idx="545">
                  <c:v>120</c:v>
                </c:pt>
                <c:pt idx="546">
                  <c:v>120</c:v>
                </c:pt>
                <c:pt idx="547">
                  <c:v>120</c:v>
                </c:pt>
                <c:pt idx="548">
                  <c:v>120</c:v>
                </c:pt>
                <c:pt idx="549">
                  <c:v>120</c:v>
                </c:pt>
                <c:pt idx="550">
                  <c:v>120</c:v>
                </c:pt>
                <c:pt idx="551">
                  <c:v>120</c:v>
                </c:pt>
                <c:pt idx="552">
                  <c:v>120</c:v>
                </c:pt>
                <c:pt idx="553">
                  <c:v>120</c:v>
                </c:pt>
                <c:pt idx="554">
                  <c:v>120</c:v>
                </c:pt>
                <c:pt idx="555">
                  <c:v>120</c:v>
                </c:pt>
                <c:pt idx="556">
                  <c:v>120</c:v>
                </c:pt>
                <c:pt idx="557">
                  <c:v>120</c:v>
                </c:pt>
                <c:pt idx="558">
                  <c:v>120</c:v>
                </c:pt>
                <c:pt idx="559">
                  <c:v>120</c:v>
                </c:pt>
                <c:pt idx="560">
                  <c:v>120</c:v>
                </c:pt>
                <c:pt idx="561">
                  <c:v>120</c:v>
                </c:pt>
                <c:pt idx="562">
                  <c:v>120</c:v>
                </c:pt>
                <c:pt idx="563">
                  <c:v>120</c:v>
                </c:pt>
                <c:pt idx="564">
                  <c:v>120</c:v>
                </c:pt>
                <c:pt idx="565">
                  <c:v>120</c:v>
                </c:pt>
                <c:pt idx="566">
                  <c:v>120</c:v>
                </c:pt>
                <c:pt idx="567">
                  <c:v>120</c:v>
                </c:pt>
                <c:pt idx="568">
                  <c:v>120</c:v>
                </c:pt>
                <c:pt idx="569">
                  <c:v>120</c:v>
                </c:pt>
                <c:pt idx="570">
                  <c:v>120</c:v>
                </c:pt>
                <c:pt idx="571">
                  <c:v>120</c:v>
                </c:pt>
                <c:pt idx="572">
                  <c:v>120</c:v>
                </c:pt>
                <c:pt idx="573">
                  <c:v>120</c:v>
                </c:pt>
                <c:pt idx="574">
                  <c:v>120</c:v>
                </c:pt>
                <c:pt idx="575">
                  <c:v>120</c:v>
                </c:pt>
                <c:pt idx="576">
                  <c:v>120</c:v>
                </c:pt>
                <c:pt idx="577">
                  <c:v>120</c:v>
                </c:pt>
                <c:pt idx="578">
                  <c:v>120</c:v>
                </c:pt>
                <c:pt idx="579">
                  <c:v>120</c:v>
                </c:pt>
                <c:pt idx="580">
                  <c:v>120</c:v>
                </c:pt>
                <c:pt idx="581">
                  <c:v>120</c:v>
                </c:pt>
                <c:pt idx="582">
                  <c:v>120</c:v>
                </c:pt>
                <c:pt idx="583">
                  <c:v>120</c:v>
                </c:pt>
                <c:pt idx="584">
                  <c:v>120</c:v>
                </c:pt>
                <c:pt idx="585">
                  <c:v>120</c:v>
                </c:pt>
                <c:pt idx="586">
                  <c:v>120</c:v>
                </c:pt>
                <c:pt idx="587">
                  <c:v>120</c:v>
                </c:pt>
                <c:pt idx="588">
                  <c:v>120</c:v>
                </c:pt>
                <c:pt idx="589">
                  <c:v>120</c:v>
                </c:pt>
                <c:pt idx="590">
                  <c:v>120</c:v>
                </c:pt>
                <c:pt idx="591">
                  <c:v>120</c:v>
                </c:pt>
                <c:pt idx="592">
                  <c:v>120</c:v>
                </c:pt>
                <c:pt idx="593">
                  <c:v>120</c:v>
                </c:pt>
                <c:pt idx="594">
                  <c:v>120</c:v>
                </c:pt>
                <c:pt idx="595">
                  <c:v>120</c:v>
                </c:pt>
                <c:pt idx="596">
                  <c:v>120</c:v>
                </c:pt>
                <c:pt idx="597">
                  <c:v>120</c:v>
                </c:pt>
                <c:pt idx="598">
                  <c:v>120</c:v>
                </c:pt>
                <c:pt idx="599">
                  <c:v>120</c:v>
                </c:pt>
                <c:pt idx="600">
                  <c:v>120</c:v>
                </c:pt>
                <c:pt idx="601">
                  <c:v>120</c:v>
                </c:pt>
                <c:pt idx="602">
                  <c:v>120</c:v>
                </c:pt>
                <c:pt idx="603">
                  <c:v>120</c:v>
                </c:pt>
                <c:pt idx="604">
                  <c:v>120</c:v>
                </c:pt>
                <c:pt idx="605">
                  <c:v>120</c:v>
                </c:pt>
                <c:pt idx="606">
                  <c:v>120</c:v>
                </c:pt>
                <c:pt idx="607">
                  <c:v>120</c:v>
                </c:pt>
                <c:pt idx="608">
                  <c:v>120</c:v>
                </c:pt>
                <c:pt idx="609">
                  <c:v>120</c:v>
                </c:pt>
                <c:pt idx="610">
                  <c:v>120</c:v>
                </c:pt>
                <c:pt idx="611">
                  <c:v>120</c:v>
                </c:pt>
                <c:pt idx="612">
                  <c:v>120</c:v>
                </c:pt>
                <c:pt idx="613">
                  <c:v>120</c:v>
                </c:pt>
                <c:pt idx="614">
                  <c:v>120</c:v>
                </c:pt>
                <c:pt idx="615">
                  <c:v>120</c:v>
                </c:pt>
                <c:pt idx="616">
                  <c:v>120</c:v>
                </c:pt>
                <c:pt idx="617">
                  <c:v>120</c:v>
                </c:pt>
                <c:pt idx="618">
                  <c:v>120</c:v>
                </c:pt>
                <c:pt idx="619">
                  <c:v>120</c:v>
                </c:pt>
                <c:pt idx="620">
                  <c:v>120</c:v>
                </c:pt>
                <c:pt idx="621">
                  <c:v>120</c:v>
                </c:pt>
                <c:pt idx="622">
                  <c:v>120</c:v>
                </c:pt>
                <c:pt idx="623">
                  <c:v>120</c:v>
                </c:pt>
                <c:pt idx="624">
                  <c:v>120</c:v>
                </c:pt>
                <c:pt idx="625">
                  <c:v>120</c:v>
                </c:pt>
                <c:pt idx="626">
                  <c:v>120</c:v>
                </c:pt>
                <c:pt idx="627">
                  <c:v>120</c:v>
                </c:pt>
                <c:pt idx="628">
                  <c:v>120</c:v>
                </c:pt>
                <c:pt idx="629">
                  <c:v>120</c:v>
                </c:pt>
                <c:pt idx="630">
                  <c:v>120</c:v>
                </c:pt>
                <c:pt idx="631">
                  <c:v>120</c:v>
                </c:pt>
                <c:pt idx="632">
                  <c:v>120</c:v>
                </c:pt>
                <c:pt idx="633">
                  <c:v>120</c:v>
                </c:pt>
                <c:pt idx="634">
                  <c:v>120</c:v>
                </c:pt>
                <c:pt idx="635">
                  <c:v>120</c:v>
                </c:pt>
                <c:pt idx="636">
                  <c:v>120</c:v>
                </c:pt>
                <c:pt idx="637">
                  <c:v>120</c:v>
                </c:pt>
                <c:pt idx="638">
                  <c:v>120</c:v>
                </c:pt>
                <c:pt idx="639">
                  <c:v>120</c:v>
                </c:pt>
                <c:pt idx="640">
                  <c:v>120</c:v>
                </c:pt>
                <c:pt idx="641">
                  <c:v>120</c:v>
                </c:pt>
                <c:pt idx="642">
                  <c:v>120</c:v>
                </c:pt>
                <c:pt idx="643">
                  <c:v>120</c:v>
                </c:pt>
                <c:pt idx="644">
                  <c:v>120</c:v>
                </c:pt>
                <c:pt idx="645">
                  <c:v>120</c:v>
                </c:pt>
                <c:pt idx="646">
                  <c:v>120</c:v>
                </c:pt>
                <c:pt idx="647">
                  <c:v>120</c:v>
                </c:pt>
                <c:pt idx="648">
                  <c:v>120</c:v>
                </c:pt>
                <c:pt idx="649">
                  <c:v>120</c:v>
                </c:pt>
                <c:pt idx="650">
                  <c:v>120</c:v>
                </c:pt>
                <c:pt idx="651">
                  <c:v>120</c:v>
                </c:pt>
                <c:pt idx="652">
                  <c:v>120</c:v>
                </c:pt>
                <c:pt idx="653">
                  <c:v>120</c:v>
                </c:pt>
                <c:pt idx="654">
                  <c:v>120</c:v>
                </c:pt>
                <c:pt idx="655">
                  <c:v>120</c:v>
                </c:pt>
                <c:pt idx="656">
                  <c:v>120</c:v>
                </c:pt>
                <c:pt idx="657">
                  <c:v>120</c:v>
                </c:pt>
                <c:pt idx="658">
                  <c:v>120</c:v>
                </c:pt>
                <c:pt idx="659">
                  <c:v>120</c:v>
                </c:pt>
                <c:pt idx="660">
                  <c:v>120</c:v>
                </c:pt>
                <c:pt idx="661">
                  <c:v>120</c:v>
                </c:pt>
                <c:pt idx="662">
                  <c:v>121</c:v>
                </c:pt>
                <c:pt idx="663">
                  <c:v>121</c:v>
                </c:pt>
                <c:pt idx="664">
                  <c:v>121</c:v>
                </c:pt>
                <c:pt idx="665">
                  <c:v>122</c:v>
                </c:pt>
                <c:pt idx="666">
                  <c:v>122</c:v>
                </c:pt>
                <c:pt idx="667">
                  <c:v>123</c:v>
                </c:pt>
                <c:pt idx="668">
                  <c:v>123</c:v>
                </c:pt>
                <c:pt idx="669">
                  <c:v>123</c:v>
                </c:pt>
                <c:pt idx="670">
                  <c:v>124</c:v>
                </c:pt>
                <c:pt idx="671">
                  <c:v>124</c:v>
                </c:pt>
                <c:pt idx="672">
                  <c:v>125</c:v>
                </c:pt>
                <c:pt idx="673">
                  <c:v>125</c:v>
                </c:pt>
                <c:pt idx="674">
                  <c:v>126</c:v>
                </c:pt>
                <c:pt idx="675">
                  <c:v>126</c:v>
                </c:pt>
                <c:pt idx="676">
                  <c:v>126</c:v>
                </c:pt>
                <c:pt idx="677">
                  <c:v>127</c:v>
                </c:pt>
                <c:pt idx="678">
                  <c:v>127</c:v>
                </c:pt>
                <c:pt idx="679">
                  <c:v>128</c:v>
                </c:pt>
                <c:pt idx="680">
                  <c:v>128</c:v>
                </c:pt>
                <c:pt idx="681">
                  <c:v>128</c:v>
                </c:pt>
                <c:pt idx="682">
                  <c:v>129</c:v>
                </c:pt>
                <c:pt idx="683">
                  <c:v>129</c:v>
                </c:pt>
                <c:pt idx="684">
                  <c:v>130</c:v>
                </c:pt>
                <c:pt idx="685">
                  <c:v>130</c:v>
                </c:pt>
                <c:pt idx="686">
                  <c:v>131</c:v>
                </c:pt>
                <c:pt idx="687">
                  <c:v>131</c:v>
                </c:pt>
                <c:pt idx="688">
                  <c:v>131</c:v>
                </c:pt>
                <c:pt idx="689">
                  <c:v>132</c:v>
                </c:pt>
                <c:pt idx="690">
                  <c:v>132</c:v>
                </c:pt>
                <c:pt idx="691">
                  <c:v>133</c:v>
                </c:pt>
                <c:pt idx="692">
                  <c:v>133</c:v>
                </c:pt>
                <c:pt idx="693">
                  <c:v>133</c:v>
                </c:pt>
                <c:pt idx="694">
                  <c:v>134</c:v>
                </c:pt>
                <c:pt idx="695">
                  <c:v>134</c:v>
                </c:pt>
                <c:pt idx="696">
                  <c:v>135</c:v>
                </c:pt>
                <c:pt idx="697">
                  <c:v>135</c:v>
                </c:pt>
                <c:pt idx="698">
                  <c:v>136</c:v>
                </c:pt>
                <c:pt idx="699">
                  <c:v>136</c:v>
                </c:pt>
                <c:pt idx="700">
                  <c:v>136</c:v>
                </c:pt>
                <c:pt idx="701">
                  <c:v>137</c:v>
                </c:pt>
                <c:pt idx="702">
                  <c:v>137</c:v>
                </c:pt>
                <c:pt idx="703">
                  <c:v>138</c:v>
                </c:pt>
                <c:pt idx="704">
                  <c:v>138</c:v>
                </c:pt>
                <c:pt idx="705">
                  <c:v>138</c:v>
                </c:pt>
                <c:pt idx="706">
                  <c:v>139</c:v>
                </c:pt>
                <c:pt idx="707">
                  <c:v>139</c:v>
                </c:pt>
                <c:pt idx="708">
                  <c:v>140</c:v>
                </c:pt>
                <c:pt idx="709">
                  <c:v>140</c:v>
                </c:pt>
                <c:pt idx="710">
                  <c:v>141</c:v>
                </c:pt>
                <c:pt idx="711">
                  <c:v>141</c:v>
                </c:pt>
                <c:pt idx="712">
                  <c:v>141</c:v>
                </c:pt>
                <c:pt idx="713">
                  <c:v>142</c:v>
                </c:pt>
                <c:pt idx="714">
                  <c:v>142</c:v>
                </c:pt>
                <c:pt idx="715">
                  <c:v>143</c:v>
                </c:pt>
                <c:pt idx="716">
                  <c:v>143</c:v>
                </c:pt>
                <c:pt idx="717">
                  <c:v>143</c:v>
                </c:pt>
                <c:pt idx="718">
                  <c:v>144</c:v>
                </c:pt>
                <c:pt idx="719">
                  <c:v>144</c:v>
                </c:pt>
                <c:pt idx="720">
                  <c:v>145</c:v>
                </c:pt>
                <c:pt idx="721">
                  <c:v>145</c:v>
                </c:pt>
                <c:pt idx="722">
                  <c:v>146</c:v>
                </c:pt>
                <c:pt idx="723">
                  <c:v>146</c:v>
                </c:pt>
                <c:pt idx="724">
                  <c:v>146</c:v>
                </c:pt>
                <c:pt idx="725">
                  <c:v>147</c:v>
                </c:pt>
                <c:pt idx="726">
                  <c:v>147</c:v>
                </c:pt>
                <c:pt idx="727">
                  <c:v>148</c:v>
                </c:pt>
                <c:pt idx="728">
                  <c:v>148</c:v>
                </c:pt>
                <c:pt idx="729">
                  <c:v>148</c:v>
                </c:pt>
                <c:pt idx="730">
                  <c:v>149</c:v>
                </c:pt>
                <c:pt idx="731">
                  <c:v>149</c:v>
                </c:pt>
                <c:pt idx="732">
                  <c:v>150</c:v>
                </c:pt>
                <c:pt idx="733">
                  <c:v>150</c:v>
                </c:pt>
                <c:pt idx="734">
                  <c:v>151</c:v>
                </c:pt>
                <c:pt idx="735">
                  <c:v>151</c:v>
                </c:pt>
                <c:pt idx="736">
                  <c:v>151</c:v>
                </c:pt>
                <c:pt idx="737">
                  <c:v>152</c:v>
                </c:pt>
                <c:pt idx="738">
                  <c:v>152</c:v>
                </c:pt>
                <c:pt idx="739">
                  <c:v>153</c:v>
                </c:pt>
                <c:pt idx="740">
                  <c:v>153</c:v>
                </c:pt>
                <c:pt idx="741">
                  <c:v>153</c:v>
                </c:pt>
                <c:pt idx="742">
                  <c:v>154</c:v>
                </c:pt>
                <c:pt idx="743">
                  <c:v>154</c:v>
                </c:pt>
                <c:pt idx="744">
                  <c:v>155</c:v>
                </c:pt>
                <c:pt idx="745">
                  <c:v>155</c:v>
                </c:pt>
                <c:pt idx="746">
                  <c:v>156</c:v>
                </c:pt>
                <c:pt idx="747">
                  <c:v>156</c:v>
                </c:pt>
                <c:pt idx="748">
                  <c:v>156</c:v>
                </c:pt>
                <c:pt idx="749">
                  <c:v>157</c:v>
                </c:pt>
                <c:pt idx="750">
                  <c:v>157</c:v>
                </c:pt>
                <c:pt idx="751">
                  <c:v>158</c:v>
                </c:pt>
                <c:pt idx="752">
                  <c:v>158</c:v>
                </c:pt>
                <c:pt idx="753">
                  <c:v>158</c:v>
                </c:pt>
                <c:pt idx="754">
                  <c:v>159</c:v>
                </c:pt>
                <c:pt idx="755">
                  <c:v>159</c:v>
                </c:pt>
                <c:pt idx="756">
                  <c:v>160</c:v>
                </c:pt>
                <c:pt idx="757">
                  <c:v>160</c:v>
                </c:pt>
                <c:pt idx="758">
                  <c:v>161</c:v>
                </c:pt>
                <c:pt idx="759">
                  <c:v>161</c:v>
                </c:pt>
                <c:pt idx="760">
                  <c:v>161</c:v>
                </c:pt>
                <c:pt idx="761">
                  <c:v>162</c:v>
                </c:pt>
                <c:pt idx="762">
                  <c:v>162</c:v>
                </c:pt>
                <c:pt idx="763">
                  <c:v>163</c:v>
                </c:pt>
                <c:pt idx="764">
                  <c:v>163</c:v>
                </c:pt>
                <c:pt idx="765">
                  <c:v>163</c:v>
                </c:pt>
                <c:pt idx="766">
                  <c:v>164</c:v>
                </c:pt>
                <c:pt idx="767">
                  <c:v>164</c:v>
                </c:pt>
                <c:pt idx="768">
                  <c:v>165</c:v>
                </c:pt>
                <c:pt idx="769">
                  <c:v>165</c:v>
                </c:pt>
                <c:pt idx="770">
                  <c:v>166</c:v>
                </c:pt>
                <c:pt idx="771">
                  <c:v>166</c:v>
                </c:pt>
                <c:pt idx="772">
                  <c:v>166</c:v>
                </c:pt>
                <c:pt idx="773">
                  <c:v>167</c:v>
                </c:pt>
                <c:pt idx="774">
                  <c:v>167</c:v>
                </c:pt>
                <c:pt idx="775">
                  <c:v>168</c:v>
                </c:pt>
                <c:pt idx="776">
                  <c:v>168</c:v>
                </c:pt>
                <c:pt idx="777">
                  <c:v>168</c:v>
                </c:pt>
                <c:pt idx="778">
                  <c:v>169</c:v>
                </c:pt>
                <c:pt idx="779">
                  <c:v>169</c:v>
                </c:pt>
                <c:pt idx="780">
                  <c:v>170</c:v>
                </c:pt>
                <c:pt idx="781">
                  <c:v>170</c:v>
                </c:pt>
                <c:pt idx="782">
                  <c:v>171</c:v>
                </c:pt>
                <c:pt idx="783">
                  <c:v>171</c:v>
                </c:pt>
                <c:pt idx="784">
                  <c:v>171</c:v>
                </c:pt>
                <c:pt idx="785">
                  <c:v>172</c:v>
                </c:pt>
                <c:pt idx="786">
                  <c:v>172</c:v>
                </c:pt>
                <c:pt idx="787">
                  <c:v>173</c:v>
                </c:pt>
                <c:pt idx="788">
                  <c:v>173</c:v>
                </c:pt>
                <c:pt idx="789">
                  <c:v>173</c:v>
                </c:pt>
                <c:pt idx="790">
                  <c:v>174</c:v>
                </c:pt>
                <c:pt idx="791">
                  <c:v>174</c:v>
                </c:pt>
                <c:pt idx="792">
                  <c:v>175</c:v>
                </c:pt>
                <c:pt idx="793">
                  <c:v>175</c:v>
                </c:pt>
                <c:pt idx="794">
                  <c:v>176</c:v>
                </c:pt>
                <c:pt idx="795">
                  <c:v>176</c:v>
                </c:pt>
                <c:pt idx="796">
                  <c:v>176</c:v>
                </c:pt>
                <c:pt idx="797">
                  <c:v>177</c:v>
                </c:pt>
                <c:pt idx="798">
                  <c:v>177</c:v>
                </c:pt>
                <c:pt idx="799">
                  <c:v>178</c:v>
                </c:pt>
                <c:pt idx="800">
                  <c:v>178</c:v>
                </c:pt>
                <c:pt idx="801">
                  <c:v>178</c:v>
                </c:pt>
                <c:pt idx="802">
                  <c:v>179</c:v>
                </c:pt>
                <c:pt idx="803">
                  <c:v>179</c:v>
                </c:pt>
                <c:pt idx="804">
                  <c:v>180</c:v>
                </c:pt>
                <c:pt idx="805">
                  <c:v>180</c:v>
                </c:pt>
                <c:pt idx="806">
                  <c:v>181</c:v>
                </c:pt>
                <c:pt idx="807">
                  <c:v>181</c:v>
                </c:pt>
                <c:pt idx="808">
                  <c:v>181</c:v>
                </c:pt>
                <c:pt idx="809">
                  <c:v>182</c:v>
                </c:pt>
                <c:pt idx="810">
                  <c:v>182</c:v>
                </c:pt>
                <c:pt idx="811">
                  <c:v>183</c:v>
                </c:pt>
                <c:pt idx="812">
                  <c:v>183</c:v>
                </c:pt>
                <c:pt idx="813">
                  <c:v>183</c:v>
                </c:pt>
                <c:pt idx="814">
                  <c:v>184</c:v>
                </c:pt>
                <c:pt idx="815">
                  <c:v>184</c:v>
                </c:pt>
                <c:pt idx="816">
                  <c:v>185</c:v>
                </c:pt>
                <c:pt idx="817">
                  <c:v>185</c:v>
                </c:pt>
                <c:pt idx="818">
                  <c:v>186</c:v>
                </c:pt>
                <c:pt idx="819">
                  <c:v>186</c:v>
                </c:pt>
                <c:pt idx="820">
                  <c:v>186</c:v>
                </c:pt>
                <c:pt idx="821">
                  <c:v>187</c:v>
                </c:pt>
                <c:pt idx="822">
                  <c:v>187</c:v>
                </c:pt>
                <c:pt idx="823">
                  <c:v>188</c:v>
                </c:pt>
                <c:pt idx="824">
                  <c:v>188</c:v>
                </c:pt>
                <c:pt idx="825">
                  <c:v>188</c:v>
                </c:pt>
                <c:pt idx="826">
                  <c:v>189</c:v>
                </c:pt>
                <c:pt idx="827">
                  <c:v>189</c:v>
                </c:pt>
                <c:pt idx="828">
                  <c:v>190</c:v>
                </c:pt>
                <c:pt idx="829">
                  <c:v>190</c:v>
                </c:pt>
                <c:pt idx="830">
                  <c:v>191</c:v>
                </c:pt>
                <c:pt idx="831">
                  <c:v>191</c:v>
                </c:pt>
                <c:pt idx="832">
                  <c:v>191</c:v>
                </c:pt>
                <c:pt idx="833">
                  <c:v>192</c:v>
                </c:pt>
                <c:pt idx="834">
                  <c:v>192</c:v>
                </c:pt>
                <c:pt idx="835">
                  <c:v>193</c:v>
                </c:pt>
                <c:pt idx="836">
                  <c:v>193</c:v>
                </c:pt>
                <c:pt idx="837">
                  <c:v>193</c:v>
                </c:pt>
                <c:pt idx="838">
                  <c:v>194</c:v>
                </c:pt>
                <c:pt idx="839">
                  <c:v>194</c:v>
                </c:pt>
                <c:pt idx="840">
                  <c:v>195</c:v>
                </c:pt>
                <c:pt idx="841">
                  <c:v>195</c:v>
                </c:pt>
                <c:pt idx="842">
                  <c:v>196</c:v>
                </c:pt>
                <c:pt idx="843">
                  <c:v>196</c:v>
                </c:pt>
                <c:pt idx="844">
                  <c:v>196</c:v>
                </c:pt>
                <c:pt idx="845">
                  <c:v>197</c:v>
                </c:pt>
                <c:pt idx="846">
                  <c:v>197</c:v>
                </c:pt>
                <c:pt idx="847">
                  <c:v>198</c:v>
                </c:pt>
                <c:pt idx="848">
                  <c:v>198</c:v>
                </c:pt>
                <c:pt idx="849">
                  <c:v>198</c:v>
                </c:pt>
                <c:pt idx="850">
                  <c:v>199</c:v>
                </c:pt>
                <c:pt idx="851">
                  <c:v>199</c:v>
                </c:pt>
                <c:pt idx="852">
                  <c:v>200</c:v>
                </c:pt>
                <c:pt idx="853">
                  <c:v>200</c:v>
                </c:pt>
                <c:pt idx="854">
                  <c:v>201</c:v>
                </c:pt>
                <c:pt idx="855">
                  <c:v>201</c:v>
                </c:pt>
                <c:pt idx="856">
                  <c:v>201</c:v>
                </c:pt>
                <c:pt idx="857">
                  <c:v>202</c:v>
                </c:pt>
                <c:pt idx="858">
                  <c:v>202</c:v>
                </c:pt>
                <c:pt idx="859">
                  <c:v>203</c:v>
                </c:pt>
                <c:pt idx="860">
                  <c:v>203</c:v>
                </c:pt>
                <c:pt idx="861">
                  <c:v>203</c:v>
                </c:pt>
                <c:pt idx="862">
                  <c:v>204</c:v>
                </c:pt>
                <c:pt idx="863">
                  <c:v>204</c:v>
                </c:pt>
                <c:pt idx="864">
                  <c:v>205</c:v>
                </c:pt>
                <c:pt idx="865">
                  <c:v>205</c:v>
                </c:pt>
                <c:pt idx="866">
                  <c:v>206</c:v>
                </c:pt>
                <c:pt idx="867">
                  <c:v>206</c:v>
                </c:pt>
                <c:pt idx="868">
                  <c:v>206</c:v>
                </c:pt>
                <c:pt idx="869">
                  <c:v>207</c:v>
                </c:pt>
                <c:pt idx="870">
                  <c:v>207</c:v>
                </c:pt>
                <c:pt idx="871">
                  <c:v>208</c:v>
                </c:pt>
                <c:pt idx="872">
                  <c:v>208</c:v>
                </c:pt>
                <c:pt idx="873">
                  <c:v>208</c:v>
                </c:pt>
                <c:pt idx="874">
                  <c:v>209</c:v>
                </c:pt>
                <c:pt idx="875">
                  <c:v>209</c:v>
                </c:pt>
                <c:pt idx="876">
                  <c:v>210</c:v>
                </c:pt>
                <c:pt idx="877">
                  <c:v>210</c:v>
                </c:pt>
                <c:pt idx="878">
                  <c:v>211</c:v>
                </c:pt>
                <c:pt idx="879">
                  <c:v>211</c:v>
                </c:pt>
                <c:pt idx="880">
                  <c:v>211</c:v>
                </c:pt>
                <c:pt idx="881">
                  <c:v>212</c:v>
                </c:pt>
                <c:pt idx="882">
                  <c:v>212</c:v>
                </c:pt>
                <c:pt idx="883">
                  <c:v>213</c:v>
                </c:pt>
                <c:pt idx="884">
                  <c:v>213</c:v>
                </c:pt>
                <c:pt idx="885">
                  <c:v>213</c:v>
                </c:pt>
                <c:pt idx="886">
                  <c:v>214</c:v>
                </c:pt>
                <c:pt idx="887">
                  <c:v>214</c:v>
                </c:pt>
                <c:pt idx="888">
                  <c:v>215</c:v>
                </c:pt>
                <c:pt idx="889">
                  <c:v>215</c:v>
                </c:pt>
                <c:pt idx="890">
                  <c:v>216</c:v>
                </c:pt>
                <c:pt idx="891">
                  <c:v>216</c:v>
                </c:pt>
                <c:pt idx="892">
                  <c:v>216</c:v>
                </c:pt>
                <c:pt idx="893">
                  <c:v>217</c:v>
                </c:pt>
                <c:pt idx="894">
                  <c:v>217</c:v>
                </c:pt>
                <c:pt idx="895">
                  <c:v>218</c:v>
                </c:pt>
                <c:pt idx="896">
                  <c:v>218</c:v>
                </c:pt>
                <c:pt idx="897">
                  <c:v>218</c:v>
                </c:pt>
                <c:pt idx="898">
                  <c:v>219</c:v>
                </c:pt>
                <c:pt idx="899">
                  <c:v>219</c:v>
                </c:pt>
                <c:pt idx="900">
                  <c:v>220</c:v>
                </c:pt>
                <c:pt idx="901">
                  <c:v>220</c:v>
                </c:pt>
                <c:pt idx="902">
                  <c:v>221</c:v>
                </c:pt>
                <c:pt idx="903">
                  <c:v>221</c:v>
                </c:pt>
                <c:pt idx="904">
                  <c:v>221</c:v>
                </c:pt>
                <c:pt idx="905">
                  <c:v>222</c:v>
                </c:pt>
                <c:pt idx="906">
                  <c:v>222</c:v>
                </c:pt>
                <c:pt idx="907">
                  <c:v>223</c:v>
                </c:pt>
                <c:pt idx="908">
                  <c:v>223</c:v>
                </c:pt>
                <c:pt idx="909">
                  <c:v>223</c:v>
                </c:pt>
                <c:pt idx="910">
                  <c:v>224</c:v>
                </c:pt>
                <c:pt idx="911">
                  <c:v>224</c:v>
                </c:pt>
                <c:pt idx="912">
                  <c:v>225</c:v>
                </c:pt>
                <c:pt idx="913">
                  <c:v>225</c:v>
                </c:pt>
                <c:pt idx="914">
                  <c:v>226</c:v>
                </c:pt>
                <c:pt idx="915">
                  <c:v>226</c:v>
                </c:pt>
                <c:pt idx="916">
                  <c:v>226</c:v>
                </c:pt>
                <c:pt idx="917">
                  <c:v>227</c:v>
                </c:pt>
                <c:pt idx="918">
                  <c:v>227</c:v>
                </c:pt>
                <c:pt idx="919">
                  <c:v>228</c:v>
                </c:pt>
                <c:pt idx="920">
                  <c:v>228</c:v>
                </c:pt>
                <c:pt idx="921">
                  <c:v>228</c:v>
                </c:pt>
                <c:pt idx="922">
                  <c:v>229</c:v>
                </c:pt>
                <c:pt idx="923">
                  <c:v>229</c:v>
                </c:pt>
                <c:pt idx="924">
                  <c:v>230</c:v>
                </c:pt>
                <c:pt idx="925">
                  <c:v>230</c:v>
                </c:pt>
                <c:pt idx="926">
                  <c:v>231</c:v>
                </c:pt>
                <c:pt idx="927">
                  <c:v>231</c:v>
                </c:pt>
                <c:pt idx="928">
                  <c:v>231</c:v>
                </c:pt>
                <c:pt idx="929">
                  <c:v>232</c:v>
                </c:pt>
                <c:pt idx="930">
                  <c:v>232</c:v>
                </c:pt>
                <c:pt idx="931">
                  <c:v>233</c:v>
                </c:pt>
                <c:pt idx="932">
                  <c:v>233</c:v>
                </c:pt>
                <c:pt idx="933">
                  <c:v>233</c:v>
                </c:pt>
                <c:pt idx="934">
                  <c:v>234</c:v>
                </c:pt>
                <c:pt idx="935">
                  <c:v>234</c:v>
                </c:pt>
                <c:pt idx="936">
                  <c:v>235</c:v>
                </c:pt>
                <c:pt idx="937">
                  <c:v>235</c:v>
                </c:pt>
                <c:pt idx="938">
                  <c:v>236</c:v>
                </c:pt>
                <c:pt idx="939">
                  <c:v>236</c:v>
                </c:pt>
                <c:pt idx="940">
                  <c:v>236</c:v>
                </c:pt>
                <c:pt idx="941">
                  <c:v>237</c:v>
                </c:pt>
                <c:pt idx="942">
                  <c:v>237</c:v>
                </c:pt>
                <c:pt idx="943">
                  <c:v>238</c:v>
                </c:pt>
                <c:pt idx="944">
                  <c:v>238</c:v>
                </c:pt>
                <c:pt idx="945">
                  <c:v>238</c:v>
                </c:pt>
                <c:pt idx="946">
                  <c:v>239</c:v>
                </c:pt>
                <c:pt idx="947">
                  <c:v>239</c:v>
                </c:pt>
                <c:pt idx="948">
                  <c:v>240</c:v>
                </c:pt>
                <c:pt idx="949">
                  <c:v>240</c:v>
                </c:pt>
                <c:pt idx="950">
                  <c:v>241</c:v>
                </c:pt>
                <c:pt idx="951">
                  <c:v>241</c:v>
                </c:pt>
                <c:pt idx="952">
                  <c:v>241</c:v>
                </c:pt>
                <c:pt idx="953">
                  <c:v>242</c:v>
                </c:pt>
                <c:pt idx="954">
                  <c:v>242</c:v>
                </c:pt>
                <c:pt idx="955">
                  <c:v>243</c:v>
                </c:pt>
                <c:pt idx="956">
                  <c:v>243</c:v>
                </c:pt>
                <c:pt idx="957">
                  <c:v>243</c:v>
                </c:pt>
                <c:pt idx="958">
                  <c:v>244</c:v>
                </c:pt>
                <c:pt idx="959">
                  <c:v>244</c:v>
                </c:pt>
                <c:pt idx="960">
                  <c:v>245</c:v>
                </c:pt>
                <c:pt idx="961">
                  <c:v>245</c:v>
                </c:pt>
                <c:pt idx="962">
                  <c:v>246</c:v>
                </c:pt>
                <c:pt idx="963">
                  <c:v>246</c:v>
                </c:pt>
                <c:pt idx="964">
                  <c:v>246</c:v>
                </c:pt>
                <c:pt idx="965">
                  <c:v>247</c:v>
                </c:pt>
                <c:pt idx="966">
                  <c:v>247</c:v>
                </c:pt>
                <c:pt idx="967">
                  <c:v>248</c:v>
                </c:pt>
                <c:pt idx="968">
                  <c:v>248</c:v>
                </c:pt>
                <c:pt idx="969">
                  <c:v>248</c:v>
                </c:pt>
                <c:pt idx="970">
                  <c:v>249</c:v>
                </c:pt>
                <c:pt idx="971">
                  <c:v>249</c:v>
                </c:pt>
                <c:pt idx="972">
                  <c:v>250</c:v>
                </c:pt>
                <c:pt idx="973">
                  <c:v>250</c:v>
                </c:pt>
                <c:pt idx="974">
                  <c:v>251</c:v>
                </c:pt>
                <c:pt idx="975">
                  <c:v>251</c:v>
                </c:pt>
                <c:pt idx="976">
                  <c:v>251</c:v>
                </c:pt>
                <c:pt idx="977">
                  <c:v>252</c:v>
                </c:pt>
                <c:pt idx="978">
                  <c:v>252</c:v>
                </c:pt>
                <c:pt idx="979">
                  <c:v>253</c:v>
                </c:pt>
                <c:pt idx="980">
                  <c:v>253</c:v>
                </c:pt>
                <c:pt idx="981">
                  <c:v>253</c:v>
                </c:pt>
                <c:pt idx="982">
                  <c:v>254</c:v>
                </c:pt>
                <c:pt idx="983">
                  <c:v>254</c:v>
                </c:pt>
                <c:pt idx="984">
                  <c:v>255</c:v>
                </c:pt>
                <c:pt idx="985">
                  <c:v>255</c:v>
                </c:pt>
                <c:pt idx="986">
                  <c:v>256</c:v>
                </c:pt>
                <c:pt idx="987">
                  <c:v>256</c:v>
                </c:pt>
                <c:pt idx="988">
                  <c:v>256</c:v>
                </c:pt>
                <c:pt idx="989">
                  <c:v>257</c:v>
                </c:pt>
                <c:pt idx="990">
                  <c:v>257</c:v>
                </c:pt>
                <c:pt idx="991">
                  <c:v>258</c:v>
                </c:pt>
                <c:pt idx="992">
                  <c:v>258</c:v>
                </c:pt>
                <c:pt idx="993">
                  <c:v>258</c:v>
                </c:pt>
                <c:pt idx="994">
                  <c:v>259</c:v>
                </c:pt>
                <c:pt idx="995">
                  <c:v>259</c:v>
                </c:pt>
                <c:pt idx="996">
                  <c:v>260</c:v>
                </c:pt>
                <c:pt idx="997">
                  <c:v>260</c:v>
                </c:pt>
                <c:pt idx="998">
                  <c:v>261</c:v>
                </c:pt>
                <c:pt idx="999">
                  <c:v>261</c:v>
                </c:pt>
                <c:pt idx="1000">
                  <c:v>261</c:v>
                </c:pt>
                <c:pt idx="1001">
                  <c:v>262</c:v>
                </c:pt>
                <c:pt idx="1002">
                  <c:v>262</c:v>
                </c:pt>
                <c:pt idx="1003">
                  <c:v>263</c:v>
                </c:pt>
                <c:pt idx="1004">
                  <c:v>263</c:v>
                </c:pt>
                <c:pt idx="1005">
                  <c:v>263</c:v>
                </c:pt>
                <c:pt idx="1006">
                  <c:v>264</c:v>
                </c:pt>
                <c:pt idx="1007">
                  <c:v>264</c:v>
                </c:pt>
                <c:pt idx="1008">
                  <c:v>265</c:v>
                </c:pt>
                <c:pt idx="1009">
                  <c:v>265</c:v>
                </c:pt>
                <c:pt idx="1010">
                  <c:v>266</c:v>
                </c:pt>
                <c:pt idx="1011">
                  <c:v>266</c:v>
                </c:pt>
                <c:pt idx="1012">
                  <c:v>266</c:v>
                </c:pt>
                <c:pt idx="1013">
                  <c:v>267</c:v>
                </c:pt>
                <c:pt idx="1014">
                  <c:v>267</c:v>
                </c:pt>
                <c:pt idx="1015">
                  <c:v>268</c:v>
                </c:pt>
                <c:pt idx="1016">
                  <c:v>268</c:v>
                </c:pt>
                <c:pt idx="1017">
                  <c:v>268</c:v>
                </c:pt>
                <c:pt idx="1018">
                  <c:v>269</c:v>
                </c:pt>
                <c:pt idx="1019">
                  <c:v>269</c:v>
                </c:pt>
                <c:pt idx="1020">
                  <c:v>270</c:v>
                </c:pt>
                <c:pt idx="1021">
                  <c:v>270</c:v>
                </c:pt>
                <c:pt idx="1022">
                  <c:v>271</c:v>
                </c:pt>
                <c:pt idx="1023">
                  <c:v>271</c:v>
                </c:pt>
                <c:pt idx="1024">
                  <c:v>271</c:v>
                </c:pt>
                <c:pt idx="1025">
                  <c:v>272</c:v>
                </c:pt>
                <c:pt idx="1026">
                  <c:v>272</c:v>
                </c:pt>
                <c:pt idx="1027">
                  <c:v>273</c:v>
                </c:pt>
                <c:pt idx="1028">
                  <c:v>273</c:v>
                </c:pt>
                <c:pt idx="1029">
                  <c:v>273</c:v>
                </c:pt>
                <c:pt idx="1030">
                  <c:v>274</c:v>
                </c:pt>
                <c:pt idx="1031">
                  <c:v>274</c:v>
                </c:pt>
                <c:pt idx="1032">
                  <c:v>275</c:v>
                </c:pt>
                <c:pt idx="1033">
                  <c:v>275</c:v>
                </c:pt>
                <c:pt idx="1034">
                  <c:v>276</c:v>
                </c:pt>
                <c:pt idx="1035">
                  <c:v>276</c:v>
                </c:pt>
                <c:pt idx="1036">
                  <c:v>276</c:v>
                </c:pt>
                <c:pt idx="1037">
                  <c:v>277</c:v>
                </c:pt>
                <c:pt idx="1038">
                  <c:v>277</c:v>
                </c:pt>
                <c:pt idx="1039">
                  <c:v>278</c:v>
                </c:pt>
                <c:pt idx="1040">
                  <c:v>278</c:v>
                </c:pt>
                <c:pt idx="1041">
                  <c:v>278</c:v>
                </c:pt>
                <c:pt idx="1042">
                  <c:v>279</c:v>
                </c:pt>
                <c:pt idx="1043">
                  <c:v>279</c:v>
                </c:pt>
                <c:pt idx="1044">
                  <c:v>280</c:v>
                </c:pt>
                <c:pt idx="1045">
                  <c:v>280</c:v>
                </c:pt>
                <c:pt idx="1046">
                  <c:v>281</c:v>
                </c:pt>
                <c:pt idx="1047">
                  <c:v>281</c:v>
                </c:pt>
                <c:pt idx="1048">
                  <c:v>281</c:v>
                </c:pt>
                <c:pt idx="1049">
                  <c:v>282</c:v>
                </c:pt>
                <c:pt idx="1050">
                  <c:v>282</c:v>
                </c:pt>
                <c:pt idx="1051">
                  <c:v>283</c:v>
                </c:pt>
                <c:pt idx="1052">
                  <c:v>283</c:v>
                </c:pt>
                <c:pt idx="1053">
                  <c:v>283</c:v>
                </c:pt>
                <c:pt idx="1054">
                  <c:v>284</c:v>
                </c:pt>
                <c:pt idx="1055">
                  <c:v>284</c:v>
                </c:pt>
                <c:pt idx="1056">
                  <c:v>285</c:v>
                </c:pt>
                <c:pt idx="1057">
                  <c:v>285</c:v>
                </c:pt>
                <c:pt idx="1058">
                  <c:v>286</c:v>
                </c:pt>
                <c:pt idx="1059">
                  <c:v>286</c:v>
                </c:pt>
                <c:pt idx="1060">
                  <c:v>286</c:v>
                </c:pt>
                <c:pt idx="1061">
                  <c:v>287</c:v>
                </c:pt>
                <c:pt idx="1062">
                  <c:v>287</c:v>
                </c:pt>
                <c:pt idx="1063">
                  <c:v>288</c:v>
                </c:pt>
                <c:pt idx="1064">
                  <c:v>288</c:v>
                </c:pt>
                <c:pt idx="1065">
                  <c:v>288</c:v>
                </c:pt>
                <c:pt idx="1066">
                  <c:v>289</c:v>
                </c:pt>
                <c:pt idx="1067">
                  <c:v>289</c:v>
                </c:pt>
                <c:pt idx="1068">
                  <c:v>290</c:v>
                </c:pt>
                <c:pt idx="1069">
                  <c:v>290</c:v>
                </c:pt>
                <c:pt idx="1070">
                  <c:v>291</c:v>
                </c:pt>
                <c:pt idx="1071">
                  <c:v>291</c:v>
                </c:pt>
                <c:pt idx="1072">
                  <c:v>291</c:v>
                </c:pt>
                <c:pt idx="1073">
                  <c:v>292</c:v>
                </c:pt>
                <c:pt idx="1074">
                  <c:v>292</c:v>
                </c:pt>
                <c:pt idx="1075">
                  <c:v>293</c:v>
                </c:pt>
                <c:pt idx="1076">
                  <c:v>293</c:v>
                </c:pt>
                <c:pt idx="1077">
                  <c:v>293</c:v>
                </c:pt>
                <c:pt idx="1078">
                  <c:v>294</c:v>
                </c:pt>
                <c:pt idx="1079">
                  <c:v>294</c:v>
                </c:pt>
                <c:pt idx="1080">
                  <c:v>295</c:v>
                </c:pt>
                <c:pt idx="1081">
                  <c:v>295</c:v>
                </c:pt>
                <c:pt idx="1082">
                  <c:v>296</c:v>
                </c:pt>
                <c:pt idx="1083">
                  <c:v>296</c:v>
                </c:pt>
                <c:pt idx="1084">
                  <c:v>296</c:v>
                </c:pt>
                <c:pt idx="1085">
                  <c:v>297</c:v>
                </c:pt>
                <c:pt idx="1086">
                  <c:v>297</c:v>
                </c:pt>
                <c:pt idx="1087">
                  <c:v>298</c:v>
                </c:pt>
                <c:pt idx="1088">
                  <c:v>298</c:v>
                </c:pt>
                <c:pt idx="1089">
                  <c:v>298</c:v>
                </c:pt>
                <c:pt idx="1090">
                  <c:v>299</c:v>
                </c:pt>
                <c:pt idx="1091">
                  <c:v>299</c:v>
                </c:pt>
                <c:pt idx="1092">
                  <c:v>300</c:v>
                </c:pt>
                <c:pt idx="1093">
                  <c:v>300</c:v>
                </c:pt>
                <c:pt idx="1094">
                  <c:v>301</c:v>
                </c:pt>
                <c:pt idx="1095">
                  <c:v>301</c:v>
                </c:pt>
                <c:pt idx="1096">
                  <c:v>301</c:v>
                </c:pt>
                <c:pt idx="1097">
                  <c:v>302</c:v>
                </c:pt>
                <c:pt idx="1098">
                  <c:v>302</c:v>
                </c:pt>
                <c:pt idx="1099">
                  <c:v>303</c:v>
                </c:pt>
                <c:pt idx="1100">
                  <c:v>303</c:v>
                </c:pt>
                <c:pt idx="1101">
                  <c:v>303</c:v>
                </c:pt>
                <c:pt idx="1102">
                  <c:v>304</c:v>
                </c:pt>
                <c:pt idx="1103">
                  <c:v>304</c:v>
                </c:pt>
                <c:pt idx="1104">
                  <c:v>305</c:v>
                </c:pt>
                <c:pt idx="1105">
                  <c:v>305</c:v>
                </c:pt>
                <c:pt idx="1106">
                  <c:v>306</c:v>
                </c:pt>
                <c:pt idx="1107">
                  <c:v>306</c:v>
                </c:pt>
                <c:pt idx="1108">
                  <c:v>306</c:v>
                </c:pt>
                <c:pt idx="1109">
                  <c:v>307</c:v>
                </c:pt>
                <c:pt idx="1110">
                  <c:v>307</c:v>
                </c:pt>
                <c:pt idx="1111">
                  <c:v>308</c:v>
                </c:pt>
                <c:pt idx="1112">
                  <c:v>308</c:v>
                </c:pt>
                <c:pt idx="1113">
                  <c:v>308</c:v>
                </c:pt>
                <c:pt idx="1114">
                  <c:v>309</c:v>
                </c:pt>
                <c:pt idx="1115">
                  <c:v>309</c:v>
                </c:pt>
                <c:pt idx="1116">
                  <c:v>310</c:v>
                </c:pt>
                <c:pt idx="1117">
                  <c:v>310</c:v>
                </c:pt>
                <c:pt idx="1118">
                  <c:v>311</c:v>
                </c:pt>
                <c:pt idx="1119">
                  <c:v>311</c:v>
                </c:pt>
                <c:pt idx="1120">
                  <c:v>311</c:v>
                </c:pt>
                <c:pt idx="1121">
                  <c:v>312</c:v>
                </c:pt>
                <c:pt idx="1122">
                  <c:v>312</c:v>
                </c:pt>
                <c:pt idx="1123">
                  <c:v>313</c:v>
                </c:pt>
                <c:pt idx="1124">
                  <c:v>313</c:v>
                </c:pt>
                <c:pt idx="1125">
                  <c:v>313</c:v>
                </c:pt>
                <c:pt idx="1126">
                  <c:v>314</c:v>
                </c:pt>
                <c:pt idx="1127">
                  <c:v>314</c:v>
                </c:pt>
                <c:pt idx="1128">
                  <c:v>315</c:v>
                </c:pt>
                <c:pt idx="1129">
                  <c:v>315</c:v>
                </c:pt>
                <c:pt idx="1130">
                  <c:v>316</c:v>
                </c:pt>
                <c:pt idx="1131">
                  <c:v>316</c:v>
                </c:pt>
                <c:pt idx="1132">
                  <c:v>316</c:v>
                </c:pt>
                <c:pt idx="1133">
                  <c:v>317</c:v>
                </c:pt>
                <c:pt idx="1134">
                  <c:v>317</c:v>
                </c:pt>
                <c:pt idx="1135">
                  <c:v>318</c:v>
                </c:pt>
                <c:pt idx="1136">
                  <c:v>318</c:v>
                </c:pt>
                <c:pt idx="1137">
                  <c:v>318</c:v>
                </c:pt>
                <c:pt idx="1138">
                  <c:v>319</c:v>
                </c:pt>
                <c:pt idx="1139">
                  <c:v>319</c:v>
                </c:pt>
                <c:pt idx="1140">
                  <c:v>320</c:v>
                </c:pt>
                <c:pt idx="1141">
                  <c:v>320</c:v>
                </c:pt>
                <c:pt idx="1142">
                  <c:v>321</c:v>
                </c:pt>
                <c:pt idx="1143">
                  <c:v>321</c:v>
                </c:pt>
                <c:pt idx="1144">
                  <c:v>321</c:v>
                </c:pt>
                <c:pt idx="1145">
                  <c:v>322</c:v>
                </c:pt>
                <c:pt idx="1146">
                  <c:v>322</c:v>
                </c:pt>
                <c:pt idx="1147">
                  <c:v>323</c:v>
                </c:pt>
                <c:pt idx="1148">
                  <c:v>323</c:v>
                </c:pt>
                <c:pt idx="1149">
                  <c:v>323</c:v>
                </c:pt>
                <c:pt idx="1150">
                  <c:v>324</c:v>
                </c:pt>
                <c:pt idx="1151">
                  <c:v>324</c:v>
                </c:pt>
                <c:pt idx="1152">
                  <c:v>325</c:v>
                </c:pt>
                <c:pt idx="1153">
                  <c:v>325</c:v>
                </c:pt>
                <c:pt idx="1154">
                  <c:v>326</c:v>
                </c:pt>
                <c:pt idx="1155">
                  <c:v>326</c:v>
                </c:pt>
                <c:pt idx="1156">
                  <c:v>326</c:v>
                </c:pt>
                <c:pt idx="1157">
                  <c:v>327</c:v>
                </c:pt>
                <c:pt idx="1158">
                  <c:v>327</c:v>
                </c:pt>
                <c:pt idx="1159">
                  <c:v>328</c:v>
                </c:pt>
                <c:pt idx="1160">
                  <c:v>328</c:v>
                </c:pt>
                <c:pt idx="1161">
                  <c:v>328</c:v>
                </c:pt>
                <c:pt idx="1162">
                  <c:v>329</c:v>
                </c:pt>
                <c:pt idx="1163">
                  <c:v>329</c:v>
                </c:pt>
                <c:pt idx="1164">
                  <c:v>330</c:v>
                </c:pt>
                <c:pt idx="1165">
                  <c:v>330</c:v>
                </c:pt>
                <c:pt idx="1166">
                  <c:v>331</c:v>
                </c:pt>
                <c:pt idx="1167">
                  <c:v>331</c:v>
                </c:pt>
                <c:pt idx="1168">
                  <c:v>331</c:v>
                </c:pt>
                <c:pt idx="1169">
                  <c:v>332</c:v>
                </c:pt>
                <c:pt idx="1170">
                  <c:v>332</c:v>
                </c:pt>
                <c:pt idx="1171">
                  <c:v>333</c:v>
                </c:pt>
                <c:pt idx="1172">
                  <c:v>333</c:v>
                </c:pt>
                <c:pt idx="1173">
                  <c:v>333</c:v>
                </c:pt>
                <c:pt idx="1174">
                  <c:v>334</c:v>
                </c:pt>
                <c:pt idx="1175">
                  <c:v>334</c:v>
                </c:pt>
                <c:pt idx="1176">
                  <c:v>335</c:v>
                </c:pt>
                <c:pt idx="1177">
                  <c:v>335</c:v>
                </c:pt>
                <c:pt idx="1178">
                  <c:v>336</c:v>
                </c:pt>
                <c:pt idx="1179">
                  <c:v>336</c:v>
                </c:pt>
                <c:pt idx="1180">
                  <c:v>336</c:v>
                </c:pt>
                <c:pt idx="1181">
                  <c:v>337</c:v>
                </c:pt>
                <c:pt idx="1182">
                  <c:v>337</c:v>
                </c:pt>
                <c:pt idx="1183">
                  <c:v>338</c:v>
                </c:pt>
                <c:pt idx="1184">
                  <c:v>338</c:v>
                </c:pt>
                <c:pt idx="1185">
                  <c:v>338</c:v>
                </c:pt>
                <c:pt idx="1186">
                  <c:v>339</c:v>
                </c:pt>
                <c:pt idx="1187">
                  <c:v>339</c:v>
                </c:pt>
                <c:pt idx="1188">
                  <c:v>340</c:v>
                </c:pt>
                <c:pt idx="1189">
                  <c:v>340</c:v>
                </c:pt>
                <c:pt idx="1190">
                  <c:v>341</c:v>
                </c:pt>
                <c:pt idx="1191">
                  <c:v>341</c:v>
                </c:pt>
                <c:pt idx="1192">
                  <c:v>341</c:v>
                </c:pt>
                <c:pt idx="1193">
                  <c:v>342</c:v>
                </c:pt>
                <c:pt idx="1194">
                  <c:v>342</c:v>
                </c:pt>
                <c:pt idx="1195">
                  <c:v>343</c:v>
                </c:pt>
                <c:pt idx="1196">
                  <c:v>343</c:v>
                </c:pt>
                <c:pt idx="1197">
                  <c:v>343</c:v>
                </c:pt>
                <c:pt idx="1198">
                  <c:v>344</c:v>
                </c:pt>
                <c:pt idx="1199">
                  <c:v>344</c:v>
                </c:pt>
                <c:pt idx="1200">
                  <c:v>345</c:v>
                </c:pt>
                <c:pt idx="1201">
                  <c:v>345</c:v>
                </c:pt>
                <c:pt idx="1202">
                  <c:v>346</c:v>
                </c:pt>
                <c:pt idx="1203">
                  <c:v>346</c:v>
                </c:pt>
                <c:pt idx="1204">
                  <c:v>346</c:v>
                </c:pt>
                <c:pt idx="1205">
                  <c:v>347</c:v>
                </c:pt>
                <c:pt idx="1206">
                  <c:v>347</c:v>
                </c:pt>
                <c:pt idx="1207">
                  <c:v>348</c:v>
                </c:pt>
                <c:pt idx="1208">
                  <c:v>348</c:v>
                </c:pt>
                <c:pt idx="1209">
                  <c:v>348</c:v>
                </c:pt>
                <c:pt idx="1210">
                  <c:v>349</c:v>
                </c:pt>
                <c:pt idx="1211">
                  <c:v>349</c:v>
                </c:pt>
                <c:pt idx="1212">
                  <c:v>350</c:v>
                </c:pt>
                <c:pt idx="1213">
                  <c:v>350</c:v>
                </c:pt>
                <c:pt idx="1214">
                  <c:v>351</c:v>
                </c:pt>
                <c:pt idx="1215">
                  <c:v>351</c:v>
                </c:pt>
                <c:pt idx="1216">
                  <c:v>351</c:v>
                </c:pt>
                <c:pt idx="1217">
                  <c:v>352</c:v>
                </c:pt>
                <c:pt idx="1218">
                  <c:v>352</c:v>
                </c:pt>
                <c:pt idx="1219">
                  <c:v>353</c:v>
                </c:pt>
                <c:pt idx="1220">
                  <c:v>353</c:v>
                </c:pt>
                <c:pt idx="1221">
                  <c:v>353</c:v>
                </c:pt>
                <c:pt idx="1222">
                  <c:v>354</c:v>
                </c:pt>
                <c:pt idx="1223">
                  <c:v>354</c:v>
                </c:pt>
                <c:pt idx="1224">
                  <c:v>355</c:v>
                </c:pt>
                <c:pt idx="1225">
                  <c:v>355</c:v>
                </c:pt>
                <c:pt idx="1226">
                  <c:v>356</c:v>
                </c:pt>
                <c:pt idx="1227">
                  <c:v>356</c:v>
                </c:pt>
                <c:pt idx="1228">
                  <c:v>356</c:v>
                </c:pt>
                <c:pt idx="1229">
                  <c:v>357</c:v>
                </c:pt>
                <c:pt idx="1230">
                  <c:v>357</c:v>
                </c:pt>
                <c:pt idx="1231">
                  <c:v>358</c:v>
                </c:pt>
                <c:pt idx="1232">
                  <c:v>358</c:v>
                </c:pt>
                <c:pt idx="1233">
                  <c:v>358</c:v>
                </c:pt>
                <c:pt idx="1234">
                  <c:v>359</c:v>
                </c:pt>
                <c:pt idx="1235">
                  <c:v>359</c:v>
                </c:pt>
                <c:pt idx="1236">
                  <c:v>360</c:v>
                </c:pt>
                <c:pt idx="1237">
                  <c:v>360</c:v>
                </c:pt>
                <c:pt idx="1238">
                  <c:v>361</c:v>
                </c:pt>
                <c:pt idx="1239">
                  <c:v>361</c:v>
                </c:pt>
                <c:pt idx="1240">
                  <c:v>361</c:v>
                </c:pt>
                <c:pt idx="1241">
                  <c:v>362</c:v>
                </c:pt>
                <c:pt idx="1242">
                  <c:v>362</c:v>
                </c:pt>
                <c:pt idx="1243">
                  <c:v>363</c:v>
                </c:pt>
                <c:pt idx="1244">
                  <c:v>363</c:v>
                </c:pt>
                <c:pt idx="1245">
                  <c:v>363</c:v>
                </c:pt>
                <c:pt idx="1246">
                  <c:v>364</c:v>
                </c:pt>
                <c:pt idx="1247">
                  <c:v>364</c:v>
                </c:pt>
                <c:pt idx="1248">
                  <c:v>365</c:v>
                </c:pt>
                <c:pt idx="1249">
                  <c:v>365</c:v>
                </c:pt>
                <c:pt idx="1250">
                  <c:v>366</c:v>
                </c:pt>
                <c:pt idx="1251">
                  <c:v>366</c:v>
                </c:pt>
                <c:pt idx="1252">
                  <c:v>366</c:v>
                </c:pt>
                <c:pt idx="1253">
                  <c:v>367</c:v>
                </c:pt>
                <c:pt idx="1254">
                  <c:v>367</c:v>
                </c:pt>
                <c:pt idx="1255">
                  <c:v>368</c:v>
                </c:pt>
                <c:pt idx="1256">
                  <c:v>368</c:v>
                </c:pt>
                <c:pt idx="1257">
                  <c:v>368</c:v>
                </c:pt>
                <c:pt idx="1258">
                  <c:v>369</c:v>
                </c:pt>
                <c:pt idx="1259">
                  <c:v>369</c:v>
                </c:pt>
                <c:pt idx="1260">
                  <c:v>370</c:v>
                </c:pt>
                <c:pt idx="1261">
                  <c:v>370</c:v>
                </c:pt>
                <c:pt idx="1262">
                  <c:v>371</c:v>
                </c:pt>
                <c:pt idx="1263">
                  <c:v>371</c:v>
                </c:pt>
                <c:pt idx="1264">
                  <c:v>371</c:v>
                </c:pt>
                <c:pt idx="1265">
                  <c:v>372</c:v>
                </c:pt>
                <c:pt idx="1266">
                  <c:v>372</c:v>
                </c:pt>
                <c:pt idx="1267">
                  <c:v>373</c:v>
                </c:pt>
                <c:pt idx="1268">
                  <c:v>373</c:v>
                </c:pt>
                <c:pt idx="1269">
                  <c:v>373</c:v>
                </c:pt>
                <c:pt idx="1270">
                  <c:v>374</c:v>
                </c:pt>
                <c:pt idx="1271">
                  <c:v>374</c:v>
                </c:pt>
                <c:pt idx="1272">
                  <c:v>375</c:v>
                </c:pt>
                <c:pt idx="1273">
                  <c:v>375</c:v>
                </c:pt>
                <c:pt idx="1274">
                  <c:v>376</c:v>
                </c:pt>
                <c:pt idx="1275">
                  <c:v>376</c:v>
                </c:pt>
                <c:pt idx="1276">
                  <c:v>376</c:v>
                </c:pt>
                <c:pt idx="1277">
                  <c:v>377</c:v>
                </c:pt>
                <c:pt idx="1278">
                  <c:v>377</c:v>
                </c:pt>
                <c:pt idx="1279">
                  <c:v>378</c:v>
                </c:pt>
                <c:pt idx="1280">
                  <c:v>378</c:v>
                </c:pt>
                <c:pt idx="1281">
                  <c:v>378</c:v>
                </c:pt>
                <c:pt idx="1282">
                  <c:v>379</c:v>
                </c:pt>
                <c:pt idx="1283">
                  <c:v>379</c:v>
                </c:pt>
                <c:pt idx="1284">
                  <c:v>380</c:v>
                </c:pt>
                <c:pt idx="1285">
                  <c:v>380</c:v>
                </c:pt>
                <c:pt idx="1286">
                  <c:v>381</c:v>
                </c:pt>
                <c:pt idx="1287">
                  <c:v>381</c:v>
                </c:pt>
                <c:pt idx="1288">
                  <c:v>381</c:v>
                </c:pt>
                <c:pt idx="1289">
                  <c:v>382</c:v>
                </c:pt>
                <c:pt idx="1290">
                  <c:v>382</c:v>
                </c:pt>
                <c:pt idx="1291">
                  <c:v>383</c:v>
                </c:pt>
                <c:pt idx="1292">
                  <c:v>383</c:v>
                </c:pt>
                <c:pt idx="1293">
                  <c:v>383</c:v>
                </c:pt>
                <c:pt idx="1294">
                  <c:v>384</c:v>
                </c:pt>
                <c:pt idx="1295">
                  <c:v>384</c:v>
                </c:pt>
                <c:pt idx="1296">
                  <c:v>385</c:v>
                </c:pt>
                <c:pt idx="1297">
                  <c:v>385</c:v>
                </c:pt>
                <c:pt idx="1298">
                  <c:v>386</c:v>
                </c:pt>
                <c:pt idx="1299">
                  <c:v>386</c:v>
                </c:pt>
                <c:pt idx="1300">
                  <c:v>386</c:v>
                </c:pt>
                <c:pt idx="1301">
                  <c:v>387</c:v>
                </c:pt>
                <c:pt idx="1302">
                  <c:v>387</c:v>
                </c:pt>
                <c:pt idx="1303">
                  <c:v>388</c:v>
                </c:pt>
                <c:pt idx="1304">
                  <c:v>388</c:v>
                </c:pt>
                <c:pt idx="1305">
                  <c:v>388</c:v>
                </c:pt>
                <c:pt idx="1306">
                  <c:v>389</c:v>
                </c:pt>
                <c:pt idx="1307">
                  <c:v>389</c:v>
                </c:pt>
                <c:pt idx="1308">
                  <c:v>390</c:v>
                </c:pt>
                <c:pt idx="1309">
                  <c:v>390</c:v>
                </c:pt>
                <c:pt idx="1310">
                  <c:v>391</c:v>
                </c:pt>
                <c:pt idx="1311">
                  <c:v>391</c:v>
                </c:pt>
                <c:pt idx="1312">
                  <c:v>391</c:v>
                </c:pt>
                <c:pt idx="1313">
                  <c:v>392</c:v>
                </c:pt>
                <c:pt idx="1314">
                  <c:v>392</c:v>
                </c:pt>
                <c:pt idx="1315">
                  <c:v>393</c:v>
                </c:pt>
                <c:pt idx="1316">
                  <c:v>393</c:v>
                </c:pt>
                <c:pt idx="1317">
                  <c:v>393</c:v>
                </c:pt>
                <c:pt idx="1318">
                  <c:v>394</c:v>
                </c:pt>
                <c:pt idx="1319">
                  <c:v>394</c:v>
                </c:pt>
                <c:pt idx="1320">
                  <c:v>395</c:v>
                </c:pt>
                <c:pt idx="1321">
                  <c:v>395</c:v>
                </c:pt>
                <c:pt idx="1322">
                  <c:v>396</c:v>
                </c:pt>
                <c:pt idx="1323">
                  <c:v>396</c:v>
                </c:pt>
                <c:pt idx="1324">
                  <c:v>396</c:v>
                </c:pt>
                <c:pt idx="1325">
                  <c:v>397</c:v>
                </c:pt>
                <c:pt idx="1326">
                  <c:v>397</c:v>
                </c:pt>
                <c:pt idx="1327">
                  <c:v>398</c:v>
                </c:pt>
                <c:pt idx="1328">
                  <c:v>398</c:v>
                </c:pt>
                <c:pt idx="1329">
                  <c:v>398</c:v>
                </c:pt>
                <c:pt idx="1330">
                  <c:v>399</c:v>
                </c:pt>
                <c:pt idx="1331">
                  <c:v>399</c:v>
                </c:pt>
                <c:pt idx="1332">
                  <c:v>400</c:v>
                </c:pt>
                <c:pt idx="1333">
                  <c:v>400</c:v>
                </c:pt>
                <c:pt idx="1334">
                  <c:v>401</c:v>
                </c:pt>
                <c:pt idx="1335">
                  <c:v>401</c:v>
                </c:pt>
                <c:pt idx="1336">
                  <c:v>401</c:v>
                </c:pt>
                <c:pt idx="1337">
                  <c:v>402</c:v>
                </c:pt>
                <c:pt idx="1338">
                  <c:v>402</c:v>
                </c:pt>
                <c:pt idx="1339">
                  <c:v>403</c:v>
                </c:pt>
                <c:pt idx="1340">
                  <c:v>403</c:v>
                </c:pt>
                <c:pt idx="1341">
                  <c:v>403</c:v>
                </c:pt>
                <c:pt idx="1342">
                  <c:v>404</c:v>
                </c:pt>
                <c:pt idx="1343">
                  <c:v>404</c:v>
                </c:pt>
                <c:pt idx="1344">
                  <c:v>405</c:v>
                </c:pt>
                <c:pt idx="1345">
                  <c:v>405</c:v>
                </c:pt>
                <c:pt idx="1346">
                  <c:v>406</c:v>
                </c:pt>
                <c:pt idx="1347">
                  <c:v>406</c:v>
                </c:pt>
                <c:pt idx="1348">
                  <c:v>406</c:v>
                </c:pt>
                <c:pt idx="1349">
                  <c:v>407</c:v>
                </c:pt>
                <c:pt idx="1350">
                  <c:v>407</c:v>
                </c:pt>
                <c:pt idx="1351">
                  <c:v>408</c:v>
                </c:pt>
                <c:pt idx="1352">
                  <c:v>408</c:v>
                </c:pt>
                <c:pt idx="1353">
                  <c:v>408</c:v>
                </c:pt>
                <c:pt idx="1354">
                  <c:v>409</c:v>
                </c:pt>
                <c:pt idx="1355">
                  <c:v>409</c:v>
                </c:pt>
                <c:pt idx="1356">
                  <c:v>410</c:v>
                </c:pt>
                <c:pt idx="1357">
                  <c:v>410</c:v>
                </c:pt>
                <c:pt idx="1358">
                  <c:v>411</c:v>
                </c:pt>
                <c:pt idx="1359">
                  <c:v>411</c:v>
                </c:pt>
                <c:pt idx="1360">
                  <c:v>411</c:v>
                </c:pt>
                <c:pt idx="1361">
                  <c:v>412</c:v>
                </c:pt>
                <c:pt idx="1362">
                  <c:v>412</c:v>
                </c:pt>
                <c:pt idx="1363">
                  <c:v>413</c:v>
                </c:pt>
                <c:pt idx="1364">
                  <c:v>413</c:v>
                </c:pt>
                <c:pt idx="1365">
                  <c:v>413</c:v>
                </c:pt>
                <c:pt idx="1366">
                  <c:v>414</c:v>
                </c:pt>
                <c:pt idx="1367">
                  <c:v>414</c:v>
                </c:pt>
                <c:pt idx="1368">
                  <c:v>415</c:v>
                </c:pt>
                <c:pt idx="1369">
                  <c:v>415</c:v>
                </c:pt>
                <c:pt idx="1370">
                  <c:v>416</c:v>
                </c:pt>
                <c:pt idx="1371">
                  <c:v>416</c:v>
                </c:pt>
                <c:pt idx="1372">
                  <c:v>416</c:v>
                </c:pt>
                <c:pt idx="1373">
                  <c:v>417</c:v>
                </c:pt>
                <c:pt idx="1374">
                  <c:v>417</c:v>
                </c:pt>
                <c:pt idx="1375">
                  <c:v>418</c:v>
                </c:pt>
                <c:pt idx="1376">
                  <c:v>418</c:v>
                </c:pt>
                <c:pt idx="1377">
                  <c:v>418</c:v>
                </c:pt>
                <c:pt idx="1378">
                  <c:v>419</c:v>
                </c:pt>
                <c:pt idx="1379">
                  <c:v>419</c:v>
                </c:pt>
                <c:pt idx="1380">
                  <c:v>420</c:v>
                </c:pt>
                <c:pt idx="1381">
                  <c:v>420</c:v>
                </c:pt>
                <c:pt idx="1382">
                  <c:v>421</c:v>
                </c:pt>
                <c:pt idx="1383">
                  <c:v>421</c:v>
                </c:pt>
                <c:pt idx="1384">
                  <c:v>421</c:v>
                </c:pt>
                <c:pt idx="1385">
                  <c:v>422</c:v>
                </c:pt>
                <c:pt idx="1386">
                  <c:v>422</c:v>
                </c:pt>
                <c:pt idx="1387">
                  <c:v>423</c:v>
                </c:pt>
                <c:pt idx="1388">
                  <c:v>423</c:v>
                </c:pt>
                <c:pt idx="1389">
                  <c:v>423</c:v>
                </c:pt>
                <c:pt idx="1390">
                  <c:v>424</c:v>
                </c:pt>
                <c:pt idx="1391">
                  <c:v>424</c:v>
                </c:pt>
                <c:pt idx="1392">
                  <c:v>425</c:v>
                </c:pt>
                <c:pt idx="1393">
                  <c:v>425</c:v>
                </c:pt>
                <c:pt idx="1394">
                  <c:v>426</c:v>
                </c:pt>
                <c:pt idx="1395">
                  <c:v>426</c:v>
                </c:pt>
                <c:pt idx="1396">
                  <c:v>426</c:v>
                </c:pt>
                <c:pt idx="1397">
                  <c:v>427</c:v>
                </c:pt>
                <c:pt idx="1398">
                  <c:v>427</c:v>
                </c:pt>
                <c:pt idx="1399">
                  <c:v>428</c:v>
                </c:pt>
                <c:pt idx="1400">
                  <c:v>428</c:v>
                </c:pt>
                <c:pt idx="1401">
                  <c:v>428</c:v>
                </c:pt>
                <c:pt idx="1402">
                  <c:v>429</c:v>
                </c:pt>
                <c:pt idx="1403">
                  <c:v>429</c:v>
                </c:pt>
                <c:pt idx="1404">
                  <c:v>430</c:v>
                </c:pt>
                <c:pt idx="1405">
                  <c:v>430</c:v>
                </c:pt>
                <c:pt idx="1406">
                  <c:v>431</c:v>
                </c:pt>
                <c:pt idx="1407">
                  <c:v>431</c:v>
                </c:pt>
                <c:pt idx="1408">
                  <c:v>431</c:v>
                </c:pt>
                <c:pt idx="1409">
                  <c:v>432</c:v>
                </c:pt>
                <c:pt idx="1410">
                  <c:v>432</c:v>
                </c:pt>
                <c:pt idx="1411">
                  <c:v>433</c:v>
                </c:pt>
                <c:pt idx="1412">
                  <c:v>433</c:v>
                </c:pt>
                <c:pt idx="1413">
                  <c:v>433</c:v>
                </c:pt>
                <c:pt idx="1414">
                  <c:v>434</c:v>
                </c:pt>
                <c:pt idx="1415">
                  <c:v>434</c:v>
                </c:pt>
                <c:pt idx="1416">
                  <c:v>435</c:v>
                </c:pt>
                <c:pt idx="1417">
                  <c:v>435</c:v>
                </c:pt>
                <c:pt idx="1418">
                  <c:v>436</c:v>
                </c:pt>
                <c:pt idx="1419">
                  <c:v>436</c:v>
                </c:pt>
                <c:pt idx="1420">
                  <c:v>436</c:v>
                </c:pt>
                <c:pt idx="1421">
                  <c:v>437</c:v>
                </c:pt>
                <c:pt idx="1422">
                  <c:v>437</c:v>
                </c:pt>
                <c:pt idx="1423">
                  <c:v>438</c:v>
                </c:pt>
                <c:pt idx="1424">
                  <c:v>438</c:v>
                </c:pt>
                <c:pt idx="1425">
                  <c:v>438</c:v>
                </c:pt>
                <c:pt idx="1426">
                  <c:v>439</c:v>
                </c:pt>
                <c:pt idx="1427">
                  <c:v>439</c:v>
                </c:pt>
                <c:pt idx="1428">
                  <c:v>440</c:v>
                </c:pt>
                <c:pt idx="1429">
                  <c:v>440</c:v>
                </c:pt>
                <c:pt idx="1430">
                  <c:v>441</c:v>
                </c:pt>
                <c:pt idx="1431">
                  <c:v>441</c:v>
                </c:pt>
                <c:pt idx="1432">
                  <c:v>441</c:v>
                </c:pt>
                <c:pt idx="1433">
                  <c:v>442</c:v>
                </c:pt>
                <c:pt idx="1434">
                  <c:v>442</c:v>
                </c:pt>
                <c:pt idx="1435">
                  <c:v>443</c:v>
                </c:pt>
                <c:pt idx="1436">
                  <c:v>443</c:v>
                </c:pt>
                <c:pt idx="1437">
                  <c:v>443</c:v>
                </c:pt>
                <c:pt idx="1438">
                  <c:v>444</c:v>
                </c:pt>
                <c:pt idx="1439">
                  <c:v>444</c:v>
                </c:pt>
                <c:pt idx="1440">
                  <c:v>445</c:v>
                </c:pt>
                <c:pt idx="1441">
                  <c:v>445</c:v>
                </c:pt>
                <c:pt idx="1442">
                  <c:v>446</c:v>
                </c:pt>
                <c:pt idx="1443">
                  <c:v>446</c:v>
                </c:pt>
                <c:pt idx="1444">
                  <c:v>446</c:v>
                </c:pt>
                <c:pt idx="1445">
                  <c:v>447</c:v>
                </c:pt>
                <c:pt idx="1446">
                  <c:v>447</c:v>
                </c:pt>
                <c:pt idx="1447">
                  <c:v>448</c:v>
                </c:pt>
                <c:pt idx="1448">
                  <c:v>448</c:v>
                </c:pt>
                <c:pt idx="1449">
                  <c:v>448</c:v>
                </c:pt>
                <c:pt idx="1450">
                  <c:v>449</c:v>
                </c:pt>
                <c:pt idx="1451">
                  <c:v>449</c:v>
                </c:pt>
                <c:pt idx="1452">
                  <c:v>450</c:v>
                </c:pt>
                <c:pt idx="1453">
                  <c:v>450</c:v>
                </c:pt>
                <c:pt idx="1454">
                  <c:v>451</c:v>
                </c:pt>
                <c:pt idx="1455">
                  <c:v>451</c:v>
                </c:pt>
                <c:pt idx="1456">
                  <c:v>451</c:v>
                </c:pt>
                <c:pt idx="1457">
                  <c:v>452</c:v>
                </c:pt>
                <c:pt idx="1458">
                  <c:v>452</c:v>
                </c:pt>
                <c:pt idx="1459">
                  <c:v>453</c:v>
                </c:pt>
                <c:pt idx="1460">
                  <c:v>453</c:v>
                </c:pt>
                <c:pt idx="1461">
                  <c:v>453</c:v>
                </c:pt>
                <c:pt idx="1462">
                  <c:v>454</c:v>
                </c:pt>
                <c:pt idx="1463">
                  <c:v>454</c:v>
                </c:pt>
                <c:pt idx="1464">
                  <c:v>455</c:v>
                </c:pt>
                <c:pt idx="1465">
                  <c:v>455</c:v>
                </c:pt>
                <c:pt idx="1466">
                  <c:v>456</c:v>
                </c:pt>
                <c:pt idx="1467">
                  <c:v>456</c:v>
                </c:pt>
                <c:pt idx="1468">
                  <c:v>456</c:v>
                </c:pt>
                <c:pt idx="1469">
                  <c:v>457</c:v>
                </c:pt>
                <c:pt idx="1470">
                  <c:v>457</c:v>
                </c:pt>
                <c:pt idx="1471">
                  <c:v>458</c:v>
                </c:pt>
                <c:pt idx="1472">
                  <c:v>458</c:v>
                </c:pt>
                <c:pt idx="1473">
                  <c:v>458</c:v>
                </c:pt>
                <c:pt idx="1474">
                  <c:v>459</c:v>
                </c:pt>
                <c:pt idx="1475">
                  <c:v>459</c:v>
                </c:pt>
                <c:pt idx="1476">
                  <c:v>460</c:v>
                </c:pt>
                <c:pt idx="1477">
                  <c:v>460</c:v>
                </c:pt>
                <c:pt idx="1478">
                  <c:v>461</c:v>
                </c:pt>
                <c:pt idx="1479">
                  <c:v>461</c:v>
                </c:pt>
                <c:pt idx="1480">
                  <c:v>461</c:v>
                </c:pt>
                <c:pt idx="1481">
                  <c:v>462</c:v>
                </c:pt>
                <c:pt idx="1482">
                  <c:v>462</c:v>
                </c:pt>
                <c:pt idx="1483">
                  <c:v>463</c:v>
                </c:pt>
                <c:pt idx="1484">
                  <c:v>463</c:v>
                </c:pt>
                <c:pt idx="1485">
                  <c:v>463</c:v>
                </c:pt>
                <c:pt idx="1486">
                  <c:v>464</c:v>
                </c:pt>
                <c:pt idx="1487">
                  <c:v>464</c:v>
                </c:pt>
                <c:pt idx="1488">
                  <c:v>465</c:v>
                </c:pt>
                <c:pt idx="1489">
                  <c:v>465</c:v>
                </c:pt>
                <c:pt idx="1490">
                  <c:v>466</c:v>
                </c:pt>
                <c:pt idx="1491">
                  <c:v>466</c:v>
                </c:pt>
                <c:pt idx="1492">
                  <c:v>466</c:v>
                </c:pt>
                <c:pt idx="1493">
                  <c:v>467</c:v>
                </c:pt>
                <c:pt idx="1494">
                  <c:v>467</c:v>
                </c:pt>
                <c:pt idx="1495">
                  <c:v>468</c:v>
                </c:pt>
                <c:pt idx="1496">
                  <c:v>468</c:v>
                </c:pt>
                <c:pt idx="1497">
                  <c:v>468</c:v>
                </c:pt>
                <c:pt idx="1498">
                  <c:v>469</c:v>
                </c:pt>
                <c:pt idx="1499">
                  <c:v>469</c:v>
                </c:pt>
                <c:pt idx="1500">
                  <c:v>470</c:v>
                </c:pt>
                <c:pt idx="1501">
                  <c:v>470</c:v>
                </c:pt>
                <c:pt idx="1502">
                  <c:v>471</c:v>
                </c:pt>
                <c:pt idx="1503">
                  <c:v>471</c:v>
                </c:pt>
                <c:pt idx="1504">
                  <c:v>471</c:v>
                </c:pt>
                <c:pt idx="1505">
                  <c:v>472</c:v>
                </c:pt>
                <c:pt idx="1506">
                  <c:v>472</c:v>
                </c:pt>
                <c:pt idx="1507">
                  <c:v>473</c:v>
                </c:pt>
                <c:pt idx="1508">
                  <c:v>473</c:v>
                </c:pt>
                <c:pt idx="1509">
                  <c:v>473</c:v>
                </c:pt>
                <c:pt idx="1510">
                  <c:v>474</c:v>
                </c:pt>
                <c:pt idx="1511">
                  <c:v>474</c:v>
                </c:pt>
                <c:pt idx="1512">
                  <c:v>475</c:v>
                </c:pt>
                <c:pt idx="1513">
                  <c:v>475</c:v>
                </c:pt>
                <c:pt idx="1514">
                  <c:v>476</c:v>
                </c:pt>
                <c:pt idx="1515">
                  <c:v>476</c:v>
                </c:pt>
                <c:pt idx="1516">
                  <c:v>476</c:v>
                </c:pt>
                <c:pt idx="1517">
                  <c:v>477</c:v>
                </c:pt>
                <c:pt idx="1518">
                  <c:v>477</c:v>
                </c:pt>
                <c:pt idx="1519">
                  <c:v>478</c:v>
                </c:pt>
                <c:pt idx="1520">
                  <c:v>478</c:v>
                </c:pt>
                <c:pt idx="1521">
                  <c:v>478</c:v>
                </c:pt>
                <c:pt idx="1522">
                  <c:v>479</c:v>
                </c:pt>
                <c:pt idx="1523">
                  <c:v>479</c:v>
                </c:pt>
                <c:pt idx="1524">
                  <c:v>480</c:v>
                </c:pt>
                <c:pt idx="1525">
                  <c:v>480</c:v>
                </c:pt>
                <c:pt idx="1526">
                  <c:v>481</c:v>
                </c:pt>
                <c:pt idx="1527">
                  <c:v>481</c:v>
                </c:pt>
                <c:pt idx="1528">
                  <c:v>481</c:v>
                </c:pt>
                <c:pt idx="1529">
                  <c:v>482</c:v>
                </c:pt>
                <c:pt idx="1530">
                  <c:v>482</c:v>
                </c:pt>
                <c:pt idx="1531">
                  <c:v>483</c:v>
                </c:pt>
                <c:pt idx="1532">
                  <c:v>483</c:v>
                </c:pt>
                <c:pt idx="1533">
                  <c:v>483</c:v>
                </c:pt>
                <c:pt idx="1534">
                  <c:v>484</c:v>
                </c:pt>
                <c:pt idx="1535">
                  <c:v>484</c:v>
                </c:pt>
                <c:pt idx="1536">
                  <c:v>485</c:v>
                </c:pt>
                <c:pt idx="1537">
                  <c:v>485</c:v>
                </c:pt>
                <c:pt idx="1538">
                  <c:v>486</c:v>
                </c:pt>
                <c:pt idx="1539">
                  <c:v>486</c:v>
                </c:pt>
                <c:pt idx="1540">
                  <c:v>486</c:v>
                </c:pt>
                <c:pt idx="1541">
                  <c:v>487</c:v>
                </c:pt>
                <c:pt idx="1542">
                  <c:v>487</c:v>
                </c:pt>
                <c:pt idx="1543">
                  <c:v>488</c:v>
                </c:pt>
                <c:pt idx="1544">
                  <c:v>488</c:v>
                </c:pt>
                <c:pt idx="1545">
                  <c:v>488</c:v>
                </c:pt>
                <c:pt idx="1546">
                  <c:v>489</c:v>
                </c:pt>
                <c:pt idx="1547">
                  <c:v>489</c:v>
                </c:pt>
                <c:pt idx="1548">
                  <c:v>490</c:v>
                </c:pt>
                <c:pt idx="1549">
                  <c:v>490</c:v>
                </c:pt>
                <c:pt idx="1550">
                  <c:v>491</c:v>
                </c:pt>
                <c:pt idx="1551">
                  <c:v>491</c:v>
                </c:pt>
                <c:pt idx="1552">
                  <c:v>491</c:v>
                </c:pt>
                <c:pt idx="1553">
                  <c:v>492</c:v>
                </c:pt>
                <c:pt idx="1554">
                  <c:v>492</c:v>
                </c:pt>
                <c:pt idx="1555">
                  <c:v>493</c:v>
                </c:pt>
                <c:pt idx="1556">
                  <c:v>493</c:v>
                </c:pt>
                <c:pt idx="1557">
                  <c:v>493</c:v>
                </c:pt>
                <c:pt idx="1558">
                  <c:v>494</c:v>
                </c:pt>
                <c:pt idx="1559">
                  <c:v>494</c:v>
                </c:pt>
                <c:pt idx="1560">
                  <c:v>495</c:v>
                </c:pt>
                <c:pt idx="1561">
                  <c:v>495</c:v>
                </c:pt>
                <c:pt idx="1562">
                  <c:v>496</c:v>
                </c:pt>
                <c:pt idx="1563">
                  <c:v>496</c:v>
                </c:pt>
                <c:pt idx="1564">
                  <c:v>496</c:v>
                </c:pt>
                <c:pt idx="1565">
                  <c:v>497</c:v>
                </c:pt>
                <c:pt idx="1566">
                  <c:v>497</c:v>
                </c:pt>
                <c:pt idx="1567">
                  <c:v>498</c:v>
                </c:pt>
                <c:pt idx="1568">
                  <c:v>498</c:v>
                </c:pt>
                <c:pt idx="1569">
                  <c:v>498</c:v>
                </c:pt>
                <c:pt idx="1570">
                  <c:v>499</c:v>
                </c:pt>
                <c:pt idx="1571">
                  <c:v>499</c:v>
                </c:pt>
                <c:pt idx="1572">
                  <c:v>500</c:v>
                </c:pt>
                <c:pt idx="1573">
                  <c:v>500</c:v>
                </c:pt>
                <c:pt idx="1574">
                  <c:v>501</c:v>
                </c:pt>
                <c:pt idx="1575">
                  <c:v>501</c:v>
                </c:pt>
                <c:pt idx="1576">
                  <c:v>501</c:v>
                </c:pt>
                <c:pt idx="1577">
                  <c:v>502</c:v>
                </c:pt>
                <c:pt idx="1578">
                  <c:v>502</c:v>
                </c:pt>
                <c:pt idx="1579">
                  <c:v>503</c:v>
                </c:pt>
                <c:pt idx="1580">
                  <c:v>503</c:v>
                </c:pt>
                <c:pt idx="1581">
                  <c:v>503</c:v>
                </c:pt>
                <c:pt idx="1582">
                  <c:v>504</c:v>
                </c:pt>
                <c:pt idx="1583">
                  <c:v>504</c:v>
                </c:pt>
                <c:pt idx="1584">
                  <c:v>505</c:v>
                </c:pt>
                <c:pt idx="1585">
                  <c:v>505</c:v>
                </c:pt>
                <c:pt idx="1586">
                  <c:v>506</c:v>
                </c:pt>
                <c:pt idx="1587">
                  <c:v>506</c:v>
                </c:pt>
                <c:pt idx="1588">
                  <c:v>506</c:v>
                </c:pt>
                <c:pt idx="1589">
                  <c:v>507</c:v>
                </c:pt>
                <c:pt idx="1590">
                  <c:v>507</c:v>
                </c:pt>
                <c:pt idx="1591">
                  <c:v>508</c:v>
                </c:pt>
                <c:pt idx="1592">
                  <c:v>508</c:v>
                </c:pt>
                <c:pt idx="1593">
                  <c:v>508</c:v>
                </c:pt>
                <c:pt idx="1594">
                  <c:v>509</c:v>
                </c:pt>
                <c:pt idx="1595">
                  <c:v>509</c:v>
                </c:pt>
                <c:pt idx="1596">
                  <c:v>510</c:v>
                </c:pt>
                <c:pt idx="1597">
                  <c:v>510</c:v>
                </c:pt>
                <c:pt idx="1598">
                  <c:v>511</c:v>
                </c:pt>
                <c:pt idx="1599">
                  <c:v>511</c:v>
                </c:pt>
                <c:pt idx="1600">
                  <c:v>511</c:v>
                </c:pt>
                <c:pt idx="1601">
                  <c:v>512</c:v>
                </c:pt>
                <c:pt idx="1602">
                  <c:v>512</c:v>
                </c:pt>
                <c:pt idx="1603">
                  <c:v>513</c:v>
                </c:pt>
                <c:pt idx="1604">
                  <c:v>513</c:v>
                </c:pt>
                <c:pt idx="1605">
                  <c:v>513</c:v>
                </c:pt>
                <c:pt idx="1606">
                  <c:v>514</c:v>
                </c:pt>
                <c:pt idx="1607">
                  <c:v>514</c:v>
                </c:pt>
                <c:pt idx="1608">
                  <c:v>515</c:v>
                </c:pt>
                <c:pt idx="1609">
                  <c:v>515</c:v>
                </c:pt>
                <c:pt idx="1610">
                  <c:v>516</c:v>
                </c:pt>
                <c:pt idx="1611">
                  <c:v>516</c:v>
                </c:pt>
                <c:pt idx="1612">
                  <c:v>516</c:v>
                </c:pt>
                <c:pt idx="1613">
                  <c:v>517</c:v>
                </c:pt>
                <c:pt idx="1614">
                  <c:v>517</c:v>
                </c:pt>
                <c:pt idx="1615">
                  <c:v>518</c:v>
                </c:pt>
                <c:pt idx="1616">
                  <c:v>518</c:v>
                </c:pt>
                <c:pt idx="1617">
                  <c:v>518</c:v>
                </c:pt>
                <c:pt idx="1618">
                  <c:v>519</c:v>
                </c:pt>
                <c:pt idx="1619">
                  <c:v>519</c:v>
                </c:pt>
                <c:pt idx="1620">
                  <c:v>520</c:v>
                </c:pt>
                <c:pt idx="1621">
                  <c:v>520</c:v>
                </c:pt>
                <c:pt idx="1622">
                  <c:v>521</c:v>
                </c:pt>
                <c:pt idx="1623">
                  <c:v>521</c:v>
                </c:pt>
                <c:pt idx="1624">
                  <c:v>521</c:v>
                </c:pt>
                <c:pt idx="1625">
                  <c:v>522</c:v>
                </c:pt>
                <c:pt idx="1626">
                  <c:v>522</c:v>
                </c:pt>
                <c:pt idx="1627">
                  <c:v>523</c:v>
                </c:pt>
                <c:pt idx="1628">
                  <c:v>523</c:v>
                </c:pt>
                <c:pt idx="1629">
                  <c:v>523</c:v>
                </c:pt>
                <c:pt idx="1630">
                  <c:v>524</c:v>
                </c:pt>
                <c:pt idx="1631">
                  <c:v>524</c:v>
                </c:pt>
                <c:pt idx="1632">
                  <c:v>525</c:v>
                </c:pt>
                <c:pt idx="1633">
                  <c:v>525</c:v>
                </c:pt>
                <c:pt idx="1634">
                  <c:v>526</c:v>
                </c:pt>
                <c:pt idx="1635">
                  <c:v>526</c:v>
                </c:pt>
                <c:pt idx="1636">
                  <c:v>526</c:v>
                </c:pt>
                <c:pt idx="1637">
                  <c:v>527</c:v>
                </c:pt>
                <c:pt idx="1638">
                  <c:v>527</c:v>
                </c:pt>
                <c:pt idx="1639">
                  <c:v>528</c:v>
                </c:pt>
                <c:pt idx="1640">
                  <c:v>528</c:v>
                </c:pt>
                <c:pt idx="1641">
                  <c:v>528</c:v>
                </c:pt>
                <c:pt idx="1642">
                  <c:v>529</c:v>
                </c:pt>
                <c:pt idx="1643">
                  <c:v>529</c:v>
                </c:pt>
                <c:pt idx="1644">
                  <c:v>530</c:v>
                </c:pt>
                <c:pt idx="1645">
                  <c:v>530</c:v>
                </c:pt>
                <c:pt idx="1646">
                  <c:v>531</c:v>
                </c:pt>
                <c:pt idx="1647">
                  <c:v>531</c:v>
                </c:pt>
                <c:pt idx="1648">
                  <c:v>531</c:v>
                </c:pt>
                <c:pt idx="1649">
                  <c:v>532</c:v>
                </c:pt>
                <c:pt idx="1650">
                  <c:v>532</c:v>
                </c:pt>
                <c:pt idx="1651">
                  <c:v>533</c:v>
                </c:pt>
                <c:pt idx="1652">
                  <c:v>533</c:v>
                </c:pt>
                <c:pt idx="1653">
                  <c:v>533</c:v>
                </c:pt>
                <c:pt idx="1654">
                  <c:v>534</c:v>
                </c:pt>
                <c:pt idx="1655">
                  <c:v>534</c:v>
                </c:pt>
                <c:pt idx="1656">
                  <c:v>535</c:v>
                </c:pt>
                <c:pt idx="1657">
                  <c:v>535</c:v>
                </c:pt>
                <c:pt idx="1658">
                  <c:v>536</c:v>
                </c:pt>
                <c:pt idx="1659">
                  <c:v>536</c:v>
                </c:pt>
                <c:pt idx="1660">
                  <c:v>536</c:v>
                </c:pt>
                <c:pt idx="1661">
                  <c:v>537</c:v>
                </c:pt>
                <c:pt idx="1662">
                  <c:v>537</c:v>
                </c:pt>
                <c:pt idx="1663">
                  <c:v>538</c:v>
                </c:pt>
                <c:pt idx="1664">
                  <c:v>538</c:v>
                </c:pt>
                <c:pt idx="1665">
                  <c:v>538</c:v>
                </c:pt>
                <c:pt idx="1666">
                  <c:v>539</c:v>
                </c:pt>
                <c:pt idx="1667">
                  <c:v>539</c:v>
                </c:pt>
                <c:pt idx="1668">
                  <c:v>540</c:v>
                </c:pt>
                <c:pt idx="1669">
                  <c:v>540</c:v>
                </c:pt>
                <c:pt idx="1670">
                  <c:v>541</c:v>
                </c:pt>
                <c:pt idx="1671">
                  <c:v>541</c:v>
                </c:pt>
                <c:pt idx="1672">
                  <c:v>541</c:v>
                </c:pt>
                <c:pt idx="1673">
                  <c:v>542</c:v>
                </c:pt>
                <c:pt idx="1674">
                  <c:v>542</c:v>
                </c:pt>
                <c:pt idx="1675">
                  <c:v>543</c:v>
                </c:pt>
                <c:pt idx="1676">
                  <c:v>543</c:v>
                </c:pt>
                <c:pt idx="1677">
                  <c:v>543</c:v>
                </c:pt>
                <c:pt idx="1678">
                  <c:v>544</c:v>
                </c:pt>
                <c:pt idx="1679">
                  <c:v>544</c:v>
                </c:pt>
                <c:pt idx="1680">
                  <c:v>545</c:v>
                </c:pt>
                <c:pt idx="1681">
                  <c:v>545</c:v>
                </c:pt>
                <c:pt idx="1682">
                  <c:v>546</c:v>
                </c:pt>
                <c:pt idx="1683">
                  <c:v>546</c:v>
                </c:pt>
                <c:pt idx="1684">
                  <c:v>546</c:v>
                </c:pt>
                <c:pt idx="1685">
                  <c:v>547</c:v>
                </c:pt>
                <c:pt idx="1686">
                  <c:v>547</c:v>
                </c:pt>
                <c:pt idx="1687">
                  <c:v>548</c:v>
                </c:pt>
                <c:pt idx="1688">
                  <c:v>548</c:v>
                </c:pt>
                <c:pt idx="1689">
                  <c:v>548</c:v>
                </c:pt>
                <c:pt idx="1690">
                  <c:v>549</c:v>
                </c:pt>
                <c:pt idx="1691">
                  <c:v>549</c:v>
                </c:pt>
                <c:pt idx="1692">
                  <c:v>550</c:v>
                </c:pt>
                <c:pt idx="1693">
                  <c:v>550</c:v>
                </c:pt>
                <c:pt idx="1694">
                  <c:v>551</c:v>
                </c:pt>
                <c:pt idx="1695">
                  <c:v>551</c:v>
                </c:pt>
                <c:pt idx="1696">
                  <c:v>551</c:v>
                </c:pt>
                <c:pt idx="1697">
                  <c:v>552</c:v>
                </c:pt>
                <c:pt idx="1698">
                  <c:v>552</c:v>
                </c:pt>
                <c:pt idx="1699">
                  <c:v>553</c:v>
                </c:pt>
                <c:pt idx="1700">
                  <c:v>553</c:v>
                </c:pt>
                <c:pt idx="1701">
                  <c:v>553</c:v>
                </c:pt>
                <c:pt idx="1702">
                  <c:v>554</c:v>
                </c:pt>
                <c:pt idx="1703">
                  <c:v>554</c:v>
                </c:pt>
                <c:pt idx="1704">
                  <c:v>555</c:v>
                </c:pt>
                <c:pt idx="1705">
                  <c:v>555</c:v>
                </c:pt>
                <c:pt idx="1706">
                  <c:v>556</c:v>
                </c:pt>
                <c:pt idx="1707">
                  <c:v>556</c:v>
                </c:pt>
                <c:pt idx="1708">
                  <c:v>556</c:v>
                </c:pt>
                <c:pt idx="1709">
                  <c:v>557</c:v>
                </c:pt>
                <c:pt idx="1710">
                  <c:v>557</c:v>
                </c:pt>
                <c:pt idx="1711">
                  <c:v>558</c:v>
                </c:pt>
                <c:pt idx="1712">
                  <c:v>558</c:v>
                </c:pt>
                <c:pt idx="1713">
                  <c:v>558</c:v>
                </c:pt>
                <c:pt idx="1714">
                  <c:v>559</c:v>
                </c:pt>
                <c:pt idx="1715">
                  <c:v>559</c:v>
                </c:pt>
                <c:pt idx="1716">
                  <c:v>560</c:v>
                </c:pt>
                <c:pt idx="1717">
                  <c:v>560</c:v>
                </c:pt>
                <c:pt idx="1718">
                  <c:v>561</c:v>
                </c:pt>
                <c:pt idx="1719">
                  <c:v>561</c:v>
                </c:pt>
                <c:pt idx="1720">
                  <c:v>561</c:v>
                </c:pt>
                <c:pt idx="1721">
                  <c:v>562</c:v>
                </c:pt>
                <c:pt idx="1722">
                  <c:v>562</c:v>
                </c:pt>
                <c:pt idx="1723">
                  <c:v>563</c:v>
                </c:pt>
                <c:pt idx="1724">
                  <c:v>563</c:v>
                </c:pt>
                <c:pt idx="1725">
                  <c:v>563</c:v>
                </c:pt>
                <c:pt idx="1726">
                  <c:v>564</c:v>
                </c:pt>
                <c:pt idx="1727">
                  <c:v>564</c:v>
                </c:pt>
                <c:pt idx="1728">
                  <c:v>565</c:v>
                </c:pt>
                <c:pt idx="1729">
                  <c:v>565</c:v>
                </c:pt>
                <c:pt idx="1730">
                  <c:v>566</c:v>
                </c:pt>
                <c:pt idx="1731">
                  <c:v>566</c:v>
                </c:pt>
                <c:pt idx="1732">
                  <c:v>566</c:v>
                </c:pt>
                <c:pt idx="1733">
                  <c:v>567</c:v>
                </c:pt>
                <c:pt idx="1734">
                  <c:v>567</c:v>
                </c:pt>
                <c:pt idx="1735">
                  <c:v>568</c:v>
                </c:pt>
                <c:pt idx="1736">
                  <c:v>568</c:v>
                </c:pt>
                <c:pt idx="1737">
                  <c:v>568</c:v>
                </c:pt>
                <c:pt idx="1738">
                  <c:v>569</c:v>
                </c:pt>
                <c:pt idx="1739">
                  <c:v>569</c:v>
                </c:pt>
                <c:pt idx="1740">
                  <c:v>570</c:v>
                </c:pt>
                <c:pt idx="1741">
                  <c:v>570</c:v>
                </c:pt>
                <c:pt idx="1742">
                  <c:v>571</c:v>
                </c:pt>
                <c:pt idx="1743">
                  <c:v>571</c:v>
                </c:pt>
                <c:pt idx="1744">
                  <c:v>571</c:v>
                </c:pt>
                <c:pt idx="1745">
                  <c:v>572</c:v>
                </c:pt>
                <c:pt idx="1746">
                  <c:v>572</c:v>
                </c:pt>
                <c:pt idx="1747">
                  <c:v>573</c:v>
                </c:pt>
                <c:pt idx="1748">
                  <c:v>573</c:v>
                </c:pt>
                <c:pt idx="1749">
                  <c:v>573</c:v>
                </c:pt>
                <c:pt idx="1750">
                  <c:v>574</c:v>
                </c:pt>
                <c:pt idx="1751">
                  <c:v>574</c:v>
                </c:pt>
                <c:pt idx="1752">
                  <c:v>575</c:v>
                </c:pt>
                <c:pt idx="1753">
                  <c:v>575</c:v>
                </c:pt>
                <c:pt idx="1754">
                  <c:v>576</c:v>
                </c:pt>
                <c:pt idx="1755">
                  <c:v>576</c:v>
                </c:pt>
                <c:pt idx="1756">
                  <c:v>576</c:v>
                </c:pt>
                <c:pt idx="1757">
                  <c:v>577</c:v>
                </c:pt>
                <c:pt idx="1758">
                  <c:v>577</c:v>
                </c:pt>
                <c:pt idx="1759">
                  <c:v>578</c:v>
                </c:pt>
                <c:pt idx="1760">
                  <c:v>578</c:v>
                </c:pt>
                <c:pt idx="1761">
                  <c:v>578</c:v>
                </c:pt>
                <c:pt idx="1762">
                  <c:v>579</c:v>
                </c:pt>
                <c:pt idx="1763">
                  <c:v>579</c:v>
                </c:pt>
                <c:pt idx="1764">
                  <c:v>580</c:v>
                </c:pt>
                <c:pt idx="1765">
                  <c:v>580</c:v>
                </c:pt>
                <c:pt idx="1766">
                  <c:v>581</c:v>
                </c:pt>
                <c:pt idx="1767">
                  <c:v>581</c:v>
                </c:pt>
                <c:pt idx="1768">
                  <c:v>581</c:v>
                </c:pt>
                <c:pt idx="1769">
                  <c:v>582</c:v>
                </c:pt>
                <c:pt idx="1770">
                  <c:v>582</c:v>
                </c:pt>
                <c:pt idx="1771">
                  <c:v>583</c:v>
                </c:pt>
                <c:pt idx="1772">
                  <c:v>583</c:v>
                </c:pt>
                <c:pt idx="1773">
                  <c:v>583</c:v>
                </c:pt>
                <c:pt idx="1774">
                  <c:v>584</c:v>
                </c:pt>
                <c:pt idx="1775">
                  <c:v>584</c:v>
                </c:pt>
                <c:pt idx="1776">
                  <c:v>585</c:v>
                </c:pt>
                <c:pt idx="1777">
                  <c:v>585</c:v>
                </c:pt>
                <c:pt idx="1778">
                  <c:v>586</c:v>
                </c:pt>
                <c:pt idx="1779">
                  <c:v>586</c:v>
                </c:pt>
                <c:pt idx="1780">
                  <c:v>586</c:v>
                </c:pt>
                <c:pt idx="1781">
                  <c:v>587</c:v>
                </c:pt>
                <c:pt idx="1782">
                  <c:v>587</c:v>
                </c:pt>
                <c:pt idx="1783">
                  <c:v>588</c:v>
                </c:pt>
                <c:pt idx="1784">
                  <c:v>588</c:v>
                </c:pt>
                <c:pt idx="1785">
                  <c:v>588</c:v>
                </c:pt>
                <c:pt idx="1786">
                  <c:v>589</c:v>
                </c:pt>
                <c:pt idx="1787">
                  <c:v>589</c:v>
                </c:pt>
                <c:pt idx="1788">
                  <c:v>590</c:v>
                </c:pt>
                <c:pt idx="1789">
                  <c:v>590</c:v>
                </c:pt>
                <c:pt idx="1790">
                  <c:v>591</c:v>
                </c:pt>
                <c:pt idx="1791">
                  <c:v>591</c:v>
                </c:pt>
                <c:pt idx="1792">
                  <c:v>591</c:v>
                </c:pt>
                <c:pt idx="1793">
                  <c:v>592</c:v>
                </c:pt>
                <c:pt idx="1794">
                  <c:v>592</c:v>
                </c:pt>
                <c:pt idx="1795">
                  <c:v>593</c:v>
                </c:pt>
                <c:pt idx="1796">
                  <c:v>593</c:v>
                </c:pt>
                <c:pt idx="1797">
                  <c:v>593</c:v>
                </c:pt>
                <c:pt idx="1798">
                  <c:v>594</c:v>
                </c:pt>
                <c:pt idx="1799">
                  <c:v>594</c:v>
                </c:pt>
                <c:pt idx="1800">
                  <c:v>595</c:v>
                </c:pt>
                <c:pt idx="1801">
                  <c:v>595</c:v>
                </c:pt>
                <c:pt idx="1802">
                  <c:v>596</c:v>
                </c:pt>
                <c:pt idx="1803">
                  <c:v>596</c:v>
                </c:pt>
                <c:pt idx="1804">
                  <c:v>596</c:v>
                </c:pt>
                <c:pt idx="1805">
                  <c:v>597</c:v>
                </c:pt>
                <c:pt idx="1806">
                  <c:v>597</c:v>
                </c:pt>
                <c:pt idx="1807">
                  <c:v>598</c:v>
                </c:pt>
                <c:pt idx="1808">
                  <c:v>598</c:v>
                </c:pt>
                <c:pt idx="1809">
                  <c:v>598</c:v>
                </c:pt>
                <c:pt idx="1810">
                  <c:v>599</c:v>
                </c:pt>
                <c:pt idx="1811">
                  <c:v>599</c:v>
                </c:pt>
                <c:pt idx="1812">
                  <c:v>600</c:v>
                </c:pt>
                <c:pt idx="1813">
                  <c:v>600</c:v>
                </c:pt>
                <c:pt idx="1814">
                  <c:v>601</c:v>
                </c:pt>
                <c:pt idx="1815">
                  <c:v>601</c:v>
                </c:pt>
                <c:pt idx="1816">
                  <c:v>601</c:v>
                </c:pt>
                <c:pt idx="1817">
                  <c:v>602</c:v>
                </c:pt>
                <c:pt idx="1818">
                  <c:v>602</c:v>
                </c:pt>
                <c:pt idx="1819">
                  <c:v>603</c:v>
                </c:pt>
                <c:pt idx="1820">
                  <c:v>603</c:v>
                </c:pt>
                <c:pt idx="1821">
                  <c:v>603</c:v>
                </c:pt>
                <c:pt idx="1822">
                  <c:v>604</c:v>
                </c:pt>
                <c:pt idx="1823">
                  <c:v>604</c:v>
                </c:pt>
                <c:pt idx="1824">
                  <c:v>605</c:v>
                </c:pt>
                <c:pt idx="1825">
                  <c:v>605</c:v>
                </c:pt>
                <c:pt idx="1826">
                  <c:v>606</c:v>
                </c:pt>
                <c:pt idx="1827">
                  <c:v>606</c:v>
                </c:pt>
                <c:pt idx="1828">
                  <c:v>606</c:v>
                </c:pt>
                <c:pt idx="1829">
                  <c:v>607</c:v>
                </c:pt>
                <c:pt idx="1830">
                  <c:v>607</c:v>
                </c:pt>
                <c:pt idx="1831">
                  <c:v>608</c:v>
                </c:pt>
                <c:pt idx="1832">
                  <c:v>608</c:v>
                </c:pt>
                <c:pt idx="1833">
                  <c:v>608</c:v>
                </c:pt>
                <c:pt idx="1834">
                  <c:v>609</c:v>
                </c:pt>
                <c:pt idx="1835">
                  <c:v>609</c:v>
                </c:pt>
                <c:pt idx="1836">
                  <c:v>610</c:v>
                </c:pt>
                <c:pt idx="1837">
                  <c:v>610</c:v>
                </c:pt>
                <c:pt idx="1838">
                  <c:v>611</c:v>
                </c:pt>
                <c:pt idx="1839">
                  <c:v>611</c:v>
                </c:pt>
                <c:pt idx="1840">
                  <c:v>611</c:v>
                </c:pt>
                <c:pt idx="1841">
                  <c:v>612</c:v>
                </c:pt>
                <c:pt idx="1842">
                  <c:v>612</c:v>
                </c:pt>
                <c:pt idx="1843">
                  <c:v>613</c:v>
                </c:pt>
                <c:pt idx="1844">
                  <c:v>613</c:v>
                </c:pt>
                <c:pt idx="1845">
                  <c:v>613</c:v>
                </c:pt>
                <c:pt idx="1846">
                  <c:v>614</c:v>
                </c:pt>
                <c:pt idx="1847">
                  <c:v>614</c:v>
                </c:pt>
                <c:pt idx="1848">
                  <c:v>615</c:v>
                </c:pt>
                <c:pt idx="1849">
                  <c:v>615</c:v>
                </c:pt>
                <c:pt idx="1850">
                  <c:v>616</c:v>
                </c:pt>
                <c:pt idx="1851">
                  <c:v>616</c:v>
                </c:pt>
                <c:pt idx="1852">
                  <c:v>616</c:v>
                </c:pt>
                <c:pt idx="1853">
                  <c:v>617</c:v>
                </c:pt>
                <c:pt idx="1854">
                  <c:v>617</c:v>
                </c:pt>
                <c:pt idx="1855">
                  <c:v>618</c:v>
                </c:pt>
                <c:pt idx="1856">
                  <c:v>618</c:v>
                </c:pt>
                <c:pt idx="1857">
                  <c:v>618</c:v>
                </c:pt>
                <c:pt idx="1858">
                  <c:v>619</c:v>
                </c:pt>
                <c:pt idx="1859">
                  <c:v>619</c:v>
                </c:pt>
                <c:pt idx="1860">
                  <c:v>620</c:v>
                </c:pt>
                <c:pt idx="1861">
                  <c:v>620</c:v>
                </c:pt>
                <c:pt idx="1862">
                  <c:v>621</c:v>
                </c:pt>
                <c:pt idx="1863">
                  <c:v>621</c:v>
                </c:pt>
                <c:pt idx="1864">
                  <c:v>621</c:v>
                </c:pt>
                <c:pt idx="1865">
                  <c:v>622</c:v>
                </c:pt>
                <c:pt idx="1866">
                  <c:v>622</c:v>
                </c:pt>
                <c:pt idx="1867">
                  <c:v>623</c:v>
                </c:pt>
                <c:pt idx="1868">
                  <c:v>623</c:v>
                </c:pt>
                <c:pt idx="1869">
                  <c:v>623</c:v>
                </c:pt>
                <c:pt idx="1870">
                  <c:v>624</c:v>
                </c:pt>
                <c:pt idx="1871">
                  <c:v>624</c:v>
                </c:pt>
                <c:pt idx="1872">
                  <c:v>625</c:v>
                </c:pt>
                <c:pt idx="1873">
                  <c:v>625</c:v>
                </c:pt>
                <c:pt idx="1874">
                  <c:v>626</c:v>
                </c:pt>
                <c:pt idx="1875">
                  <c:v>626</c:v>
                </c:pt>
                <c:pt idx="1876">
                  <c:v>626</c:v>
                </c:pt>
                <c:pt idx="1877">
                  <c:v>627</c:v>
                </c:pt>
                <c:pt idx="1878">
                  <c:v>627</c:v>
                </c:pt>
                <c:pt idx="1879">
                  <c:v>628</c:v>
                </c:pt>
                <c:pt idx="1880">
                  <c:v>628</c:v>
                </c:pt>
                <c:pt idx="1881">
                  <c:v>628</c:v>
                </c:pt>
                <c:pt idx="1882">
                  <c:v>629</c:v>
                </c:pt>
                <c:pt idx="1883">
                  <c:v>629</c:v>
                </c:pt>
                <c:pt idx="1884">
                  <c:v>630</c:v>
                </c:pt>
                <c:pt idx="1885">
                  <c:v>630</c:v>
                </c:pt>
                <c:pt idx="1886">
                  <c:v>631</c:v>
                </c:pt>
                <c:pt idx="1887">
                  <c:v>631</c:v>
                </c:pt>
                <c:pt idx="1888">
                  <c:v>631</c:v>
                </c:pt>
                <c:pt idx="1889">
                  <c:v>632</c:v>
                </c:pt>
                <c:pt idx="1890">
                  <c:v>632</c:v>
                </c:pt>
                <c:pt idx="1891">
                  <c:v>633</c:v>
                </c:pt>
                <c:pt idx="1892">
                  <c:v>633</c:v>
                </c:pt>
                <c:pt idx="1893">
                  <c:v>633</c:v>
                </c:pt>
                <c:pt idx="1894">
                  <c:v>634</c:v>
                </c:pt>
                <c:pt idx="1895">
                  <c:v>634</c:v>
                </c:pt>
                <c:pt idx="1896">
                  <c:v>635</c:v>
                </c:pt>
                <c:pt idx="1897">
                  <c:v>635</c:v>
                </c:pt>
                <c:pt idx="1898">
                  <c:v>636</c:v>
                </c:pt>
                <c:pt idx="1899">
                  <c:v>636</c:v>
                </c:pt>
                <c:pt idx="1900">
                  <c:v>636</c:v>
                </c:pt>
                <c:pt idx="1901">
                  <c:v>637</c:v>
                </c:pt>
                <c:pt idx="1902">
                  <c:v>637</c:v>
                </c:pt>
                <c:pt idx="1903">
                  <c:v>638</c:v>
                </c:pt>
                <c:pt idx="1904">
                  <c:v>638</c:v>
                </c:pt>
                <c:pt idx="1905">
                  <c:v>638</c:v>
                </c:pt>
                <c:pt idx="1906">
                  <c:v>639</c:v>
                </c:pt>
                <c:pt idx="1907">
                  <c:v>639</c:v>
                </c:pt>
                <c:pt idx="1908">
                  <c:v>640</c:v>
                </c:pt>
                <c:pt idx="1909">
                  <c:v>640</c:v>
                </c:pt>
                <c:pt idx="1910">
                  <c:v>641</c:v>
                </c:pt>
                <c:pt idx="1911">
                  <c:v>641</c:v>
                </c:pt>
                <c:pt idx="1912">
                  <c:v>641</c:v>
                </c:pt>
                <c:pt idx="1913">
                  <c:v>642</c:v>
                </c:pt>
                <c:pt idx="1914">
                  <c:v>642</c:v>
                </c:pt>
                <c:pt idx="1915">
                  <c:v>643</c:v>
                </c:pt>
                <c:pt idx="1916">
                  <c:v>643</c:v>
                </c:pt>
                <c:pt idx="1917">
                  <c:v>643</c:v>
                </c:pt>
                <c:pt idx="1918">
                  <c:v>644</c:v>
                </c:pt>
                <c:pt idx="1919">
                  <c:v>644</c:v>
                </c:pt>
                <c:pt idx="1920">
                  <c:v>645</c:v>
                </c:pt>
                <c:pt idx="1921">
                  <c:v>645</c:v>
                </c:pt>
                <c:pt idx="1922">
                  <c:v>646</c:v>
                </c:pt>
                <c:pt idx="1923">
                  <c:v>646</c:v>
                </c:pt>
                <c:pt idx="1924">
                  <c:v>646</c:v>
                </c:pt>
                <c:pt idx="1925">
                  <c:v>647</c:v>
                </c:pt>
                <c:pt idx="1926">
                  <c:v>647</c:v>
                </c:pt>
                <c:pt idx="1927">
                  <c:v>648</c:v>
                </c:pt>
                <c:pt idx="1928">
                  <c:v>648</c:v>
                </c:pt>
                <c:pt idx="1929">
                  <c:v>648</c:v>
                </c:pt>
                <c:pt idx="1930">
                  <c:v>649</c:v>
                </c:pt>
                <c:pt idx="1931">
                  <c:v>649</c:v>
                </c:pt>
                <c:pt idx="1932">
                  <c:v>650</c:v>
                </c:pt>
                <c:pt idx="1933">
                  <c:v>650</c:v>
                </c:pt>
                <c:pt idx="1934">
                  <c:v>651</c:v>
                </c:pt>
                <c:pt idx="1935">
                  <c:v>651</c:v>
                </c:pt>
                <c:pt idx="1936">
                  <c:v>651</c:v>
                </c:pt>
                <c:pt idx="1937">
                  <c:v>652</c:v>
                </c:pt>
                <c:pt idx="1938">
                  <c:v>652</c:v>
                </c:pt>
                <c:pt idx="1939">
                  <c:v>653</c:v>
                </c:pt>
                <c:pt idx="1940">
                  <c:v>653</c:v>
                </c:pt>
                <c:pt idx="1941">
                  <c:v>653</c:v>
                </c:pt>
                <c:pt idx="1942">
                  <c:v>654</c:v>
                </c:pt>
                <c:pt idx="1943">
                  <c:v>654</c:v>
                </c:pt>
                <c:pt idx="1944">
                  <c:v>655</c:v>
                </c:pt>
                <c:pt idx="1945">
                  <c:v>655</c:v>
                </c:pt>
                <c:pt idx="1946">
                  <c:v>656</c:v>
                </c:pt>
                <c:pt idx="1947">
                  <c:v>656</c:v>
                </c:pt>
                <c:pt idx="1948">
                  <c:v>656</c:v>
                </c:pt>
                <c:pt idx="1949">
                  <c:v>657</c:v>
                </c:pt>
                <c:pt idx="1950">
                  <c:v>657</c:v>
                </c:pt>
                <c:pt idx="1951">
                  <c:v>658</c:v>
                </c:pt>
                <c:pt idx="1952">
                  <c:v>658</c:v>
                </c:pt>
                <c:pt idx="1953">
                  <c:v>658</c:v>
                </c:pt>
                <c:pt idx="1954">
                  <c:v>659</c:v>
                </c:pt>
                <c:pt idx="1955">
                  <c:v>659</c:v>
                </c:pt>
                <c:pt idx="1956">
                  <c:v>660</c:v>
                </c:pt>
                <c:pt idx="1957">
                  <c:v>660</c:v>
                </c:pt>
                <c:pt idx="1958">
                  <c:v>661</c:v>
                </c:pt>
                <c:pt idx="1959">
                  <c:v>661</c:v>
                </c:pt>
                <c:pt idx="1960">
                  <c:v>661</c:v>
                </c:pt>
                <c:pt idx="1961">
                  <c:v>662</c:v>
                </c:pt>
                <c:pt idx="1962">
                  <c:v>662</c:v>
                </c:pt>
                <c:pt idx="1963">
                  <c:v>663</c:v>
                </c:pt>
                <c:pt idx="1964">
                  <c:v>663</c:v>
                </c:pt>
                <c:pt idx="1965">
                  <c:v>663</c:v>
                </c:pt>
                <c:pt idx="1966">
                  <c:v>664</c:v>
                </c:pt>
                <c:pt idx="1967">
                  <c:v>664</c:v>
                </c:pt>
                <c:pt idx="1968">
                  <c:v>665</c:v>
                </c:pt>
                <c:pt idx="1969">
                  <c:v>665</c:v>
                </c:pt>
                <c:pt idx="1970">
                  <c:v>666</c:v>
                </c:pt>
                <c:pt idx="1971">
                  <c:v>666</c:v>
                </c:pt>
                <c:pt idx="1972">
                  <c:v>666</c:v>
                </c:pt>
                <c:pt idx="1973">
                  <c:v>667</c:v>
                </c:pt>
                <c:pt idx="1974">
                  <c:v>667</c:v>
                </c:pt>
                <c:pt idx="1975">
                  <c:v>668</c:v>
                </c:pt>
                <c:pt idx="1976">
                  <c:v>668</c:v>
                </c:pt>
                <c:pt idx="1977">
                  <c:v>668</c:v>
                </c:pt>
                <c:pt idx="1978">
                  <c:v>669</c:v>
                </c:pt>
                <c:pt idx="1979">
                  <c:v>669</c:v>
                </c:pt>
                <c:pt idx="1980">
                  <c:v>670</c:v>
                </c:pt>
                <c:pt idx="1981">
                  <c:v>670</c:v>
                </c:pt>
                <c:pt idx="1982">
                  <c:v>671</c:v>
                </c:pt>
                <c:pt idx="1983">
                  <c:v>671</c:v>
                </c:pt>
                <c:pt idx="1984">
                  <c:v>671</c:v>
                </c:pt>
                <c:pt idx="1985">
                  <c:v>672</c:v>
                </c:pt>
                <c:pt idx="1986">
                  <c:v>672</c:v>
                </c:pt>
                <c:pt idx="1987">
                  <c:v>673</c:v>
                </c:pt>
                <c:pt idx="1988">
                  <c:v>673</c:v>
                </c:pt>
                <c:pt idx="1989">
                  <c:v>673</c:v>
                </c:pt>
                <c:pt idx="1990">
                  <c:v>674</c:v>
                </c:pt>
                <c:pt idx="1991">
                  <c:v>674</c:v>
                </c:pt>
                <c:pt idx="1992">
                  <c:v>675</c:v>
                </c:pt>
                <c:pt idx="1993">
                  <c:v>675</c:v>
                </c:pt>
                <c:pt idx="1994">
                  <c:v>676</c:v>
                </c:pt>
                <c:pt idx="1995">
                  <c:v>676</c:v>
                </c:pt>
                <c:pt idx="1996">
                  <c:v>676</c:v>
                </c:pt>
                <c:pt idx="1997">
                  <c:v>677</c:v>
                </c:pt>
                <c:pt idx="1998">
                  <c:v>677</c:v>
                </c:pt>
                <c:pt idx="1999">
                  <c:v>678</c:v>
                </c:pt>
                <c:pt idx="2000">
                  <c:v>678</c:v>
                </c:pt>
                <c:pt idx="2001">
                  <c:v>678</c:v>
                </c:pt>
                <c:pt idx="2002">
                  <c:v>679</c:v>
                </c:pt>
                <c:pt idx="2003">
                  <c:v>679</c:v>
                </c:pt>
                <c:pt idx="2004">
                  <c:v>680</c:v>
                </c:pt>
                <c:pt idx="2005">
                  <c:v>680</c:v>
                </c:pt>
                <c:pt idx="2006">
                  <c:v>681</c:v>
                </c:pt>
                <c:pt idx="2007">
                  <c:v>681</c:v>
                </c:pt>
                <c:pt idx="2008">
                  <c:v>681</c:v>
                </c:pt>
                <c:pt idx="2009">
                  <c:v>682</c:v>
                </c:pt>
                <c:pt idx="2010">
                  <c:v>682</c:v>
                </c:pt>
                <c:pt idx="2011">
                  <c:v>683</c:v>
                </c:pt>
                <c:pt idx="2012">
                  <c:v>683</c:v>
                </c:pt>
                <c:pt idx="2013">
                  <c:v>683</c:v>
                </c:pt>
                <c:pt idx="2014">
                  <c:v>684</c:v>
                </c:pt>
                <c:pt idx="2015">
                  <c:v>684</c:v>
                </c:pt>
                <c:pt idx="2016">
                  <c:v>685</c:v>
                </c:pt>
                <c:pt idx="2017">
                  <c:v>685</c:v>
                </c:pt>
                <c:pt idx="2018">
                  <c:v>686</c:v>
                </c:pt>
                <c:pt idx="2019">
                  <c:v>686</c:v>
                </c:pt>
                <c:pt idx="2020">
                  <c:v>686</c:v>
                </c:pt>
                <c:pt idx="2021">
                  <c:v>687</c:v>
                </c:pt>
                <c:pt idx="2022">
                  <c:v>687</c:v>
                </c:pt>
                <c:pt idx="2023">
                  <c:v>688</c:v>
                </c:pt>
                <c:pt idx="2024">
                  <c:v>688</c:v>
                </c:pt>
                <c:pt idx="2025">
                  <c:v>688</c:v>
                </c:pt>
                <c:pt idx="2026">
                  <c:v>689</c:v>
                </c:pt>
                <c:pt idx="2027">
                  <c:v>689</c:v>
                </c:pt>
                <c:pt idx="2028">
                  <c:v>690</c:v>
                </c:pt>
                <c:pt idx="2029">
                  <c:v>690</c:v>
                </c:pt>
                <c:pt idx="2030">
                  <c:v>691</c:v>
                </c:pt>
                <c:pt idx="2031">
                  <c:v>691</c:v>
                </c:pt>
                <c:pt idx="2032">
                  <c:v>691</c:v>
                </c:pt>
                <c:pt idx="2033">
                  <c:v>692</c:v>
                </c:pt>
                <c:pt idx="2034">
                  <c:v>692</c:v>
                </c:pt>
                <c:pt idx="2035">
                  <c:v>693</c:v>
                </c:pt>
                <c:pt idx="2036">
                  <c:v>693</c:v>
                </c:pt>
                <c:pt idx="2037">
                  <c:v>693</c:v>
                </c:pt>
                <c:pt idx="2038">
                  <c:v>694</c:v>
                </c:pt>
                <c:pt idx="2039">
                  <c:v>694</c:v>
                </c:pt>
                <c:pt idx="2040">
                  <c:v>695</c:v>
                </c:pt>
                <c:pt idx="2041">
                  <c:v>695</c:v>
                </c:pt>
                <c:pt idx="2042">
                  <c:v>696</c:v>
                </c:pt>
                <c:pt idx="2043">
                  <c:v>696</c:v>
                </c:pt>
                <c:pt idx="2044">
                  <c:v>696</c:v>
                </c:pt>
                <c:pt idx="2045">
                  <c:v>697</c:v>
                </c:pt>
                <c:pt idx="2046">
                  <c:v>697</c:v>
                </c:pt>
                <c:pt idx="2047">
                  <c:v>698</c:v>
                </c:pt>
                <c:pt idx="2048">
                  <c:v>698</c:v>
                </c:pt>
                <c:pt idx="2049">
                  <c:v>698</c:v>
                </c:pt>
                <c:pt idx="2050">
                  <c:v>699</c:v>
                </c:pt>
                <c:pt idx="2051">
                  <c:v>699</c:v>
                </c:pt>
                <c:pt idx="2052">
                  <c:v>700</c:v>
                </c:pt>
                <c:pt idx="2053">
                  <c:v>700</c:v>
                </c:pt>
                <c:pt idx="2054">
                  <c:v>701</c:v>
                </c:pt>
                <c:pt idx="2055">
                  <c:v>701</c:v>
                </c:pt>
                <c:pt idx="2056">
                  <c:v>701</c:v>
                </c:pt>
                <c:pt idx="2057">
                  <c:v>702</c:v>
                </c:pt>
                <c:pt idx="2058">
                  <c:v>702</c:v>
                </c:pt>
                <c:pt idx="2059">
                  <c:v>703</c:v>
                </c:pt>
                <c:pt idx="2060">
                  <c:v>703</c:v>
                </c:pt>
                <c:pt idx="2061">
                  <c:v>703</c:v>
                </c:pt>
                <c:pt idx="2062">
                  <c:v>704</c:v>
                </c:pt>
                <c:pt idx="2063">
                  <c:v>704</c:v>
                </c:pt>
                <c:pt idx="2064">
                  <c:v>705</c:v>
                </c:pt>
                <c:pt idx="2065">
                  <c:v>705</c:v>
                </c:pt>
                <c:pt idx="2066">
                  <c:v>706</c:v>
                </c:pt>
                <c:pt idx="2067">
                  <c:v>706</c:v>
                </c:pt>
                <c:pt idx="2068">
                  <c:v>706</c:v>
                </c:pt>
                <c:pt idx="2069">
                  <c:v>707</c:v>
                </c:pt>
                <c:pt idx="2070">
                  <c:v>707</c:v>
                </c:pt>
                <c:pt idx="2071">
                  <c:v>708</c:v>
                </c:pt>
                <c:pt idx="2072">
                  <c:v>708</c:v>
                </c:pt>
                <c:pt idx="2073">
                  <c:v>708</c:v>
                </c:pt>
                <c:pt idx="2074">
                  <c:v>709</c:v>
                </c:pt>
                <c:pt idx="2075">
                  <c:v>709</c:v>
                </c:pt>
                <c:pt idx="2076">
                  <c:v>710</c:v>
                </c:pt>
                <c:pt idx="2077">
                  <c:v>710</c:v>
                </c:pt>
                <c:pt idx="2078">
                  <c:v>711</c:v>
                </c:pt>
                <c:pt idx="2079">
                  <c:v>711</c:v>
                </c:pt>
                <c:pt idx="2080">
                  <c:v>711</c:v>
                </c:pt>
                <c:pt idx="2081">
                  <c:v>712</c:v>
                </c:pt>
                <c:pt idx="2082">
                  <c:v>712</c:v>
                </c:pt>
                <c:pt idx="2083">
                  <c:v>713</c:v>
                </c:pt>
                <c:pt idx="2084">
                  <c:v>713</c:v>
                </c:pt>
                <c:pt idx="2085">
                  <c:v>713</c:v>
                </c:pt>
                <c:pt idx="2086">
                  <c:v>714</c:v>
                </c:pt>
                <c:pt idx="2087">
                  <c:v>714</c:v>
                </c:pt>
                <c:pt idx="2088">
                  <c:v>715</c:v>
                </c:pt>
                <c:pt idx="2089">
                  <c:v>715</c:v>
                </c:pt>
                <c:pt idx="2090">
                  <c:v>716</c:v>
                </c:pt>
                <c:pt idx="2091">
                  <c:v>716</c:v>
                </c:pt>
                <c:pt idx="2092">
                  <c:v>716</c:v>
                </c:pt>
                <c:pt idx="2093">
                  <c:v>717</c:v>
                </c:pt>
                <c:pt idx="2094">
                  <c:v>717</c:v>
                </c:pt>
                <c:pt idx="2095">
                  <c:v>718</c:v>
                </c:pt>
                <c:pt idx="2096">
                  <c:v>718</c:v>
                </c:pt>
                <c:pt idx="2097">
                  <c:v>718</c:v>
                </c:pt>
                <c:pt idx="2098">
                  <c:v>719</c:v>
                </c:pt>
                <c:pt idx="2099">
                  <c:v>719</c:v>
                </c:pt>
                <c:pt idx="2100">
                  <c:v>720</c:v>
                </c:pt>
                <c:pt idx="2101">
                  <c:v>720</c:v>
                </c:pt>
                <c:pt idx="2102">
                  <c:v>721</c:v>
                </c:pt>
                <c:pt idx="2103">
                  <c:v>721</c:v>
                </c:pt>
                <c:pt idx="2104">
                  <c:v>721</c:v>
                </c:pt>
                <c:pt idx="2105">
                  <c:v>722</c:v>
                </c:pt>
                <c:pt idx="2106">
                  <c:v>722</c:v>
                </c:pt>
                <c:pt idx="2107">
                  <c:v>723</c:v>
                </c:pt>
                <c:pt idx="2108">
                  <c:v>723</c:v>
                </c:pt>
                <c:pt idx="2109">
                  <c:v>723</c:v>
                </c:pt>
                <c:pt idx="2110">
                  <c:v>724</c:v>
                </c:pt>
                <c:pt idx="2111">
                  <c:v>724</c:v>
                </c:pt>
                <c:pt idx="2112">
                  <c:v>725</c:v>
                </c:pt>
                <c:pt idx="2113">
                  <c:v>725</c:v>
                </c:pt>
                <c:pt idx="2114">
                  <c:v>726</c:v>
                </c:pt>
                <c:pt idx="2115">
                  <c:v>726</c:v>
                </c:pt>
                <c:pt idx="2116">
                  <c:v>726</c:v>
                </c:pt>
                <c:pt idx="2117">
                  <c:v>727</c:v>
                </c:pt>
                <c:pt idx="2118">
                  <c:v>727</c:v>
                </c:pt>
                <c:pt idx="2119">
                  <c:v>728</c:v>
                </c:pt>
                <c:pt idx="2120">
                  <c:v>728</c:v>
                </c:pt>
                <c:pt idx="2121">
                  <c:v>728</c:v>
                </c:pt>
                <c:pt idx="2122">
                  <c:v>729</c:v>
                </c:pt>
                <c:pt idx="2123">
                  <c:v>729</c:v>
                </c:pt>
                <c:pt idx="2124">
                  <c:v>730</c:v>
                </c:pt>
                <c:pt idx="2125">
                  <c:v>730</c:v>
                </c:pt>
                <c:pt idx="2126">
                  <c:v>731</c:v>
                </c:pt>
                <c:pt idx="2127">
                  <c:v>731</c:v>
                </c:pt>
                <c:pt idx="2128">
                  <c:v>731</c:v>
                </c:pt>
                <c:pt idx="2129">
                  <c:v>732</c:v>
                </c:pt>
                <c:pt idx="2130">
                  <c:v>732</c:v>
                </c:pt>
                <c:pt idx="2131">
                  <c:v>733</c:v>
                </c:pt>
                <c:pt idx="2132">
                  <c:v>733</c:v>
                </c:pt>
                <c:pt idx="2133">
                  <c:v>733</c:v>
                </c:pt>
                <c:pt idx="2134">
                  <c:v>734</c:v>
                </c:pt>
                <c:pt idx="2135">
                  <c:v>734</c:v>
                </c:pt>
                <c:pt idx="2136">
                  <c:v>735</c:v>
                </c:pt>
                <c:pt idx="2137">
                  <c:v>735</c:v>
                </c:pt>
                <c:pt idx="2138">
                  <c:v>736</c:v>
                </c:pt>
                <c:pt idx="2139">
                  <c:v>736</c:v>
                </c:pt>
                <c:pt idx="2140">
                  <c:v>736</c:v>
                </c:pt>
                <c:pt idx="2141">
                  <c:v>737</c:v>
                </c:pt>
                <c:pt idx="2142">
                  <c:v>737</c:v>
                </c:pt>
                <c:pt idx="2143">
                  <c:v>738</c:v>
                </c:pt>
                <c:pt idx="2144">
                  <c:v>738</c:v>
                </c:pt>
                <c:pt idx="2145">
                  <c:v>738</c:v>
                </c:pt>
                <c:pt idx="2146">
                  <c:v>739</c:v>
                </c:pt>
                <c:pt idx="2147">
                  <c:v>739</c:v>
                </c:pt>
                <c:pt idx="2148">
                  <c:v>740</c:v>
                </c:pt>
                <c:pt idx="2149">
                  <c:v>740</c:v>
                </c:pt>
                <c:pt idx="2150">
                  <c:v>741</c:v>
                </c:pt>
                <c:pt idx="2151">
                  <c:v>741</c:v>
                </c:pt>
                <c:pt idx="2152">
                  <c:v>741</c:v>
                </c:pt>
                <c:pt idx="2153">
                  <c:v>742</c:v>
                </c:pt>
                <c:pt idx="2154">
                  <c:v>742</c:v>
                </c:pt>
                <c:pt idx="2155">
                  <c:v>743</c:v>
                </c:pt>
                <c:pt idx="2156">
                  <c:v>743</c:v>
                </c:pt>
                <c:pt idx="2157">
                  <c:v>743</c:v>
                </c:pt>
                <c:pt idx="2158">
                  <c:v>744</c:v>
                </c:pt>
                <c:pt idx="2159">
                  <c:v>744</c:v>
                </c:pt>
                <c:pt idx="2160">
                  <c:v>745</c:v>
                </c:pt>
                <c:pt idx="2161">
                  <c:v>745</c:v>
                </c:pt>
                <c:pt idx="2162">
                  <c:v>746</c:v>
                </c:pt>
                <c:pt idx="2163">
                  <c:v>746</c:v>
                </c:pt>
                <c:pt idx="2164">
                  <c:v>746</c:v>
                </c:pt>
                <c:pt idx="2165">
                  <c:v>747</c:v>
                </c:pt>
                <c:pt idx="2166">
                  <c:v>747</c:v>
                </c:pt>
                <c:pt idx="2167">
                  <c:v>748</c:v>
                </c:pt>
                <c:pt idx="2168">
                  <c:v>748</c:v>
                </c:pt>
                <c:pt idx="2169">
                  <c:v>748</c:v>
                </c:pt>
                <c:pt idx="2170">
                  <c:v>749</c:v>
                </c:pt>
                <c:pt idx="2171">
                  <c:v>749</c:v>
                </c:pt>
                <c:pt idx="2172">
                  <c:v>750</c:v>
                </c:pt>
                <c:pt idx="2173">
                  <c:v>750</c:v>
                </c:pt>
                <c:pt idx="2174">
                  <c:v>751</c:v>
                </c:pt>
                <c:pt idx="2175">
                  <c:v>751</c:v>
                </c:pt>
                <c:pt idx="2176">
                  <c:v>751</c:v>
                </c:pt>
                <c:pt idx="2177">
                  <c:v>752</c:v>
                </c:pt>
                <c:pt idx="2178">
                  <c:v>752</c:v>
                </c:pt>
                <c:pt idx="2179">
                  <c:v>753</c:v>
                </c:pt>
                <c:pt idx="2180">
                  <c:v>753</c:v>
                </c:pt>
                <c:pt idx="2181">
                  <c:v>753</c:v>
                </c:pt>
                <c:pt idx="2182">
                  <c:v>754</c:v>
                </c:pt>
                <c:pt idx="2183">
                  <c:v>754</c:v>
                </c:pt>
                <c:pt idx="2184">
                  <c:v>755</c:v>
                </c:pt>
                <c:pt idx="2185">
                  <c:v>755</c:v>
                </c:pt>
                <c:pt idx="2186">
                  <c:v>756</c:v>
                </c:pt>
                <c:pt idx="2187">
                  <c:v>756</c:v>
                </c:pt>
                <c:pt idx="2188">
                  <c:v>756</c:v>
                </c:pt>
                <c:pt idx="2189">
                  <c:v>757</c:v>
                </c:pt>
                <c:pt idx="2190">
                  <c:v>757</c:v>
                </c:pt>
                <c:pt idx="2191">
                  <c:v>758</c:v>
                </c:pt>
                <c:pt idx="2192">
                  <c:v>758</c:v>
                </c:pt>
                <c:pt idx="2193">
                  <c:v>758</c:v>
                </c:pt>
                <c:pt idx="2194">
                  <c:v>759</c:v>
                </c:pt>
                <c:pt idx="2195">
                  <c:v>759</c:v>
                </c:pt>
                <c:pt idx="2196">
                  <c:v>760</c:v>
                </c:pt>
                <c:pt idx="2197">
                  <c:v>760</c:v>
                </c:pt>
                <c:pt idx="2198">
                  <c:v>761</c:v>
                </c:pt>
                <c:pt idx="2199">
                  <c:v>761</c:v>
                </c:pt>
                <c:pt idx="2200">
                  <c:v>761</c:v>
                </c:pt>
                <c:pt idx="2201">
                  <c:v>762</c:v>
                </c:pt>
                <c:pt idx="2202">
                  <c:v>762</c:v>
                </c:pt>
                <c:pt idx="2203">
                  <c:v>763</c:v>
                </c:pt>
                <c:pt idx="2204">
                  <c:v>763</c:v>
                </c:pt>
                <c:pt idx="2205">
                  <c:v>763</c:v>
                </c:pt>
                <c:pt idx="2206">
                  <c:v>764</c:v>
                </c:pt>
                <c:pt idx="2207">
                  <c:v>764</c:v>
                </c:pt>
                <c:pt idx="2208">
                  <c:v>765</c:v>
                </c:pt>
                <c:pt idx="2209">
                  <c:v>765</c:v>
                </c:pt>
                <c:pt idx="2210">
                  <c:v>766</c:v>
                </c:pt>
                <c:pt idx="2211">
                  <c:v>766</c:v>
                </c:pt>
                <c:pt idx="2212">
                  <c:v>766</c:v>
                </c:pt>
                <c:pt idx="2213">
                  <c:v>767</c:v>
                </c:pt>
                <c:pt idx="2214">
                  <c:v>767</c:v>
                </c:pt>
                <c:pt idx="2215">
                  <c:v>768</c:v>
                </c:pt>
                <c:pt idx="2216">
                  <c:v>768</c:v>
                </c:pt>
                <c:pt idx="2217">
                  <c:v>768</c:v>
                </c:pt>
                <c:pt idx="2218">
                  <c:v>769</c:v>
                </c:pt>
                <c:pt idx="2219">
                  <c:v>769</c:v>
                </c:pt>
                <c:pt idx="2220">
                  <c:v>770</c:v>
                </c:pt>
                <c:pt idx="2221">
                  <c:v>770</c:v>
                </c:pt>
                <c:pt idx="2222">
                  <c:v>771</c:v>
                </c:pt>
                <c:pt idx="2223">
                  <c:v>771</c:v>
                </c:pt>
                <c:pt idx="2224">
                  <c:v>771</c:v>
                </c:pt>
                <c:pt idx="2225">
                  <c:v>772</c:v>
                </c:pt>
                <c:pt idx="2226">
                  <c:v>772</c:v>
                </c:pt>
                <c:pt idx="2227">
                  <c:v>773</c:v>
                </c:pt>
                <c:pt idx="2228">
                  <c:v>773</c:v>
                </c:pt>
                <c:pt idx="2229">
                  <c:v>773</c:v>
                </c:pt>
                <c:pt idx="2230">
                  <c:v>774</c:v>
                </c:pt>
                <c:pt idx="2231">
                  <c:v>774</c:v>
                </c:pt>
                <c:pt idx="2232">
                  <c:v>775</c:v>
                </c:pt>
                <c:pt idx="2233">
                  <c:v>775</c:v>
                </c:pt>
                <c:pt idx="2234">
                  <c:v>776</c:v>
                </c:pt>
                <c:pt idx="2235">
                  <c:v>776</c:v>
                </c:pt>
                <c:pt idx="2236">
                  <c:v>776</c:v>
                </c:pt>
                <c:pt idx="2237">
                  <c:v>777</c:v>
                </c:pt>
                <c:pt idx="2238">
                  <c:v>777</c:v>
                </c:pt>
                <c:pt idx="2239">
                  <c:v>778</c:v>
                </c:pt>
                <c:pt idx="2240">
                  <c:v>778</c:v>
                </c:pt>
                <c:pt idx="2241">
                  <c:v>778</c:v>
                </c:pt>
                <c:pt idx="2242">
                  <c:v>779</c:v>
                </c:pt>
                <c:pt idx="2243">
                  <c:v>779</c:v>
                </c:pt>
                <c:pt idx="2244">
                  <c:v>780</c:v>
                </c:pt>
                <c:pt idx="2245">
                  <c:v>780</c:v>
                </c:pt>
                <c:pt idx="2246">
                  <c:v>781</c:v>
                </c:pt>
                <c:pt idx="2247">
                  <c:v>781</c:v>
                </c:pt>
                <c:pt idx="2248">
                  <c:v>781</c:v>
                </c:pt>
                <c:pt idx="2249">
                  <c:v>782</c:v>
                </c:pt>
                <c:pt idx="2250">
                  <c:v>782</c:v>
                </c:pt>
                <c:pt idx="2251">
                  <c:v>783</c:v>
                </c:pt>
                <c:pt idx="2252">
                  <c:v>783</c:v>
                </c:pt>
                <c:pt idx="2253">
                  <c:v>783</c:v>
                </c:pt>
                <c:pt idx="2254">
                  <c:v>784</c:v>
                </c:pt>
                <c:pt idx="2255">
                  <c:v>784</c:v>
                </c:pt>
                <c:pt idx="2256">
                  <c:v>785</c:v>
                </c:pt>
                <c:pt idx="2257">
                  <c:v>785</c:v>
                </c:pt>
                <c:pt idx="2258">
                  <c:v>786</c:v>
                </c:pt>
                <c:pt idx="2259">
                  <c:v>786</c:v>
                </c:pt>
                <c:pt idx="2260">
                  <c:v>786</c:v>
                </c:pt>
                <c:pt idx="2261">
                  <c:v>787</c:v>
                </c:pt>
                <c:pt idx="2262">
                  <c:v>787</c:v>
                </c:pt>
                <c:pt idx="2263">
                  <c:v>788</c:v>
                </c:pt>
                <c:pt idx="2264">
                  <c:v>788</c:v>
                </c:pt>
                <c:pt idx="2265">
                  <c:v>788</c:v>
                </c:pt>
                <c:pt idx="2266">
                  <c:v>789</c:v>
                </c:pt>
                <c:pt idx="2267">
                  <c:v>789</c:v>
                </c:pt>
                <c:pt idx="2268">
                  <c:v>790</c:v>
                </c:pt>
                <c:pt idx="2269">
                  <c:v>790</c:v>
                </c:pt>
                <c:pt idx="2270">
                  <c:v>791</c:v>
                </c:pt>
                <c:pt idx="2271">
                  <c:v>791</c:v>
                </c:pt>
                <c:pt idx="2272">
                  <c:v>791</c:v>
                </c:pt>
                <c:pt idx="2273">
                  <c:v>792</c:v>
                </c:pt>
                <c:pt idx="2274">
                  <c:v>792</c:v>
                </c:pt>
                <c:pt idx="2275">
                  <c:v>793</c:v>
                </c:pt>
                <c:pt idx="2276">
                  <c:v>793</c:v>
                </c:pt>
                <c:pt idx="2277">
                  <c:v>793</c:v>
                </c:pt>
                <c:pt idx="2278">
                  <c:v>794</c:v>
                </c:pt>
                <c:pt idx="2279">
                  <c:v>794</c:v>
                </c:pt>
                <c:pt idx="2280">
                  <c:v>795</c:v>
                </c:pt>
                <c:pt idx="2281">
                  <c:v>795</c:v>
                </c:pt>
                <c:pt idx="2282">
                  <c:v>796</c:v>
                </c:pt>
                <c:pt idx="2283">
                  <c:v>796</c:v>
                </c:pt>
                <c:pt idx="2284">
                  <c:v>796</c:v>
                </c:pt>
                <c:pt idx="2285">
                  <c:v>797</c:v>
                </c:pt>
                <c:pt idx="2286">
                  <c:v>797</c:v>
                </c:pt>
                <c:pt idx="2287">
                  <c:v>798</c:v>
                </c:pt>
                <c:pt idx="2288">
                  <c:v>798</c:v>
                </c:pt>
                <c:pt idx="2289">
                  <c:v>798</c:v>
                </c:pt>
                <c:pt idx="2290">
                  <c:v>799</c:v>
                </c:pt>
                <c:pt idx="2291">
                  <c:v>799</c:v>
                </c:pt>
                <c:pt idx="2292">
                  <c:v>800</c:v>
                </c:pt>
                <c:pt idx="2293">
                  <c:v>800</c:v>
                </c:pt>
                <c:pt idx="2294">
                  <c:v>800</c:v>
                </c:pt>
                <c:pt idx="2295">
                  <c:v>800</c:v>
                </c:pt>
                <c:pt idx="2296">
                  <c:v>800</c:v>
                </c:pt>
                <c:pt idx="2297">
                  <c:v>800</c:v>
                </c:pt>
                <c:pt idx="2298">
                  <c:v>800</c:v>
                </c:pt>
                <c:pt idx="2299">
                  <c:v>800</c:v>
                </c:pt>
                <c:pt idx="2300">
                  <c:v>800</c:v>
                </c:pt>
                <c:pt idx="2301">
                  <c:v>800</c:v>
                </c:pt>
                <c:pt idx="2302">
                  <c:v>800</c:v>
                </c:pt>
                <c:pt idx="2303">
                  <c:v>800</c:v>
                </c:pt>
                <c:pt idx="2304">
                  <c:v>800</c:v>
                </c:pt>
                <c:pt idx="2305">
                  <c:v>800</c:v>
                </c:pt>
                <c:pt idx="2306">
                  <c:v>800</c:v>
                </c:pt>
                <c:pt idx="2307">
                  <c:v>800</c:v>
                </c:pt>
                <c:pt idx="2308">
                  <c:v>800</c:v>
                </c:pt>
                <c:pt idx="2309">
                  <c:v>800</c:v>
                </c:pt>
                <c:pt idx="2310">
                  <c:v>800</c:v>
                </c:pt>
                <c:pt idx="2311">
                  <c:v>800</c:v>
                </c:pt>
                <c:pt idx="2312">
                  <c:v>800</c:v>
                </c:pt>
                <c:pt idx="2313">
                  <c:v>800</c:v>
                </c:pt>
                <c:pt idx="2314">
                  <c:v>800</c:v>
                </c:pt>
                <c:pt idx="2315">
                  <c:v>800</c:v>
                </c:pt>
                <c:pt idx="2316">
                  <c:v>800</c:v>
                </c:pt>
                <c:pt idx="2317">
                  <c:v>800</c:v>
                </c:pt>
                <c:pt idx="2318">
                  <c:v>800</c:v>
                </c:pt>
                <c:pt idx="2319">
                  <c:v>800</c:v>
                </c:pt>
                <c:pt idx="2320">
                  <c:v>800</c:v>
                </c:pt>
                <c:pt idx="2321">
                  <c:v>800</c:v>
                </c:pt>
                <c:pt idx="2322">
                  <c:v>800</c:v>
                </c:pt>
                <c:pt idx="2323">
                  <c:v>800</c:v>
                </c:pt>
                <c:pt idx="2324">
                  <c:v>800</c:v>
                </c:pt>
                <c:pt idx="2325">
                  <c:v>800</c:v>
                </c:pt>
                <c:pt idx="2326">
                  <c:v>800</c:v>
                </c:pt>
                <c:pt idx="2327">
                  <c:v>800</c:v>
                </c:pt>
                <c:pt idx="2328">
                  <c:v>800</c:v>
                </c:pt>
                <c:pt idx="2329">
                  <c:v>800</c:v>
                </c:pt>
                <c:pt idx="2330">
                  <c:v>800</c:v>
                </c:pt>
                <c:pt idx="2331">
                  <c:v>800</c:v>
                </c:pt>
                <c:pt idx="2332">
                  <c:v>800</c:v>
                </c:pt>
                <c:pt idx="2333">
                  <c:v>800</c:v>
                </c:pt>
                <c:pt idx="2334">
                  <c:v>800</c:v>
                </c:pt>
                <c:pt idx="2335">
                  <c:v>800</c:v>
                </c:pt>
                <c:pt idx="2336">
                  <c:v>800</c:v>
                </c:pt>
                <c:pt idx="2337">
                  <c:v>800</c:v>
                </c:pt>
                <c:pt idx="2338">
                  <c:v>800</c:v>
                </c:pt>
                <c:pt idx="2339">
                  <c:v>800</c:v>
                </c:pt>
                <c:pt idx="2340">
                  <c:v>800</c:v>
                </c:pt>
                <c:pt idx="2341">
                  <c:v>800</c:v>
                </c:pt>
                <c:pt idx="2342">
                  <c:v>800</c:v>
                </c:pt>
                <c:pt idx="2343">
                  <c:v>800</c:v>
                </c:pt>
                <c:pt idx="2344">
                  <c:v>800</c:v>
                </c:pt>
                <c:pt idx="2345">
                  <c:v>800</c:v>
                </c:pt>
                <c:pt idx="2346">
                  <c:v>800</c:v>
                </c:pt>
                <c:pt idx="2347">
                  <c:v>800</c:v>
                </c:pt>
                <c:pt idx="2348">
                  <c:v>800</c:v>
                </c:pt>
                <c:pt idx="2349">
                  <c:v>800</c:v>
                </c:pt>
                <c:pt idx="2350">
                  <c:v>800</c:v>
                </c:pt>
                <c:pt idx="2351">
                  <c:v>800</c:v>
                </c:pt>
                <c:pt idx="2352">
                  <c:v>800</c:v>
                </c:pt>
                <c:pt idx="2353">
                  <c:v>800</c:v>
                </c:pt>
                <c:pt idx="2354">
                  <c:v>800</c:v>
                </c:pt>
                <c:pt idx="2355">
                  <c:v>800</c:v>
                </c:pt>
                <c:pt idx="2356">
                  <c:v>800</c:v>
                </c:pt>
                <c:pt idx="2357">
                  <c:v>800</c:v>
                </c:pt>
                <c:pt idx="2358">
                  <c:v>800</c:v>
                </c:pt>
                <c:pt idx="2359">
                  <c:v>800</c:v>
                </c:pt>
                <c:pt idx="2360">
                  <c:v>800</c:v>
                </c:pt>
                <c:pt idx="2361">
                  <c:v>800</c:v>
                </c:pt>
                <c:pt idx="2362">
                  <c:v>800</c:v>
                </c:pt>
                <c:pt idx="2363">
                  <c:v>800</c:v>
                </c:pt>
                <c:pt idx="2364">
                  <c:v>800</c:v>
                </c:pt>
                <c:pt idx="2365">
                  <c:v>800</c:v>
                </c:pt>
                <c:pt idx="2366">
                  <c:v>800</c:v>
                </c:pt>
                <c:pt idx="2367">
                  <c:v>800</c:v>
                </c:pt>
                <c:pt idx="2368">
                  <c:v>800</c:v>
                </c:pt>
                <c:pt idx="2369">
                  <c:v>800</c:v>
                </c:pt>
                <c:pt idx="2370">
                  <c:v>800</c:v>
                </c:pt>
                <c:pt idx="2371">
                  <c:v>800</c:v>
                </c:pt>
                <c:pt idx="2372">
                  <c:v>800</c:v>
                </c:pt>
                <c:pt idx="2373">
                  <c:v>800</c:v>
                </c:pt>
                <c:pt idx="2374">
                  <c:v>800</c:v>
                </c:pt>
                <c:pt idx="2375">
                  <c:v>800</c:v>
                </c:pt>
                <c:pt idx="2376">
                  <c:v>800</c:v>
                </c:pt>
                <c:pt idx="2377">
                  <c:v>800</c:v>
                </c:pt>
                <c:pt idx="2378">
                  <c:v>800</c:v>
                </c:pt>
                <c:pt idx="2379">
                  <c:v>800</c:v>
                </c:pt>
                <c:pt idx="2380">
                  <c:v>800</c:v>
                </c:pt>
                <c:pt idx="2381">
                  <c:v>800</c:v>
                </c:pt>
                <c:pt idx="2382">
                  <c:v>800</c:v>
                </c:pt>
                <c:pt idx="2383">
                  <c:v>800</c:v>
                </c:pt>
                <c:pt idx="2384">
                  <c:v>800</c:v>
                </c:pt>
                <c:pt idx="2385">
                  <c:v>800</c:v>
                </c:pt>
                <c:pt idx="2386">
                  <c:v>800</c:v>
                </c:pt>
                <c:pt idx="2387">
                  <c:v>800</c:v>
                </c:pt>
                <c:pt idx="2388">
                  <c:v>800</c:v>
                </c:pt>
                <c:pt idx="2389">
                  <c:v>800</c:v>
                </c:pt>
                <c:pt idx="2390">
                  <c:v>800</c:v>
                </c:pt>
                <c:pt idx="2391">
                  <c:v>800</c:v>
                </c:pt>
                <c:pt idx="2392">
                  <c:v>800</c:v>
                </c:pt>
                <c:pt idx="2393">
                  <c:v>800</c:v>
                </c:pt>
                <c:pt idx="2394">
                  <c:v>800</c:v>
                </c:pt>
                <c:pt idx="2395">
                  <c:v>800</c:v>
                </c:pt>
                <c:pt idx="2396">
                  <c:v>800</c:v>
                </c:pt>
                <c:pt idx="2397">
                  <c:v>800</c:v>
                </c:pt>
                <c:pt idx="2398">
                  <c:v>800</c:v>
                </c:pt>
                <c:pt idx="2399">
                  <c:v>800</c:v>
                </c:pt>
                <c:pt idx="2400">
                  <c:v>800</c:v>
                </c:pt>
                <c:pt idx="2401">
                  <c:v>800</c:v>
                </c:pt>
                <c:pt idx="2402">
                  <c:v>800</c:v>
                </c:pt>
                <c:pt idx="2403">
                  <c:v>800</c:v>
                </c:pt>
                <c:pt idx="2404">
                  <c:v>800</c:v>
                </c:pt>
                <c:pt idx="2405">
                  <c:v>800</c:v>
                </c:pt>
                <c:pt idx="2406">
                  <c:v>800</c:v>
                </c:pt>
                <c:pt idx="2407">
                  <c:v>800</c:v>
                </c:pt>
                <c:pt idx="2408">
                  <c:v>800</c:v>
                </c:pt>
                <c:pt idx="2409">
                  <c:v>800</c:v>
                </c:pt>
                <c:pt idx="2410">
                  <c:v>800</c:v>
                </c:pt>
                <c:pt idx="2411">
                  <c:v>800</c:v>
                </c:pt>
                <c:pt idx="2412">
                  <c:v>800</c:v>
                </c:pt>
                <c:pt idx="2413">
                  <c:v>800</c:v>
                </c:pt>
                <c:pt idx="2414">
                  <c:v>800</c:v>
                </c:pt>
                <c:pt idx="2415">
                  <c:v>800</c:v>
                </c:pt>
                <c:pt idx="2416">
                  <c:v>800</c:v>
                </c:pt>
                <c:pt idx="2417">
                  <c:v>800</c:v>
                </c:pt>
                <c:pt idx="2418">
                  <c:v>800</c:v>
                </c:pt>
                <c:pt idx="2419">
                  <c:v>800</c:v>
                </c:pt>
                <c:pt idx="2420">
                  <c:v>800</c:v>
                </c:pt>
                <c:pt idx="2421">
                  <c:v>800</c:v>
                </c:pt>
                <c:pt idx="2422">
                  <c:v>800</c:v>
                </c:pt>
                <c:pt idx="2423">
                  <c:v>800</c:v>
                </c:pt>
                <c:pt idx="2424">
                  <c:v>800</c:v>
                </c:pt>
                <c:pt idx="2425">
                  <c:v>800</c:v>
                </c:pt>
                <c:pt idx="2426">
                  <c:v>800</c:v>
                </c:pt>
                <c:pt idx="2427">
                  <c:v>800</c:v>
                </c:pt>
                <c:pt idx="2428">
                  <c:v>800</c:v>
                </c:pt>
                <c:pt idx="2429">
                  <c:v>800</c:v>
                </c:pt>
                <c:pt idx="2430">
                  <c:v>800</c:v>
                </c:pt>
                <c:pt idx="2431">
                  <c:v>800</c:v>
                </c:pt>
                <c:pt idx="2432">
                  <c:v>800</c:v>
                </c:pt>
                <c:pt idx="2433">
                  <c:v>800</c:v>
                </c:pt>
                <c:pt idx="2434">
                  <c:v>800</c:v>
                </c:pt>
                <c:pt idx="2435">
                  <c:v>800</c:v>
                </c:pt>
                <c:pt idx="2436">
                  <c:v>800</c:v>
                </c:pt>
                <c:pt idx="2437">
                  <c:v>800</c:v>
                </c:pt>
                <c:pt idx="2438">
                  <c:v>800</c:v>
                </c:pt>
                <c:pt idx="2439">
                  <c:v>800</c:v>
                </c:pt>
                <c:pt idx="2440">
                  <c:v>800</c:v>
                </c:pt>
                <c:pt idx="2441">
                  <c:v>800</c:v>
                </c:pt>
                <c:pt idx="2442">
                  <c:v>800</c:v>
                </c:pt>
                <c:pt idx="2443">
                  <c:v>800</c:v>
                </c:pt>
                <c:pt idx="2444">
                  <c:v>800</c:v>
                </c:pt>
                <c:pt idx="2445">
                  <c:v>800</c:v>
                </c:pt>
                <c:pt idx="2446">
                  <c:v>800</c:v>
                </c:pt>
                <c:pt idx="2447">
                  <c:v>800</c:v>
                </c:pt>
                <c:pt idx="2448">
                  <c:v>800</c:v>
                </c:pt>
                <c:pt idx="2449">
                  <c:v>800</c:v>
                </c:pt>
                <c:pt idx="2450">
                  <c:v>800</c:v>
                </c:pt>
                <c:pt idx="2451">
                  <c:v>800</c:v>
                </c:pt>
                <c:pt idx="2452">
                  <c:v>800</c:v>
                </c:pt>
                <c:pt idx="2453">
                  <c:v>800</c:v>
                </c:pt>
                <c:pt idx="2454">
                  <c:v>800</c:v>
                </c:pt>
                <c:pt idx="2455">
                  <c:v>800</c:v>
                </c:pt>
                <c:pt idx="2456">
                  <c:v>800</c:v>
                </c:pt>
                <c:pt idx="2457">
                  <c:v>800</c:v>
                </c:pt>
                <c:pt idx="2458">
                  <c:v>800</c:v>
                </c:pt>
                <c:pt idx="2459">
                  <c:v>800</c:v>
                </c:pt>
                <c:pt idx="2460">
                  <c:v>800</c:v>
                </c:pt>
                <c:pt idx="2461">
                  <c:v>800</c:v>
                </c:pt>
                <c:pt idx="2462">
                  <c:v>800</c:v>
                </c:pt>
                <c:pt idx="2463">
                  <c:v>800</c:v>
                </c:pt>
                <c:pt idx="2464">
                  <c:v>800</c:v>
                </c:pt>
                <c:pt idx="2465">
                  <c:v>800</c:v>
                </c:pt>
                <c:pt idx="2466">
                  <c:v>800</c:v>
                </c:pt>
                <c:pt idx="2467">
                  <c:v>800</c:v>
                </c:pt>
                <c:pt idx="2468">
                  <c:v>800</c:v>
                </c:pt>
                <c:pt idx="2469">
                  <c:v>800</c:v>
                </c:pt>
                <c:pt idx="2470">
                  <c:v>800</c:v>
                </c:pt>
                <c:pt idx="2471">
                  <c:v>800</c:v>
                </c:pt>
                <c:pt idx="2472">
                  <c:v>800</c:v>
                </c:pt>
                <c:pt idx="2473">
                  <c:v>800</c:v>
                </c:pt>
                <c:pt idx="2474">
                  <c:v>800</c:v>
                </c:pt>
                <c:pt idx="2475">
                  <c:v>800</c:v>
                </c:pt>
                <c:pt idx="2476">
                  <c:v>800</c:v>
                </c:pt>
                <c:pt idx="2477">
                  <c:v>789</c:v>
                </c:pt>
                <c:pt idx="2478">
                  <c:v>789</c:v>
                </c:pt>
                <c:pt idx="2479">
                  <c:v>790</c:v>
                </c:pt>
                <c:pt idx="2480">
                  <c:v>790</c:v>
                </c:pt>
                <c:pt idx="2481">
                  <c:v>791</c:v>
                </c:pt>
                <c:pt idx="2482">
                  <c:v>791</c:v>
                </c:pt>
                <c:pt idx="2483">
                  <c:v>791</c:v>
                </c:pt>
                <c:pt idx="2484">
                  <c:v>792</c:v>
                </c:pt>
                <c:pt idx="2485">
                  <c:v>792</c:v>
                </c:pt>
                <c:pt idx="2486">
                  <c:v>793</c:v>
                </c:pt>
                <c:pt idx="2487">
                  <c:v>793</c:v>
                </c:pt>
                <c:pt idx="2488">
                  <c:v>793</c:v>
                </c:pt>
                <c:pt idx="2489">
                  <c:v>794</c:v>
                </c:pt>
                <c:pt idx="2490">
                  <c:v>794</c:v>
                </c:pt>
                <c:pt idx="2491">
                  <c:v>795</c:v>
                </c:pt>
                <c:pt idx="2492">
                  <c:v>795</c:v>
                </c:pt>
                <c:pt idx="2493">
                  <c:v>796</c:v>
                </c:pt>
                <c:pt idx="2494">
                  <c:v>796</c:v>
                </c:pt>
                <c:pt idx="2495">
                  <c:v>796</c:v>
                </c:pt>
                <c:pt idx="2496">
                  <c:v>797</c:v>
                </c:pt>
                <c:pt idx="2497">
                  <c:v>797</c:v>
                </c:pt>
                <c:pt idx="2498">
                  <c:v>798</c:v>
                </c:pt>
                <c:pt idx="2499">
                  <c:v>798</c:v>
                </c:pt>
                <c:pt idx="2500">
                  <c:v>798</c:v>
                </c:pt>
                <c:pt idx="2501">
                  <c:v>799</c:v>
                </c:pt>
                <c:pt idx="2502">
                  <c:v>799</c:v>
                </c:pt>
                <c:pt idx="2503">
                  <c:v>800</c:v>
                </c:pt>
                <c:pt idx="2504">
                  <c:v>800</c:v>
                </c:pt>
                <c:pt idx="2505">
                  <c:v>800</c:v>
                </c:pt>
                <c:pt idx="2506">
                  <c:v>800</c:v>
                </c:pt>
                <c:pt idx="2507">
                  <c:v>800</c:v>
                </c:pt>
                <c:pt idx="2508">
                  <c:v>800</c:v>
                </c:pt>
                <c:pt idx="2509">
                  <c:v>800</c:v>
                </c:pt>
                <c:pt idx="2510">
                  <c:v>800</c:v>
                </c:pt>
                <c:pt idx="2511">
                  <c:v>800</c:v>
                </c:pt>
                <c:pt idx="2512">
                  <c:v>800</c:v>
                </c:pt>
                <c:pt idx="2513">
                  <c:v>800</c:v>
                </c:pt>
                <c:pt idx="2514">
                  <c:v>800</c:v>
                </c:pt>
                <c:pt idx="2515">
                  <c:v>800</c:v>
                </c:pt>
                <c:pt idx="2516">
                  <c:v>800</c:v>
                </c:pt>
                <c:pt idx="2517">
                  <c:v>800</c:v>
                </c:pt>
                <c:pt idx="2518">
                  <c:v>800</c:v>
                </c:pt>
                <c:pt idx="2519">
                  <c:v>800</c:v>
                </c:pt>
                <c:pt idx="2520">
                  <c:v>800</c:v>
                </c:pt>
                <c:pt idx="2521">
                  <c:v>800</c:v>
                </c:pt>
                <c:pt idx="2522">
                  <c:v>800</c:v>
                </c:pt>
                <c:pt idx="2523">
                  <c:v>800</c:v>
                </c:pt>
                <c:pt idx="2524">
                  <c:v>800</c:v>
                </c:pt>
                <c:pt idx="2525">
                  <c:v>800</c:v>
                </c:pt>
                <c:pt idx="2526">
                  <c:v>800</c:v>
                </c:pt>
                <c:pt idx="2527">
                  <c:v>800</c:v>
                </c:pt>
                <c:pt idx="2528">
                  <c:v>800</c:v>
                </c:pt>
                <c:pt idx="2529">
                  <c:v>800</c:v>
                </c:pt>
                <c:pt idx="2530">
                  <c:v>800</c:v>
                </c:pt>
                <c:pt idx="2531">
                  <c:v>800</c:v>
                </c:pt>
                <c:pt idx="2532">
                  <c:v>800</c:v>
                </c:pt>
                <c:pt idx="2533">
                  <c:v>800</c:v>
                </c:pt>
                <c:pt idx="2534">
                  <c:v>800</c:v>
                </c:pt>
                <c:pt idx="2535">
                  <c:v>800</c:v>
                </c:pt>
                <c:pt idx="2536">
                  <c:v>800</c:v>
                </c:pt>
                <c:pt idx="2537">
                  <c:v>800</c:v>
                </c:pt>
                <c:pt idx="2538">
                  <c:v>800</c:v>
                </c:pt>
                <c:pt idx="2539">
                  <c:v>800</c:v>
                </c:pt>
                <c:pt idx="2540">
                  <c:v>800</c:v>
                </c:pt>
                <c:pt idx="2541">
                  <c:v>800</c:v>
                </c:pt>
                <c:pt idx="2542">
                  <c:v>800</c:v>
                </c:pt>
                <c:pt idx="2543">
                  <c:v>800</c:v>
                </c:pt>
                <c:pt idx="2544">
                  <c:v>800</c:v>
                </c:pt>
                <c:pt idx="2545">
                  <c:v>800</c:v>
                </c:pt>
                <c:pt idx="2546">
                  <c:v>800</c:v>
                </c:pt>
                <c:pt idx="2547">
                  <c:v>800</c:v>
                </c:pt>
                <c:pt idx="2548">
                  <c:v>800</c:v>
                </c:pt>
                <c:pt idx="2549">
                  <c:v>800</c:v>
                </c:pt>
                <c:pt idx="2550">
                  <c:v>800</c:v>
                </c:pt>
                <c:pt idx="2551">
                  <c:v>800</c:v>
                </c:pt>
                <c:pt idx="2552">
                  <c:v>800</c:v>
                </c:pt>
                <c:pt idx="2553">
                  <c:v>800</c:v>
                </c:pt>
                <c:pt idx="2554">
                  <c:v>800</c:v>
                </c:pt>
                <c:pt idx="2555">
                  <c:v>800</c:v>
                </c:pt>
                <c:pt idx="2556">
                  <c:v>800</c:v>
                </c:pt>
                <c:pt idx="2557">
                  <c:v>800</c:v>
                </c:pt>
                <c:pt idx="2558">
                  <c:v>800</c:v>
                </c:pt>
                <c:pt idx="2559">
                  <c:v>800</c:v>
                </c:pt>
                <c:pt idx="2560">
                  <c:v>800</c:v>
                </c:pt>
                <c:pt idx="2561">
                  <c:v>800</c:v>
                </c:pt>
                <c:pt idx="2562">
                  <c:v>800</c:v>
                </c:pt>
                <c:pt idx="2563">
                  <c:v>800</c:v>
                </c:pt>
                <c:pt idx="2564">
                  <c:v>800</c:v>
                </c:pt>
                <c:pt idx="2565">
                  <c:v>800</c:v>
                </c:pt>
                <c:pt idx="2566">
                  <c:v>800</c:v>
                </c:pt>
                <c:pt idx="2567">
                  <c:v>800</c:v>
                </c:pt>
                <c:pt idx="2568">
                  <c:v>800</c:v>
                </c:pt>
                <c:pt idx="2569">
                  <c:v>800</c:v>
                </c:pt>
                <c:pt idx="2570">
                  <c:v>800</c:v>
                </c:pt>
                <c:pt idx="2571">
                  <c:v>800</c:v>
                </c:pt>
                <c:pt idx="2572">
                  <c:v>800</c:v>
                </c:pt>
                <c:pt idx="2573">
                  <c:v>800</c:v>
                </c:pt>
                <c:pt idx="2574">
                  <c:v>800</c:v>
                </c:pt>
                <c:pt idx="2575">
                  <c:v>800</c:v>
                </c:pt>
                <c:pt idx="2576">
                  <c:v>800</c:v>
                </c:pt>
                <c:pt idx="2577">
                  <c:v>800</c:v>
                </c:pt>
                <c:pt idx="2578">
                  <c:v>800</c:v>
                </c:pt>
                <c:pt idx="2579">
                  <c:v>800</c:v>
                </c:pt>
                <c:pt idx="2580">
                  <c:v>800</c:v>
                </c:pt>
                <c:pt idx="2581">
                  <c:v>800</c:v>
                </c:pt>
                <c:pt idx="2582">
                  <c:v>800</c:v>
                </c:pt>
                <c:pt idx="2583">
                  <c:v>800</c:v>
                </c:pt>
                <c:pt idx="2584">
                  <c:v>800</c:v>
                </c:pt>
                <c:pt idx="2585">
                  <c:v>800</c:v>
                </c:pt>
                <c:pt idx="2586">
                  <c:v>800</c:v>
                </c:pt>
                <c:pt idx="2587">
                  <c:v>800</c:v>
                </c:pt>
                <c:pt idx="2588">
                  <c:v>800</c:v>
                </c:pt>
                <c:pt idx="2589">
                  <c:v>800</c:v>
                </c:pt>
                <c:pt idx="2590">
                  <c:v>800</c:v>
                </c:pt>
                <c:pt idx="2591">
                  <c:v>800</c:v>
                </c:pt>
                <c:pt idx="2592">
                  <c:v>800</c:v>
                </c:pt>
                <c:pt idx="2593">
                  <c:v>800</c:v>
                </c:pt>
                <c:pt idx="2594">
                  <c:v>800</c:v>
                </c:pt>
                <c:pt idx="2595">
                  <c:v>800</c:v>
                </c:pt>
                <c:pt idx="2596">
                  <c:v>800</c:v>
                </c:pt>
                <c:pt idx="2597">
                  <c:v>800</c:v>
                </c:pt>
                <c:pt idx="2598">
                  <c:v>800</c:v>
                </c:pt>
                <c:pt idx="2599">
                  <c:v>800</c:v>
                </c:pt>
                <c:pt idx="2600">
                  <c:v>800</c:v>
                </c:pt>
                <c:pt idx="2601">
                  <c:v>800</c:v>
                </c:pt>
                <c:pt idx="2602">
                  <c:v>800</c:v>
                </c:pt>
                <c:pt idx="2603">
                  <c:v>800</c:v>
                </c:pt>
                <c:pt idx="2604">
                  <c:v>800</c:v>
                </c:pt>
                <c:pt idx="2605">
                  <c:v>800</c:v>
                </c:pt>
                <c:pt idx="2606">
                  <c:v>800</c:v>
                </c:pt>
                <c:pt idx="2607">
                  <c:v>800</c:v>
                </c:pt>
                <c:pt idx="2608">
                  <c:v>800</c:v>
                </c:pt>
                <c:pt idx="2609">
                  <c:v>800</c:v>
                </c:pt>
                <c:pt idx="2610">
                  <c:v>800</c:v>
                </c:pt>
                <c:pt idx="2611">
                  <c:v>800</c:v>
                </c:pt>
                <c:pt idx="2612">
                  <c:v>800</c:v>
                </c:pt>
                <c:pt idx="2613">
                  <c:v>800</c:v>
                </c:pt>
                <c:pt idx="2614">
                  <c:v>800</c:v>
                </c:pt>
                <c:pt idx="2615">
                  <c:v>800</c:v>
                </c:pt>
                <c:pt idx="2616">
                  <c:v>800</c:v>
                </c:pt>
                <c:pt idx="2617">
                  <c:v>800</c:v>
                </c:pt>
                <c:pt idx="2618">
                  <c:v>800</c:v>
                </c:pt>
                <c:pt idx="2619">
                  <c:v>800</c:v>
                </c:pt>
                <c:pt idx="2620">
                  <c:v>800</c:v>
                </c:pt>
                <c:pt idx="2621">
                  <c:v>800</c:v>
                </c:pt>
                <c:pt idx="2622">
                  <c:v>800</c:v>
                </c:pt>
                <c:pt idx="2623">
                  <c:v>800</c:v>
                </c:pt>
                <c:pt idx="2624">
                  <c:v>800</c:v>
                </c:pt>
                <c:pt idx="2625">
                  <c:v>800</c:v>
                </c:pt>
                <c:pt idx="2626">
                  <c:v>800</c:v>
                </c:pt>
                <c:pt idx="2627">
                  <c:v>800</c:v>
                </c:pt>
                <c:pt idx="2628">
                  <c:v>800</c:v>
                </c:pt>
                <c:pt idx="2629">
                  <c:v>800</c:v>
                </c:pt>
                <c:pt idx="2630">
                  <c:v>800</c:v>
                </c:pt>
                <c:pt idx="2631">
                  <c:v>800</c:v>
                </c:pt>
                <c:pt idx="2632">
                  <c:v>800</c:v>
                </c:pt>
                <c:pt idx="2633">
                  <c:v>800</c:v>
                </c:pt>
                <c:pt idx="2634">
                  <c:v>800</c:v>
                </c:pt>
                <c:pt idx="2635">
                  <c:v>800</c:v>
                </c:pt>
                <c:pt idx="2636">
                  <c:v>800</c:v>
                </c:pt>
                <c:pt idx="2637">
                  <c:v>800</c:v>
                </c:pt>
                <c:pt idx="2638">
                  <c:v>800</c:v>
                </c:pt>
                <c:pt idx="2639">
                  <c:v>800</c:v>
                </c:pt>
                <c:pt idx="2640">
                  <c:v>800</c:v>
                </c:pt>
                <c:pt idx="2641">
                  <c:v>800</c:v>
                </c:pt>
                <c:pt idx="2642">
                  <c:v>800</c:v>
                </c:pt>
                <c:pt idx="2643">
                  <c:v>800</c:v>
                </c:pt>
                <c:pt idx="2644">
                  <c:v>800</c:v>
                </c:pt>
                <c:pt idx="2645">
                  <c:v>800</c:v>
                </c:pt>
                <c:pt idx="2646">
                  <c:v>800</c:v>
                </c:pt>
                <c:pt idx="2647">
                  <c:v>800</c:v>
                </c:pt>
                <c:pt idx="2648">
                  <c:v>800</c:v>
                </c:pt>
                <c:pt idx="2649">
                  <c:v>800</c:v>
                </c:pt>
                <c:pt idx="2650">
                  <c:v>800</c:v>
                </c:pt>
                <c:pt idx="2651">
                  <c:v>800</c:v>
                </c:pt>
                <c:pt idx="2652">
                  <c:v>800</c:v>
                </c:pt>
                <c:pt idx="2653">
                  <c:v>800</c:v>
                </c:pt>
                <c:pt idx="2654">
                  <c:v>800</c:v>
                </c:pt>
                <c:pt idx="2655">
                  <c:v>800</c:v>
                </c:pt>
                <c:pt idx="2656">
                  <c:v>800</c:v>
                </c:pt>
                <c:pt idx="2657">
                  <c:v>800</c:v>
                </c:pt>
                <c:pt idx="2658">
                  <c:v>800</c:v>
                </c:pt>
                <c:pt idx="2659">
                  <c:v>800</c:v>
                </c:pt>
                <c:pt idx="2660">
                  <c:v>800</c:v>
                </c:pt>
                <c:pt idx="2661">
                  <c:v>800</c:v>
                </c:pt>
                <c:pt idx="2662">
                  <c:v>800</c:v>
                </c:pt>
                <c:pt idx="2663">
                  <c:v>800</c:v>
                </c:pt>
                <c:pt idx="2664">
                  <c:v>800</c:v>
                </c:pt>
                <c:pt idx="2665">
                  <c:v>800</c:v>
                </c:pt>
                <c:pt idx="2666">
                  <c:v>800</c:v>
                </c:pt>
                <c:pt idx="2667">
                  <c:v>800</c:v>
                </c:pt>
                <c:pt idx="2668">
                  <c:v>800</c:v>
                </c:pt>
                <c:pt idx="2669">
                  <c:v>800</c:v>
                </c:pt>
                <c:pt idx="2670">
                  <c:v>800</c:v>
                </c:pt>
                <c:pt idx="2671">
                  <c:v>800</c:v>
                </c:pt>
                <c:pt idx="2672">
                  <c:v>800</c:v>
                </c:pt>
                <c:pt idx="2673">
                  <c:v>800</c:v>
                </c:pt>
                <c:pt idx="2674">
                  <c:v>800</c:v>
                </c:pt>
                <c:pt idx="2675">
                  <c:v>800</c:v>
                </c:pt>
                <c:pt idx="2676">
                  <c:v>800</c:v>
                </c:pt>
                <c:pt idx="2677">
                  <c:v>800</c:v>
                </c:pt>
                <c:pt idx="2678">
                  <c:v>800</c:v>
                </c:pt>
                <c:pt idx="2679">
                  <c:v>800</c:v>
                </c:pt>
                <c:pt idx="2680">
                  <c:v>800</c:v>
                </c:pt>
                <c:pt idx="2681">
                  <c:v>800</c:v>
                </c:pt>
                <c:pt idx="2682">
                  <c:v>800</c:v>
                </c:pt>
                <c:pt idx="2683">
                  <c:v>800</c:v>
                </c:pt>
                <c:pt idx="2684">
                  <c:v>800</c:v>
                </c:pt>
                <c:pt idx="2685">
                  <c:v>800</c:v>
                </c:pt>
                <c:pt idx="2686">
                  <c:v>800</c:v>
                </c:pt>
                <c:pt idx="2687">
                  <c:v>800</c:v>
                </c:pt>
                <c:pt idx="2688">
                  <c:v>800</c:v>
                </c:pt>
                <c:pt idx="2689">
                  <c:v>800</c:v>
                </c:pt>
                <c:pt idx="2690">
                  <c:v>800</c:v>
                </c:pt>
                <c:pt idx="2691">
                  <c:v>800</c:v>
                </c:pt>
                <c:pt idx="2692">
                  <c:v>800</c:v>
                </c:pt>
                <c:pt idx="2693">
                  <c:v>800</c:v>
                </c:pt>
                <c:pt idx="2694">
                  <c:v>800</c:v>
                </c:pt>
                <c:pt idx="2695">
                  <c:v>800</c:v>
                </c:pt>
                <c:pt idx="2696">
                  <c:v>800</c:v>
                </c:pt>
                <c:pt idx="2697">
                  <c:v>800</c:v>
                </c:pt>
                <c:pt idx="2698">
                  <c:v>800</c:v>
                </c:pt>
                <c:pt idx="2699">
                  <c:v>800</c:v>
                </c:pt>
                <c:pt idx="2700">
                  <c:v>800</c:v>
                </c:pt>
                <c:pt idx="2701">
                  <c:v>800</c:v>
                </c:pt>
                <c:pt idx="2702">
                  <c:v>800</c:v>
                </c:pt>
                <c:pt idx="2703">
                  <c:v>800</c:v>
                </c:pt>
                <c:pt idx="2704">
                  <c:v>800</c:v>
                </c:pt>
                <c:pt idx="2705">
                  <c:v>800</c:v>
                </c:pt>
                <c:pt idx="2706">
                  <c:v>800</c:v>
                </c:pt>
                <c:pt idx="2707">
                  <c:v>800</c:v>
                </c:pt>
                <c:pt idx="2708">
                  <c:v>800</c:v>
                </c:pt>
                <c:pt idx="2709">
                  <c:v>800</c:v>
                </c:pt>
                <c:pt idx="2710">
                  <c:v>800</c:v>
                </c:pt>
                <c:pt idx="2711">
                  <c:v>800</c:v>
                </c:pt>
                <c:pt idx="2712">
                  <c:v>800</c:v>
                </c:pt>
                <c:pt idx="2713">
                  <c:v>800</c:v>
                </c:pt>
                <c:pt idx="2714">
                  <c:v>800</c:v>
                </c:pt>
                <c:pt idx="2715">
                  <c:v>800</c:v>
                </c:pt>
                <c:pt idx="2716">
                  <c:v>800</c:v>
                </c:pt>
                <c:pt idx="2717">
                  <c:v>800</c:v>
                </c:pt>
                <c:pt idx="2718">
                  <c:v>800</c:v>
                </c:pt>
                <c:pt idx="2719">
                  <c:v>800</c:v>
                </c:pt>
                <c:pt idx="2720">
                  <c:v>800</c:v>
                </c:pt>
                <c:pt idx="2721">
                  <c:v>800</c:v>
                </c:pt>
                <c:pt idx="2722">
                  <c:v>800</c:v>
                </c:pt>
                <c:pt idx="2723">
                  <c:v>800</c:v>
                </c:pt>
                <c:pt idx="2724">
                  <c:v>800</c:v>
                </c:pt>
                <c:pt idx="2725">
                  <c:v>800</c:v>
                </c:pt>
                <c:pt idx="2726">
                  <c:v>800</c:v>
                </c:pt>
                <c:pt idx="2727">
                  <c:v>800</c:v>
                </c:pt>
                <c:pt idx="2728">
                  <c:v>800</c:v>
                </c:pt>
                <c:pt idx="2729">
                  <c:v>800</c:v>
                </c:pt>
                <c:pt idx="2730">
                  <c:v>800</c:v>
                </c:pt>
                <c:pt idx="2731">
                  <c:v>800</c:v>
                </c:pt>
                <c:pt idx="2732">
                  <c:v>800</c:v>
                </c:pt>
                <c:pt idx="2733">
                  <c:v>800</c:v>
                </c:pt>
                <c:pt idx="2734">
                  <c:v>800</c:v>
                </c:pt>
                <c:pt idx="2735">
                  <c:v>800</c:v>
                </c:pt>
                <c:pt idx="2736">
                  <c:v>800</c:v>
                </c:pt>
                <c:pt idx="2737">
                  <c:v>800</c:v>
                </c:pt>
                <c:pt idx="2738">
                  <c:v>800</c:v>
                </c:pt>
                <c:pt idx="2739">
                  <c:v>800</c:v>
                </c:pt>
                <c:pt idx="2740">
                  <c:v>800</c:v>
                </c:pt>
                <c:pt idx="2741">
                  <c:v>800</c:v>
                </c:pt>
                <c:pt idx="2742">
                  <c:v>800</c:v>
                </c:pt>
                <c:pt idx="2743">
                  <c:v>800</c:v>
                </c:pt>
                <c:pt idx="2744">
                  <c:v>800</c:v>
                </c:pt>
                <c:pt idx="2745">
                  <c:v>800</c:v>
                </c:pt>
                <c:pt idx="2746">
                  <c:v>800</c:v>
                </c:pt>
                <c:pt idx="2747">
                  <c:v>800</c:v>
                </c:pt>
                <c:pt idx="2748">
                  <c:v>800</c:v>
                </c:pt>
                <c:pt idx="2749">
                  <c:v>800</c:v>
                </c:pt>
                <c:pt idx="2750">
                  <c:v>800</c:v>
                </c:pt>
                <c:pt idx="2751">
                  <c:v>800</c:v>
                </c:pt>
                <c:pt idx="2752">
                  <c:v>800</c:v>
                </c:pt>
                <c:pt idx="2753">
                  <c:v>800</c:v>
                </c:pt>
                <c:pt idx="2754">
                  <c:v>800</c:v>
                </c:pt>
                <c:pt idx="2755">
                  <c:v>800</c:v>
                </c:pt>
                <c:pt idx="2756">
                  <c:v>800</c:v>
                </c:pt>
                <c:pt idx="2757">
                  <c:v>800</c:v>
                </c:pt>
                <c:pt idx="2758">
                  <c:v>800</c:v>
                </c:pt>
                <c:pt idx="2759">
                  <c:v>800</c:v>
                </c:pt>
                <c:pt idx="2760">
                  <c:v>800</c:v>
                </c:pt>
                <c:pt idx="2761">
                  <c:v>800</c:v>
                </c:pt>
                <c:pt idx="2762">
                  <c:v>800</c:v>
                </c:pt>
                <c:pt idx="2763">
                  <c:v>800</c:v>
                </c:pt>
                <c:pt idx="2764">
                  <c:v>800</c:v>
                </c:pt>
                <c:pt idx="2765">
                  <c:v>800</c:v>
                </c:pt>
                <c:pt idx="2766">
                  <c:v>800</c:v>
                </c:pt>
                <c:pt idx="2767">
                  <c:v>800</c:v>
                </c:pt>
                <c:pt idx="2768">
                  <c:v>800</c:v>
                </c:pt>
                <c:pt idx="2769">
                  <c:v>800</c:v>
                </c:pt>
                <c:pt idx="2770">
                  <c:v>800</c:v>
                </c:pt>
                <c:pt idx="2771">
                  <c:v>800</c:v>
                </c:pt>
                <c:pt idx="2772">
                  <c:v>800</c:v>
                </c:pt>
                <c:pt idx="2773">
                  <c:v>800</c:v>
                </c:pt>
                <c:pt idx="2774">
                  <c:v>800</c:v>
                </c:pt>
                <c:pt idx="2775">
                  <c:v>800</c:v>
                </c:pt>
                <c:pt idx="2776">
                  <c:v>800</c:v>
                </c:pt>
                <c:pt idx="2777">
                  <c:v>800</c:v>
                </c:pt>
                <c:pt idx="2778">
                  <c:v>800</c:v>
                </c:pt>
                <c:pt idx="2779">
                  <c:v>800</c:v>
                </c:pt>
                <c:pt idx="2780">
                  <c:v>800</c:v>
                </c:pt>
                <c:pt idx="2781">
                  <c:v>800</c:v>
                </c:pt>
                <c:pt idx="2782">
                  <c:v>800</c:v>
                </c:pt>
                <c:pt idx="2783">
                  <c:v>800</c:v>
                </c:pt>
                <c:pt idx="2784">
                  <c:v>800</c:v>
                </c:pt>
                <c:pt idx="2785">
                  <c:v>800</c:v>
                </c:pt>
                <c:pt idx="2786">
                  <c:v>800</c:v>
                </c:pt>
                <c:pt idx="2787">
                  <c:v>800</c:v>
                </c:pt>
                <c:pt idx="2788">
                  <c:v>800</c:v>
                </c:pt>
                <c:pt idx="2789">
                  <c:v>800</c:v>
                </c:pt>
                <c:pt idx="2790">
                  <c:v>800</c:v>
                </c:pt>
                <c:pt idx="2791">
                  <c:v>800</c:v>
                </c:pt>
                <c:pt idx="2792">
                  <c:v>800</c:v>
                </c:pt>
                <c:pt idx="2793">
                  <c:v>800</c:v>
                </c:pt>
                <c:pt idx="2794">
                  <c:v>800</c:v>
                </c:pt>
                <c:pt idx="2795">
                  <c:v>800</c:v>
                </c:pt>
                <c:pt idx="2796">
                  <c:v>800</c:v>
                </c:pt>
                <c:pt idx="2797">
                  <c:v>800</c:v>
                </c:pt>
                <c:pt idx="2798">
                  <c:v>800</c:v>
                </c:pt>
                <c:pt idx="2799">
                  <c:v>800</c:v>
                </c:pt>
                <c:pt idx="2800">
                  <c:v>800</c:v>
                </c:pt>
                <c:pt idx="2801">
                  <c:v>800</c:v>
                </c:pt>
                <c:pt idx="2802">
                  <c:v>800</c:v>
                </c:pt>
              </c:numCache>
            </c:numRef>
          </c:xVal>
          <c:yVal>
            <c:numRef>
              <c:f>'Fig 6'!$M$9:$M$2811</c:f>
              <c:numCache>
                <c:formatCode>General</c:formatCode>
                <c:ptCount val="2803"/>
                <c:pt idx="0">
                  <c:v>100</c:v>
                </c:pt>
                <c:pt idx="1">
                  <c:v>99.989937419363258</c:v>
                </c:pt>
                <c:pt idx="2">
                  <c:v>99.9802577193215</c:v>
                </c:pt>
                <c:pt idx="3">
                  <c:v>99.970996794930471</c:v>
                </c:pt>
                <c:pt idx="4">
                  <c:v>99.961723905520856</c:v>
                </c:pt>
                <c:pt idx="5">
                  <c:v>99.952462981129855</c:v>
                </c:pt>
                <c:pt idx="6">
                  <c:v>99.943596902352411</c:v>
                </c:pt>
                <c:pt idx="7">
                  <c:v>99.934730823574967</c:v>
                </c:pt>
                <c:pt idx="8">
                  <c:v>99.926271555429679</c:v>
                </c:pt>
                <c:pt idx="9">
                  <c:v>99.918207132897962</c:v>
                </c:pt>
                <c:pt idx="10">
                  <c:v>99.91015467538486</c:v>
                </c:pt>
                <c:pt idx="11">
                  <c:v>99.902090252853128</c:v>
                </c:pt>
                <c:pt idx="12">
                  <c:v>99.894432640953596</c:v>
                </c:pt>
                <c:pt idx="13">
                  <c:v>99.886786994072651</c:v>
                </c:pt>
                <c:pt idx="14">
                  <c:v>99.879524227786661</c:v>
                </c:pt>
                <c:pt idx="15">
                  <c:v>99.872273426519314</c:v>
                </c:pt>
                <c:pt idx="16">
                  <c:v>99.865022625251896</c:v>
                </c:pt>
                <c:pt idx="17">
                  <c:v>99.858178634616678</c:v>
                </c:pt>
                <c:pt idx="18">
                  <c:v>99.851322678962873</c:v>
                </c:pt>
                <c:pt idx="19">
                  <c:v>99.844478688327655</c:v>
                </c:pt>
                <c:pt idx="20">
                  <c:v>99.838029543306021</c:v>
                </c:pt>
                <c:pt idx="21">
                  <c:v>99.831580398284359</c:v>
                </c:pt>
                <c:pt idx="22">
                  <c:v>99.825538063894868</c:v>
                </c:pt>
                <c:pt idx="23">
                  <c:v>99.81908891887322</c:v>
                </c:pt>
                <c:pt idx="24">
                  <c:v>99.813046584483743</c:v>
                </c:pt>
                <c:pt idx="25">
                  <c:v>99.807411060726423</c:v>
                </c:pt>
                <c:pt idx="26">
                  <c:v>99.801763571950502</c:v>
                </c:pt>
                <c:pt idx="27">
                  <c:v>99.796128048193182</c:v>
                </c:pt>
                <c:pt idx="28">
                  <c:v>99.790480559417247</c:v>
                </c:pt>
                <c:pt idx="29">
                  <c:v>99.785239881273512</c:v>
                </c:pt>
                <c:pt idx="30">
                  <c:v>99.780011168148349</c:v>
                </c:pt>
                <c:pt idx="31">
                  <c:v>99.774770490004599</c:v>
                </c:pt>
                <c:pt idx="32">
                  <c:v>99.769529811860863</c:v>
                </c:pt>
                <c:pt idx="33">
                  <c:v>99.76469594434927</c:v>
                </c:pt>
                <c:pt idx="34">
                  <c:v>99.759862076837663</c:v>
                </c:pt>
                <c:pt idx="35">
                  <c:v>99.755028209326071</c:v>
                </c:pt>
                <c:pt idx="36">
                  <c:v>99.750589187428062</c:v>
                </c:pt>
                <c:pt idx="37">
                  <c:v>99.745755319916483</c:v>
                </c:pt>
                <c:pt idx="38">
                  <c:v>99.741328263037047</c:v>
                </c:pt>
                <c:pt idx="39">
                  <c:v>99.736889241139025</c:v>
                </c:pt>
                <c:pt idx="40">
                  <c:v>99.732462184259603</c:v>
                </c:pt>
                <c:pt idx="41">
                  <c:v>99.728429972993766</c:v>
                </c:pt>
                <c:pt idx="42">
                  <c:v>99.724409726746501</c:v>
                </c:pt>
                <c:pt idx="43">
                  <c:v>99.719970704848478</c:v>
                </c:pt>
                <c:pt idx="44">
                  <c:v>99.715938493582641</c:v>
                </c:pt>
                <c:pt idx="45">
                  <c:v>99.711918247335348</c:v>
                </c:pt>
                <c:pt idx="46">
                  <c:v>99.70788603606951</c:v>
                </c:pt>
                <c:pt idx="47">
                  <c:v>99.704260635435801</c:v>
                </c:pt>
                <c:pt idx="48">
                  <c:v>99.70022842416995</c:v>
                </c:pt>
                <c:pt idx="49">
                  <c:v>99.696603023536269</c:v>
                </c:pt>
                <c:pt idx="50">
                  <c:v>99.692977622902561</c:v>
                </c:pt>
                <c:pt idx="51">
                  <c:v>99.688945411636723</c:v>
                </c:pt>
                <c:pt idx="52">
                  <c:v>99.685320011003043</c:v>
                </c:pt>
                <c:pt idx="53">
                  <c:v>99.681287799737177</c:v>
                </c:pt>
                <c:pt idx="54">
                  <c:v>99.677662399103482</c:v>
                </c:pt>
                <c:pt idx="55">
                  <c:v>99.673630187837631</c:v>
                </c:pt>
                <c:pt idx="56">
                  <c:v>99.669203130958195</c:v>
                </c:pt>
                <c:pt idx="57">
                  <c:v>99.665170919692343</c:v>
                </c:pt>
                <c:pt idx="58">
                  <c:v>99.661138708426492</c:v>
                </c:pt>
                <c:pt idx="59">
                  <c:v>99.656711651547056</c:v>
                </c:pt>
                <c:pt idx="60">
                  <c:v>99.652679440281204</c:v>
                </c:pt>
                <c:pt idx="61">
                  <c:v>99.648252383401783</c:v>
                </c:pt>
                <c:pt idx="62">
                  <c:v>99.64381336150376</c:v>
                </c:pt>
                <c:pt idx="63">
                  <c:v>99.639386304624338</c:v>
                </c:pt>
                <c:pt idx="64">
                  <c:v>99.634959247744931</c:v>
                </c:pt>
                <c:pt idx="65">
                  <c:v>99.630520225846908</c:v>
                </c:pt>
                <c:pt idx="66">
                  <c:v>99.626093168967472</c:v>
                </c:pt>
                <c:pt idx="67">
                  <c:v>99.621259301455893</c:v>
                </c:pt>
                <c:pt idx="68">
                  <c:v>99.616820279557885</c:v>
                </c:pt>
                <c:pt idx="69">
                  <c:v>99.612393222678463</c:v>
                </c:pt>
                <c:pt idx="70">
                  <c:v>99.607559355166856</c:v>
                </c:pt>
                <c:pt idx="71">
                  <c:v>99.603120333268834</c:v>
                </c:pt>
                <c:pt idx="72">
                  <c:v>99.598693276389412</c:v>
                </c:pt>
                <c:pt idx="73">
                  <c:v>99.593859408877819</c:v>
                </c:pt>
                <c:pt idx="74">
                  <c:v>99.58942038697981</c:v>
                </c:pt>
                <c:pt idx="75">
                  <c:v>99.584993330100389</c:v>
                </c:pt>
                <c:pt idx="76">
                  <c:v>99.580159462588796</c:v>
                </c:pt>
                <c:pt idx="77">
                  <c:v>99.576127251322959</c:v>
                </c:pt>
                <c:pt idx="78">
                  <c:v>99.571700194443522</c:v>
                </c:pt>
                <c:pt idx="79">
                  <c:v>99.567667983177671</c:v>
                </c:pt>
                <c:pt idx="80">
                  <c:v>99.563635771911819</c:v>
                </c:pt>
                <c:pt idx="81">
                  <c:v>99.560010371278111</c:v>
                </c:pt>
                <c:pt idx="82">
                  <c:v>99.556384970644416</c:v>
                </c:pt>
                <c:pt idx="83">
                  <c:v>99.553166380642892</c:v>
                </c:pt>
                <c:pt idx="84">
                  <c:v>99.549935825622768</c:v>
                </c:pt>
                <c:pt idx="85">
                  <c:v>99.547112081234815</c:v>
                </c:pt>
                <c:pt idx="86">
                  <c:v>99.544300301865434</c:v>
                </c:pt>
                <c:pt idx="87">
                  <c:v>99.541476557477509</c:v>
                </c:pt>
                <c:pt idx="88">
                  <c:v>99.538652813089527</c:v>
                </c:pt>
                <c:pt idx="89">
                  <c:v>99.536642689965902</c:v>
                </c:pt>
                <c:pt idx="90">
                  <c:v>99.534225756210091</c:v>
                </c:pt>
                <c:pt idx="91">
                  <c:v>99.532203668067893</c:v>
                </c:pt>
                <c:pt idx="92">
                  <c:v>99.53019354494424</c:v>
                </c:pt>
                <c:pt idx="93">
                  <c:v>99.528578267434185</c:v>
                </c:pt>
                <c:pt idx="94">
                  <c:v>99.526974954942744</c:v>
                </c:pt>
                <c:pt idx="95">
                  <c:v>99.525359677432661</c:v>
                </c:pt>
                <c:pt idx="96">
                  <c:v>99.524151210554763</c:v>
                </c:pt>
                <c:pt idx="97">
                  <c:v>99.522942743676865</c:v>
                </c:pt>
                <c:pt idx="98">
                  <c:v>99.521734276798966</c:v>
                </c:pt>
                <c:pt idx="99">
                  <c:v>99.520920655534653</c:v>
                </c:pt>
                <c:pt idx="100">
                  <c:v>99.51971218865674</c:v>
                </c:pt>
                <c:pt idx="101">
                  <c:v>99.518910532411027</c:v>
                </c:pt>
                <c:pt idx="102">
                  <c:v>99.518108876165286</c:v>
                </c:pt>
                <c:pt idx="103">
                  <c:v>99.517702065533115</c:v>
                </c:pt>
                <c:pt idx="104">
                  <c:v>99.517295254900958</c:v>
                </c:pt>
                <c:pt idx="105">
                  <c:v>99.516493598655231</c:v>
                </c:pt>
                <c:pt idx="106">
                  <c:v>99.51608678802306</c:v>
                </c:pt>
                <c:pt idx="107">
                  <c:v>99.515691942409489</c:v>
                </c:pt>
                <c:pt idx="108">
                  <c:v>99.515285131777318</c:v>
                </c:pt>
                <c:pt idx="109">
                  <c:v>99.514483475531591</c:v>
                </c:pt>
                <c:pt idx="110">
                  <c:v>99.514076664899449</c:v>
                </c:pt>
                <c:pt idx="111">
                  <c:v>99.513669854267263</c:v>
                </c:pt>
                <c:pt idx="112">
                  <c:v>99.513275008653679</c:v>
                </c:pt>
                <c:pt idx="113">
                  <c:v>99.512868198021536</c:v>
                </c:pt>
                <c:pt idx="114">
                  <c:v>99.512461387389379</c:v>
                </c:pt>
                <c:pt idx="115">
                  <c:v>99.511659731143638</c:v>
                </c:pt>
                <c:pt idx="116">
                  <c:v>99.511252920511467</c:v>
                </c:pt>
                <c:pt idx="117">
                  <c:v>99.510858074897897</c:v>
                </c:pt>
                <c:pt idx="118">
                  <c:v>99.510044453633583</c:v>
                </c:pt>
                <c:pt idx="119">
                  <c:v>99.509649608020013</c:v>
                </c:pt>
                <c:pt idx="120">
                  <c:v>99.508835986755685</c:v>
                </c:pt>
                <c:pt idx="121">
                  <c:v>99.508034330509943</c:v>
                </c:pt>
                <c:pt idx="122">
                  <c:v>99.507232674264216</c:v>
                </c:pt>
                <c:pt idx="123">
                  <c:v>99.506419052999888</c:v>
                </c:pt>
                <c:pt idx="124">
                  <c:v>99.505617396754147</c:v>
                </c:pt>
                <c:pt idx="125">
                  <c:v>99.504803775489819</c:v>
                </c:pt>
                <c:pt idx="126">
                  <c:v>99.504002119244092</c:v>
                </c:pt>
                <c:pt idx="127">
                  <c:v>99.503200462998365</c:v>
                </c:pt>
                <c:pt idx="128">
                  <c:v>99.502386841734022</c:v>
                </c:pt>
                <c:pt idx="129">
                  <c:v>99.50158518548831</c:v>
                </c:pt>
                <c:pt idx="130">
                  <c:v>99.500783529242568</c:v>
                </c:pt>
                <c:pt idx="131">
                  <c:v>99.49996990797824</c:v>
                </c:pt>
                <c:pt idx="132">
                  <c:v>99.499168251732499</c:v>
                </c:pt>
                <c:pt idx="133">
                  <c:v>99.498366595486772</c:v>
                </c:pt>
                <c:pt idx="134">
                  <c:v>99.49755297422243</c:v>
                </c:pt>
                <c:pt idx="135">
                  <c:v>99.496751317976702</c:v>
                </c:pt>
                <c:pt idx="136">
                  <c:v>99.495949661730961</c:v>
                </c:pt>
                <c:pt idx="137">
                  <c:v>99.495136040466662</c:v>
                </c:pt>
                <c:pt idx="138">
                  <c:v>99.494334384220934</c:v>
                </c:pt>
                <c:pt idx="139">
                  <c:v>99.493532727975165</c:v>
                </c:pt>
                <c:pt idx="140">
                  <c:v>99.492719106710865</c:v>
                </c:pt>
                <c:pt idx="141">
                  <c:v>99.491917450465124</c:v>
                </c:pt>
                <c:pt idx="142">
                  <c:v>99.491115794219382</c:v>
                </c:pt>
                <c:pt idx="143">
                  <c:v>99.490302172955083</c:v>
                </c:pt>
                <c:pt idx="144">
                  <c:v>99.489500516709313</c:v>
                </c:pt>
                <c:pt idx="145">
                  <c:v>99.489093706077171</c:v>
                </c:pt>
                <c:pt idx="146">
                  <c:v>99.488292049831443</c:v>
                </c:pt>
                <c:pt idx="147">
                  <c:v>99.487478428567087</c:v>
                </c:pt>
                <c:pt idx="148">
                  <c:v>99.487083582953531</c:v>
                </c:pt>
                <c:pt idx="149">
                  <c:v>99.486269961689217</c:v>
                </c:pt>
                <c:pt idx="150">
                  <c:v>99.485875116075633</c:v>
                </c:pt>
                <c:pt idx="151">
                  <c:v>99.485061494811305</c:v>
                </c:pt>
                <c:pt idx="152">
                  <c:v>99.484259838565578</c:v>
                </c:pt>
                <c:pt idx="153">
                  <c:v>99.483853027933407</c:v>
                </c:pt>
                <c:pt idx="154">
                  <c:v>99.483051371687665</c:v>
                </c:pt>
                <c:pt idx="155">
                  <c:v>99.482644561055508</c:v>
                </c:pt>
                <c:pt idx="156">
                  <c:v>99.481842904809781</c:v>
                </c:pt>
                <c:pt idx="157">
                  <c:v>99.48143609417761</c:v>
                </c:pt>
                <c:pt idx="158">
                  <c:v>99.480634437931869</c:v>
                </c:pt>
                <c:pt idx="159">
                  <c:v>99.48022762729974</c:v>
                </c:pt>
                <c:pt idx="160">
                  <c:v>99.479832781686142</c:v>
                </c:pt>
                <c:pt idx="161">
                  <c:v>99.479019160421828</c:v>
                </c:pt>
                <c:pt idx="162">
                  <c:v>99.478624314808243</c:v>
                </c:pt>
                <c:pt idx="163">
                  <c:v>99.477810693543915</c:v>
                </c:pt>
                <c:pt idx="164">
                  <c:v>99.477415847930359</c:v>
                </c:pt>
                <c:pt idx="165">
                  <c:v>99.476602226666017</c:v>
                </c:pt>
                <c:pt idx="166">
                  <c:v>99.476207381052447</c:v>
                </c:pt>
                <c:pt idx="167">
                  <c:v>99.47580057042029</c:v>
                </c:pt>
                <c:pt idx="168">
                  <c:v>99.474998914174563</c:v>
                </c:pt>
                <c:pt idx="169">
                  <c:v>99.474592103542392</c:v>
                </c:pt>
                <c:pt idx="170">
                  <c:v>99.474185292910235</c:v>
                </c:pt>
                <c:pt idx="171">
                  <c:v>99.473383636664508</c:v>
                </c:pt>
                <c:pt idx="172">
                  <c:v>99.472976826032351</c:v>
                </c:pt>
                <c:pt idx="173">
                  <c:v>99.472175169786595</c:v>
                </c:pt>
                <c:pt idx="174">
                  <c:v>99.471768359154439</c:v>
                </c:pt>
                <c:pt idx="175">
                  <c:v>99.471361548522282</c:v>
                </c:pt>
                <c:pt idx="176">
                  <c:v>99.470559892276526</c:v>
                </c:pt>
                <c:pt idx="177">
                  <c:v>99.470153081644384</c:v>
                </c:pt>
                <c:pt idx="178">
                  <c:v>99.469758236030799</c:v>
                </c:pt>
                <c:pt idx="179">
                  <c:v>99.469351425398656</c:v>
                </c:pt>
                <c:pt idx="180">
                  <c:v>99.468549769152915</c:v>
                </c:pt>
                <c:pt idx="181">
                  <c:v>99.468142958520744</c:v>
                </c:pt>
                <c:pt idx="182">
                  <c:v>99.467736147888587</c:v>
                </c:pt>
                <c:pt idx="183">
                  <c:v>99.467341302275017</c:v>
                </c:pt>
                <c:pt idx="184">
                  <c:v>99.466527681010689</c:v>
                </c:pt>
                <c:pt idx="185">
                  <c:v>99.466132835397119</c:v>
                </c:pt>
                <c:pt idx="186">
                  <c:v>99.465726024764948</c:v>
                </c:pt>
                <c:pt idx="187">
                  <c:v>99.465319214132791</c:v>
                </c:pt>
                <c:pt idx="188">
                  <c:v>99.46492436851922</c:v>
                </c:pt>
                <c:pt idx="189">
                  <c:v>99.464517557887064</c:v>
                </c:pt>
                <c:pt idx="190">
                  <c:v>99.463715901641308</c:v>
                </c:pt>
                <c:pt idx="191">
                  <c:v>99.463309091009165</c:v>
                </c:pt>
                <c:pt idx="192">
                  <c:v>99.462902280376994</c:v>
                </c:pt>
                <c:pt idx="193">
                  <c:v>99.462507434763438</c:v>
                </c:pt>
                <c:pt idx="194">
                  <c:v>99.462100624131253</c:v>
                </c:pt>
                <c:pt idx="195">
                  <c:v>99.461693813499082</c:v>
                </c:pt>
                <c:pt idx="196">
                  <c:v>99.460892157253355</c:v>
                </c:pt>
                <c:pt idx="197">
                  <c:v>99.460485346621212</c:v>
                </c:pt>
                <c:pt idx="198">
                  <c:v>99.460090501007642</c:v>
                </c:pt>
                <c:pt idx="199">
                  <c:v>99.459683690375442</c:v>
                </c:pt>
                <c:pt idx="200">
                  <c:v>99.459276879743314</c:v>
                </c:pt>
                <c:pt idx="201">
                  <c:v>99.458882034129729</c:v>
                </c:pt>
                <c:pt idx="202">
                  <c:v>99.458475223497572</c:v>
                </c:pt>
                <c:pt idx="203">
                  <c:v>99.458068412865416</c:v>
                </c:pt>
                <c:pt idx="204">
                  <c:v>99.457661602233244</c:v>
                </c:pt>
                <c:pt idx="205">
                  <c:v>99.45726675661966</c:v>
                </c:pt>
                <c:pt idx="206">
                  <c:v>99.456859945987503</c:v>
                </c:pt>
                <c:pt idx="207">
                  <c:v>99.45645313535536</c:v>
                </c:pt>
                <c:pt idx="208">
                  <c:v>99.456058289741776</c:v>
                </c:pt>
                <c:pt idx="209">
                  <c:v>99.455651479109591</c:v>
                </c:pt>
                <c:pt idx="210">
                  <c:v>99.455244668477434</c:v>
                </c:pt>
                <c:pt idx="211">
                  <c:v>99.454849822863864</c:v>
                </c:pt>
                <c:pt idx="212">
                  <c:v>99.454443012231735</c:v>
                </c:pt>
                <c:pt idx="213">
                  <c:v>99.45403620159955</c:v>
                </c:pt>
                <c:pt idx="214">
                  <c:v>99.453641355985994</c:v>
                </c:pt>
                <c:pt idx="215">
                  <c:v>99.453234545353823</c:v>
                </c:pt>
                <c:pt idx="216">
                  <c:v>99.452827734721652</c:v>
                </c:pt>
                <c:pt idx="217">
                  <c:v>99.452432889108096</c:v>
                </c:pt>
                <c:pt idx="218">
                  <c:v>99.452026078475924</c:v>
                </c:pt>
                <c:pt idx="219">
                  <c:v>99.451619267843739</c:v>
                </c:pt>
                <c:pt idx="220">
                  <c:v>99.451224422230197</c:v>
                </c:pt>
                <c:pt idx="221">
                  <c:v>99.450817611598012</c:v>
                </c:pt>
                <c:pt idx="222">
                  <c:v>99.450410800965855</c:v>
                </c:pt>
                <c:pt idx="223">
                  <c:v>99.450015955352285</c:v>
                </c:pt>
                <c:pt idx="224">
                  <c:v>99.449609144720128</c:v>
                </c:pt>
                <c:pt idx="225">
                  <c:v>99.449202334087957</c:v>
                </c:pt>
                <c:pt idx="226">
                  <c:v>99.448807488474372</c:v>
                </c:pt>
                <c:pt idx="227">
                  <c:v>99.448400677842216</c:v>
                </c:pt>
                <c:pt idx="228">
                  <c:v>99.447993867210073</c:v>
                </c:pt>
                <c:pt idx="229">
                  <c:v>99.447599021596488</c:v>
                </c:pt>
                <c:pt idx="230">
                  <c:v>99.447192210964332</c:v>
                </c:pt>
                <c:pt idx="231">
                  <c:v>99.446785400332161</c:v>
                </c:pt>
                <c:pt idx="232">
                  <c:v>99.44639055471859</c:v>
                </c:pt>
                <c:pt idx="233">
                  <c:v>99.445983744086433</c:v>
                </c:pt>
                <c:pt idx="234">
                  <c:v>99.445983744086433</c:v>
                </c:pt>
                <c:pt idx="235">
                  <c:v>99.445576933454277</c:v>
                </c:pt>
                <c:pt idx="236">
                  <c:v>99.445182087840706</c:v>
                </c:pt>
                <c:pt idx="237">
                  <c:v>99.444775277208521</c:v>
                </c:pt>
                <c:pt idx="238">
                  <c:v>99.444368466576378</c:v>
                </c:pt>
                <c:pt idx="239">
                  <c:v>99.443973620962794</c:v>
                </c:pt>
                <c:pt idx="240">
                  <c:v>99.443566810330637</c:v>
                </c:pt>
                <c:pt idx="241">
                  <c:v>99.44315999969848</c:v>
                </c:pt>
                <c:pt idx="242">
                  <c:v>99.442753189066309</c:v>
                </c:pt>
                <c:pt idx="243">
                  <c:v>99.442358343452739</c:v>
                </c:pt>
                <c:pt idx="244">
                  <c:v>99.441951532820582</c:v>
                </c:pt>
                <c:pt idx="245">
                  <c:v>99.441544722188425</c:v>
                </c:pt>
                <c:pt idx="246">
                  <c:v>99.441149876574855</c:v>
                </c:pt>
                <c:pt idx="247">
                  <c:v>99.441149876574855</c:v>
                </c:pt>
                <c:pt idx="248">
                  <c:v>99.440743065942669</c:v>
                </c:pt>
                <c:pt idx="249">
                  <c:v>99.440336255310513</c:v>
                </c:pt>
                <c:pt idx="250">
                  <c:v>99.439941409696942</c:v>
                </c:pt>
                <c:pt idx="251">
                  <c:v>99.439941409696942</c:v>
                </c:pt>
                <c:pt idx="252">
                  <c:v>99.439534599064785</c:v>
                </c:pt>
                <c:pt idx="253">
                  <c:v>99.439127788432629</c:v>
                </c:pt>
                <c:pt idx="254">
                  <c:v>99.438732942819058</c:v>
                </c:pt>
                <c:pt idx="255">
                  <c:v>99.438326132186887</c:v>
                </c:pt>
                <c:pt idx="256">
                  <c:v>99.43791932155473</c:v>
                </c:pt>
                <c:pt idx="257">
                  <c:v>99.43791932155473</c:v>
                </c:pt>
                <c:pt idx="258">
                  <c:v>99.43752447594116</c:v>
                </c:pt>
                <c:pt idx="259">
                  <c:v>99.437117665308989</c:v>
                </c:pt>
                <c:pt idx="260">
                  <c:v>99.437117665308989</c:v>
                </c:pt>
                <c:pt idx="261">
                  <c:v>99.436710854676846</c:v>
                </c:pt>
                <c:pt idx="262">
                  <c:v>99.436316009063262</c:v>
                </c:pt>
                <c:pt idx="263">
                  <c:v>99.435909198431077</c:v>
                </c:pt>
                <c:pt idx="264">
                  <c:v>99.435502387798934</c:v>
                </c:pt>
                <c:pt idx="265">
                  <c:v>99.435107542185364</c:v>
                </c:pt>
                <c:pt idx="266">
                  <c:v>99.434700731553207</c:v>
                </c:pt>
                <c:pt idx="267">
                  <c:v>99.434700731553207</c:v>
                </c:pt>
                <c:pt idx="268">
                  <c:v>99.434293920921036</c:v>
                </c:pt>
                <c:pt idx="269">
                  <c:v>99.434293920921036</c:v>
                </c:pt>
                <c:pt idx="270">
                  <c:v>99.43389907530748</c:v>
                </c:pt>
                <c:pt idx="271">
                  <c:v>99.433492264675294</c:v>
                </c:pt>
                <c:pt idx="272">
                  <c:v>99.433492264675294</c:v>
                </c:pt>
                <c:pt idx="273">
                  <c:v>99.433085454043137</c:v>
                </c:pt>
                <c:pt idx="274">
                  <c:v>99.432690608429567</c:v>
                </c:pt>
                <c:pt idx="275">
                  <c:v>99.432690608429567</c:v>
                </c:pt>
                <c:pt idx="276">
                  <c:v>99.43228379779741</c:v>
                </c:pt>
                <c:pt idx="277">
                  <c:v>99.431876987165239</c:v>
                </c:pt>
                <c:pt idx="278">
                  <c:v>99.431876987165239</c:v>
                </c:pt>
                <c:pt idx="279">
                  <c:v>99.431482141551669</c:v>
                </c:pt>
                <c:pt idx="280">
                  <c:v>99.431075330919498</c:v>
                </c:pt>
                <c:pt idx="281">
                  <c:v>99.431075330919498</c:v>
                </c:pt>
                <c:pt idx="282">
                  <c:v>99.430668520287355</c:v>
                </c:pt>
                <c:pt idx="283">
                  <c:v>99.430668520287355</c:v>
                </c:pt>
                <c:pt idx="284">
                  <c:v>99.430273674673785</c:v>
                </c:pt>
                <c:pt idx="285">
                  <c:v>99.429866864041628</c:v>
                </c:pt>
                <c:pt idx="286">
                  <c:v>99.429866864041628</c:v>
                </c:pt>
                <c:pt idx="287">
                  <c:v>99.429460053409443</c:v>
                </c:pt>
                <c:pt idx="288">
                  <c:v>99.429065207795873</c:v>
                </c:pt>
                <c:pt idx="289">
                  <c:v>99.429065207795873</c:v>
                </c:pt>
                <c:pt idx="290">
                  <c:v>99.428658397163716</c:v>
                </c:pt>
                <c:pt idx="291">
                  <c:v>99.428658397163716</c:v>
                </c:pt>
                <c:pt idx="292">
                  <c:v>99.428251586531545</c:v>
                </c:pt>
                <c:pt idx="293">
                  <c:v>99.427856740917989</c:v>
                </c:pt>
                <c:pt idx="294">
                  <c:v>99.427449930285817</c:v>
                </c:pt>
                <c:pt idx="295">
                  <c:v>99.427449930285817</c:v>
                </c:pt>
                <c:pt idx="296">
                  <c:v>99.427043119653632</c:v>
                </c:pt>
                <c:pt idx="297">
                  <c:v>99.426636309021504</c:v>
                </c:pt>
                <c:pt idx="298">
                  <c:v>99.426241463407919</c:v>
                </c:pt>
                <c:pt idx="299">
                  <c:v>99.426241463407919</c:v>
                </c:pt>
                <c:pt idx="300">
                  <c:v>99.425834652775762</c:v>
                </c:pt>
                <c:pt idx="301">
                  <c:v>99.425427842143591</c:v>
                </c:pt>
                <c:pt idx="302">
                  <c:v>99.425032996530021</c:v>
                </c:pt>
                <c:pt idx="303">
                  <c:v>99.425032996530021</c:v>
                </c:pt>
                <c:pt idx="304">
                  <c:v>99.424626185897864</c:v>
                </c:pt>
                <c:pt idx="305">
                  <c:v>99.424219375265693</c:v>
                </c:pt>
                <c:pt idx="306">
                  <c:v>99.424219375265693</c:v>
                </c:pt>
                <c:pt idx="307">
                  <c:v>99.423824529652123</c:v>
                </c:pt>
                <c:pt idx="308">
                  <c:v>99.423417719019952</c:v>
                </c:pt>
                <c:pt idx="309">
                  <c:v>99.423417719019952</c:v>
                </c:pt>
                <c:pt idx="310">
                  <c:v>99.423010908387795</c:v>
                </c:pt>
                <c:pt idx="311">
                  <c:v>99.42261606277421</c:v>
                </c:pt>
                <c:pt idx="312">
                  <c:v>99.42261606277421</c:v>
                </c:pt>
                <c:pt idx="313">
                  <c:v>99.422209252142054</c:v>
                </c:pt>
                <c:pt idx="314">
                  <c:v>99.422209252142054</c:v>
                </c:pt>
                <c:pt idx="315">
                  <c:v>99.421802441509925</c:v>
                </c:pt>
                <c:pt idx="316">
                  <c:v>99.421407595896341</c:v>
                </c:pt>
                <c:pt idx="317">
                  <c:v>99.421407595896341</c:v>
                </c:pt>
                <c:pt idx="318">
                  <c:v>99.421000785264155</c:v>
                </c:pt>
                <c:pt idx="319">
                  <c:v>99.420593974632013</c:v>
                </c:pt>
                <c:pt idx="320">
                  <c:v>99.420593974632013</c:v>
                </c:pt>
                <c:pt idx="321">
                  <c:v>99.420199129018442</c:v>
                </c:pt>
                <c:pt idx="322">
                  <c:v>99.419792318386286</c:v>
                </c:pt>
                <c:pt idx="323">
                  <c:v>99.419792318386286</c:v>
                </c:pt>
                <c:pt idx="324">
                  <c:v>99.419385507754114</c:v>
                </c:pt>
                <c:pt idx="325">
                  <c:v>99.419385507754114</c:v>
                </c:pt>
                <c:pt idx="326">
                  <c:v>99.418990662140544</c:v>
                </c:pt>
                <c:pt idx="327">
                  <c:v>99.418583851508373</c:v>
                </c:pt>
                <c:pt idx="328">
                  <c:v>99.418177040876216</c:v>
                </c:pt>
                <c:pt idx="329">
                  <c:v>99.418177040876216</c:v>
                </c:pt>
                <c:pt idx="330">
                  <c:v>99.417782195262632</c:v>
                </c:pt>
                <c:pt idx="331">
                  <c:v>99.417782195262632</c:v>
                </c:pt>
                <c:pt idx="332">
                  <c:v>99.417375384630475</c:v>
                </c:pt>
                <c:pt idx="333">
                  <c:v>99.416968573998304</c:v>
                </c:pt>
                <c:pt idx="334">
                  <c:v>99.416968573998304</c:v>
                </c:pt>
                <c:pt idx="335">
                  <c:v>99.416968573998304</c:v>
                </c:pt>
                <c:pt idx="336">
                  <c:v>99.416573728384733</c:v>
                </c:pt>
                <c:pt idx="337">
                  <c:v>99.416573728384733</c:v>
                </c:pt>
                <c:pt idx="338">
                  <c:v>99.416166917752577</c:v>
                </c:pt>
                <c:pt idx="339">
                  <c:v>99.416166917752577</c:v>
                </c:pt>
                <c:pt idx="340">
                  <c:v>99.41576010712042</c:v>
                </c:pt>
                <c:pt idx="341">
                  <c:v>99.41576010712042</c:v>
                </c:pt>
                <c:pt idx="342">
                  <c:v>99.415365261506864</c:v>
                </c:pt>
                <c:pt idx="343">
                  <c:v>99.415365261506864</c:v>
                </c:pt>
                <c:pt idx="344">
                  <c:v>99.415365261506864</c:v>
                </c:pt>
                <c:pt idx="345">
                  <c:v>99.414958450874707</c:v>
                </c:pt>
                <c:pt idx="346">
                  <c:v>99.414958450874707</c:v>
                </c:pt>
                <c:pt idx="347">
                  <c:v>99.414958450874707</c:v>
                </c:pt>
                <c:pt idx="348">
                  <c:v>99.414551640242507</c:v>
                </c:pt>
                <c:pt idx="349">
                  <c:v>99.414551640242507</c:v>
                </c:pt>
                <c:pt idx="350">
                  <c:v>99.414156794628951</c:v>
                </c:pt>
                <c:pt idx="351">
                  <c:v>99.414156794628951</c:v>
                </c:pt>
                <c:pt idx="352">
                  <c:v>99.414156794628951</c:v>
                </c:pt>
                <c:pt idx="353">
                  <c:v>99.413749983996794</c:v>
                </c:pt>
                <c:pt idx="354">
                  <c:v>99.413749983996794</c:v>
                </c:pt>
                <c:pt idx="355">
                  <c:v>99.413343173364623</c:v>
                </c:pt>
                <c:pt idx="356">
                  <c:v>99.413343173364623</c:v>
                </c:pt>
                <c:pt idx="357">
                  <c:v>99.412948327751067</c:v>
                </c:pt>
                <c:pt idx="358">
                  <c:v>99.412948327751067</c:v>
                </c:pt>
                <c:pt idx="359">
                  <c:v>99.412541517118896</c:v>
                </c:pt>
                <c:pt idx="360">
                  <c:v>99.412134706486711</c:v>
                </c:pt>
                <c:pt idx="361">
                  <c:v>99.412134706486711</c:v>
                </c:pt>
                <c:pt idx="362">
                  <c:v>99.411727895854568</c:v>
                </c:pt>
                <c:pt idx="363">
                  <c:v>99.411333050240984</c:v>
                </c:pt>
                <c:pt idx="364">
                  <c:v>99.411333050240984</c:v>
                </c:pt>
                <c:pt idx="365">
                  <c:v>99.410926239608827</c:v>
                </c:pt>
                <c:pt idx="366">
                  <c:v>99.410926239608827</c:v>
                </c:pt>
                <c:pt idx="367">
                  <c:v>99.410519428976656</c:v>
                </c:pt>
                <c:pt idx="368">
                  <c:v>99.410519428976656</c:v>
                </c:pt>
                <c:pt idx="369">
                  <c:v>99.410124583363086</c:v>
                </c:pt>
                <c:pt idx="370">
                  <c:v>99.410124583363086</c:v>
                </c:pt>
                <c:pt idx="371">
                  <c:v>99.409717772730929</c:v>
                </c:pt>
                <c:pt idx="372">
                  <c:v>99.409717772730929</c:v>
                </c:pt>
                <c:pt idx="373">
                  <c:v>99.409310962098772</c:v>
                </c:pt>
                <c:pt idx="374">
                  <c:v>99.409310962098772</c:v>
                </c:pt>
                <c:pt idx="375">
                  <c:v>99.408916116485202</c:v>
                </c:pt>
                <c:pt idx="376">
                  <c:v>99.408509305853016</c:v>
                </c:pt>
                <c:pt idx="377">
                  <c:v>99.408509305853016</c:v>
                </c:pt>
                <c:pt idx="378">
                  <c:v>99.408509305853016</c:v>
                </c:pt>
                <c:pt idx="379">
                  <c:v>99.408102495220859</c:v>
                </c:pt>
                <c:pt idx="380">
                  <c:v>99.408102495220859</c:v>
                </c:pt>
                <c:pt idx="381">
                  <c:v>99.407707649607289</c:v>
                </c:pt>
                <c:pt idx="382">
                  <c:v>99.407300838975132</c:v>
                </c:pt>
                <c:pt idx="383">
                  <c:v>99.407300838975132</c:v>
                </c:pt>
                <c:pt idx="384">
                  <c:v>99.40689402834299</c:v>
                </c:pt>
                <c:pt idx="385">
                  <c:v>99.40689402834299</c:v>
                </c:pt>
                <c:pt idx="386">
                  <c:v>99.406499182729419</c:v>
                </c:pt>
                <c:pt idx="387">
                  <c:v>99.406499182729419</c:v>
                </c:pt>
                <c:pt idx="388">
                  <c:v>99.406092372097234</c:v>
                </c:pt>
                <c:pt idx="389">
                  <c:v>99.406092372097234</c:v>
                </c:pt>
                <c:pt idx="390">
                  <c:v>99.405685561465091</c:v>
                </c:pt>
                <c:pt idx="391">
                  <c:v>99.405685561465091</c:v>
                </c:pt>
                <c:pt idx="392">
                  <c:v>99.405290715851507</c:v>
                </c:pt>
                <c:pt idx="393">
                  <c:v>99.405290715851507</c:v>
                </c:pt>
                <c:pt idx="394">
                  <c:v>99.40488390521935</c:v>
                </c:pt>
                <c:pt idx="395">
                  <c:v>99.40488390521935</c:v>
                </c:pt>
                <c:pt idx="396">
                  <c:v>99.40488390521935</c:v>
                </c:pt>
                <c:pt idx="397">
                  <c:v>99.404477094587179</c:v>
                </c:pt>
                <c:pt idx="398">
                  <c:v>99.404477094587179</c:v>
                </c:pt>
                <c:pt idx="399">
                  <c:v>99.404082248973609</c:v>
                </c:pt>
                <c:pt idx="400">
                  <c:v>99.404082248973609</c:v>
                </c:pt>
                <c:pt idx="401">
                  <c:v>99.404082248973609</c:v>
                </c:pt>
                <c:pt idx="402">
                  <c:v>99.403675438341438</c:v>
                </c:pt>
                <c:pt idx="403">
                  <c:v>99.403675438341438</c:v>
                </c:pt>
                <c:pt idx="404">
                  <c:v>99.403268627709281</c:v>
                </c:pt>
                <c:pt idx="405">
                  <c:v>99.403268627709281</c:v>
                </c:pt>
                <c:pt idx="406">
                  <c:v>99.403268627709281</c:v>
                </c:pt>
                <c:pt idx="407">
                  <c:v>99.403268627709281</c:v>
                </c:pt>
                <c:pt idx="408">
                  <c:v>99.40287378209571</c:v>
                </c:pt>
                <c:pt idx="409">
                  <c:v>99.40287378209571</c:v>
                </c:pt>
                <c:pt idx="410">
                  <c:v>99.40287378209571</c:v>
                </c:pt>
                <c:pt idx="411">
                  <c:v>99.402466971463554</c:v>
                </c:pt>
                <c:pt idx="412">
                  <c:v>99.402466971463554</c:v>
                </c:pt>
                <c:pt idx="413">
                  <c:v>99.402466971463554</c:v>
                </c:pt>
                <c:pt idx="414">
                  <c:v>99.402060160831368</c:v>
                </c:pt>
                <c:pt idx="415">
                  <c:v>99.402060160831368</c:v>
                </c:pt>
                <c:pt idx="416">
                  <c:v>99.401665315217798</c:v>
                </c:pt>
                <c:pt idx="417">
                  <c:v>99.401665315217798</c:v>
                </c:pt>
                <c:pt idx="418">
                  <c:v>99.401258504585641</c:v>
                </c:pt>
                <c:pt idx="419">
                  <c:v>99.401258504585641</c:v>
                </c:pt>
                <c:pt idx="420">
                  <c:v>99.401258504585641</c:v>
                </c:pt>
                <c:pt idx="421">
                  <c:v>99.400851693953484</c:v>
                </c:pt>
                <c:pt idx="422">
                  <c:v>99.400851693953484</c:v>
                </c:pt>
                <c:pt idx="423">
                  <c:v>99.400456848339928</c:v>
                </c:pt>
                <c:pt idx="424">
                  <c:v>99.400456848339928</c:v>
                </c:pt>
                <c:pt idx="425">
                  <c:v>99.400456848339928</c:v>
                </c:pt>
                <c:pt idx="426">
                  <c:v>99.400050037707757</c:v>
                </c:pt>
                <c:pt idx="427">
                  <c:v>99.400050037707757</c:v>
                </c:pt>
                <c:pt idx="428">
                  <c:v>99.400050037707757</c:v>
                </c:pt>
                <c:pt idx="429">
                  <c:v>99.399643227075586</c:v>
                </c:pt>
                <c:pt idx="430">
                  <c:v>99.399643227075586</c:v>
                </c:pt>
                <c:pt idx="431">
                  <c:v>99.39924838146203</c:v>
                </c:pt>
                <c:pt idx="432">
                  <c:v>99.39924838146203</c:v>
                </c:pt>
                <c:pt idx="433">
                  <c:v>99.398841570829859</c:v>
                </c:pt>
                <c:pt idx="434">
                  <c:v>99.398841570829859</c:v>
                </c:pt>
                <c:pt idx="435">
                  <c:v>99.398434760197702</c:v>
                </c:pt>
                <c:pt idx="436">
                  <c:v>99.398434760197702</c:v>
                </c:pt>
                <c:pt idx="437">
                  <c:v>99.398039914584118</c:v>
                </c:pt>
                <c:pt idx="438">
                  <c:v>99.398039914584118</c:v>
                </c:pt>
                <c:pt idx="439">
                  <c:v>99.398039914584118</c:v>
                </c:pt>
                <c:pt idx="440">
                  <c:v>99.397633103951975</c:v>
                </c:pt>
                <c:pt idx="441">
                  <c:v>99.397633103951975</c:v>
                </c:pt>
                <c:pt idx="442">
                  <c:v>99.397633103951975</c:v>
                </c:pt>
                <c:pt idx="443">
                  <c:v>99.39722629331979</c:v>
                </c:pt>
                <c:pt idx="444">
                  <c:v>99.39722629331979</c:v>
                </c:pt>
                <c:pt idx="445">
                  <c:v>99.39722629331979</c:v>
                </c:pt>
                <c:pt idx="446">
                  <c:v>99.396831447706219</c:v>
                </c:pt>
                <c:pt idx="447">
                  <c:v>99.396424637074063</c:v>
                </c:pt>
                <c:pt idx="448">
                  <c:v>99.396424637074063</c:v>
                </c:pt>
                <c:pt idx="449">
                  <c:v>99.396017826441906</c:v>
                </c:pt>
                <c:pt idx="450">
                  <c:v>99.396017826441906</c:v>
                </c:pt>
                <c:pt idx="451">
                  <c:v>99.396017826441906</c:v>
                </c:pt>
                <c:pt idx="452">
                  <c:v>99.395611015809735</c:v>
                </c:pt>
                <c:pt idx="453">
                  <c:v>99.395611015809735</c:v>
                </c:pt>
                <c:pt idx="454">
                  <c:v>99.395611015809735</c:v>
                </c:pt>
                <c:pt idx="455">
                  <c:v>99.395611015809735</c:v>
                </c:pt>
                <c:pt idx="456">
                  <c:v>99.39521617019615</c:v>
                </c:pt>
                <c:pt idx="457">
                  <c:v>99.39521617019615</c:v>
                </c:pt>
                <c:pt idx="458">
                  <c:v>99.39521617019615</c:v>
                </c:pt>
                <c:pt idx="459">
                  <c:v>99.39521617019615</c:v>
                </c:pt>
                <c:pt idx="460">
                  <c:v>99.39521617019615</c:v>
                </c:pt>
                <c:pt idx="461">
                  <c:v>99.394809359564007</c:v>
                </c:pt>
                <c:pt idx="462">
                  <c:v>99.394809359564007</c:v>
                </c:pt>
                <c:pt idx="463">
                  <c:v>99.394809359564007</c:v>
                </c:pt>
                <c:pt idx="464">
                  <c:v>99.394809359564007</c:v>
                </c:pt>
                <c:pt idx="465">
                  <c:v>99.394402548931851</c:v>
                </c:pt>
                <c:pt idx="466">
                  <c:v>99.394402548931851</c:v>
                </c:pt>
                <c:pt idx="467">
                  <c:v>99.394402548931851</c:v>
                </c:pt>
                <c:pt idx="468">
                  <c:v>99.394007703318266</c:v>
                </c:pt>
                <c:pt idx="469">
                  <c:v>99.394007703318266</c:v>
                </c:pt>
                <c:pt idx="470">
                  <c:v>99.394007703318266</c:v>
                </c:pt>
                <c:pt idx="471">
                  <c:v>99.394007703318266</c:v>
                </c:pt>
                <c:pt idx="472">
                  <c:v>99.394007703318266</c:v>
                </c:pt>
                <c:pt idx="473">
                  <c:v>99.393600892686123</c:v>
                </c:pt>
                <c:pt idx="474">
                  <c:v>99.393600892686123</c:v>
                </c:pt>
                <c:pt idx="475">
                  <c:v>99.393600892686123</c:v>
                </c:pt>
                <c:pt idx="476">
                  <c:v>99.393600892686123</c:v>
                </c:pt>
                <c:pt idx="477">
                  <c:v>99.393194082053938</c:v>
                </c:pt>
                <c:pt idx="478">
                  <c:v>99.393194082053938</c:v>
                </c:pt>
                <c:pt idx="479">
                  <c:v>99.393194082053938</c:v>
                </c:pt>
                <c:pt idx="480">
                  <c:v>99.393194082053938</c:v>
                </c:pt>
                <c:pt idx="481">
                  <c:v>99.392799236440368</c:v>
                </c:pt>
                <c:pt idx="482">
                  <c:v>99.392799236440368</c:v>
                </c:pt>
                <c:pt idx="483">
                  <c:v>99.392799236440368</c:v>
                </c:pt>
                <c:pt idx="484">
                  <c:v>99.392392425808211</c:v>
                </c:pt>
                <c:pt idx="485">
                  <c:v>99.392392425808211</c:v>
                </c:pt>
                <c:pt idx="486">
                  <c:v>99.392392425808211</c:v>
                </c:pt>
                <c:pt idx="487">
                  <c:v>99.391985615176054</c:v>
                </c:pt>
                <c:pt idx="488">
                  <c:v>99.391985615176054</c:v>
                </c:pt>
                <c:pt idx="489">
                  <c:v>99.391985615176054</c:v>
                </c:pt>
                <c:pt idx="490">
                  <c:v>99.391590769562484</c:v>
                </c:pt>
                <c:pt idx="491">
                  <c:v>99.391590769562484</c:v>
                </c:pt>
                <c:pt idx="492">
                  <c:v>99.391590769562484</c:v>
                </c:pt>
                <c:pt idx="493">
                  <c:v>99.391183958930299</c:v>
                </c:pt>
                <c:pt idx="494">
                  <c:v>99.391183958930299</c:v>
                </c:pt>
                <c:pt idx="495">
                  <c:v>99.390777148298142</c:v>
                </c:pt>
                <c:pt idx="496">
                  <c:v>99.390777148298142</c:v>
                </c:pt>
                <c:pt idx="497">
                  <c:v>99.390777148298142</c:v>
                </c:pt>
                <c:pt idx="498">
                  <c:v>99.390382302684571</c:v>
                </c:pt>
                <c:pt idx="499">
                  <c:v>99.390382302684571</c:v>
                </c:pt>
                <c:pt idx="500">
                  <c:v>99.390382302684571</c:v>
                </c:pt>
                <c:pt idx="501">
                  <c:v>99.3899754920524</c:v>
                </c:pt>
                <c:pt idx="502">
                  <c:v>99.3899754920524</c:v>
                </c:pt>
                <c:pt idx="503">
                  <c:v>99.3899754920524</c:v>
                </c:pt>
                <c:pt idx="504">
                  <c:v>99.389568681420243</c:v>
                </c:pt>
                <c:pt idx="505">
                  <c:v>99.389568681420243</c:v>
                </c:pt>
                <c:pt idx="506">
                  <c:v>99.389568681420243</c:v>
                </c:pt>
                <c:pt idx="507">
                  <c:v>99.389173835806687</c:v>
                </c:pt>
                <c:pt idx="508">
                  <c:v>99.389173835806687</c:v>
                </c:pt>
                <c:pt idx="509">
                  <c:v>99.389173835806687</c:v>
                </c:pt>
                <c:pt idx="510">
                  <c:v>99.388767025174502</c:v>
                </c:pt>
                <c:pt idx="511">
                  <c:v>99.388767025174502</c:v>
                </c:pt>
                <c:pt idx="512">
                  <c:v>99.388360214542345</c:v>
                </c:pt>
                <c:pt idx="513">
                  <c:v>99.388360214542345</c:v>
                </c:pt>
                <c:pt idx="514">
                  <c:v>99.387965368928789</c:v>
                </c:pt>
                <c:pt idx="515">
                  <c:v>99.387965368928789</c:v>
                </c:pt>
                <c:pt idx="516">
                  <c:v>99.387965368928789</c:v>
                </c:pt>
                <c:pt idx="517">
                  <c:v>99.387965368928789</c:v>
                </c:pt>
                <c:pt idx="518">
                  <c:v>99.387558558296632</c:v>
                </c:pt>
                <c:pt idx="519">
                  <c:v>99.387558558296632</c:v>
                </c:pt>
                <c:pt idx="520">
                  <c:v>99.387558558296632</c:v>
                </c:pt>
                <c:pt idx="521">
                  <c:v>99.387151747664433</c:v>
                </c:pt>
                <c:pt idx="522">
                  <c:v>99.387151747664433</c:v>
                </c:pt>
                <c:pt idx="523">
                  <c:v>99.386756902050905</c:v>
                </c:pt>
                <c:pt idx="524">
                  <c:v>99.386756902050905</c:v>
                </c:pt>
                <c:pt idx="525">
                  <c:v>99.386350091418706</c:v>
                </c:pt>
                <c:pt idx="526">
                  <c:v>99.386350091418706</c:v>
                </c:pt>
                <c:pt idx="527">
                  <c:v>99.386350091418706</c:v>
                </c:pt>
                <c:pt idx="528">
                  <c:v>99.385943280786563</c:v>
                </c:pt>
                <c:pt idx="529">
                  <c:v>99.385943280786563</c:v>
                </c:pt>
                <c:pt idx="530">
                  <c:v>99.385943280786563</c:v>
                </c:pt>
                <c:pt idx="531">
                  <c:v>99.385943280786563</c:v>
                </c:pt>
                <c:pt idx="532">
                  <c:v>99.385548435172993</c:v>
                </c:pt>
                <c:pt idx="533">
                  <c:v>99.385548435172993</c:v>
                </c:pt>
                <c:pt idx="534">
                  <c:v>99.385548435172993</c:v>
                </c:pt>
                <c:pt idx="535">
                  <c:v>99.385548435172993</c:v>
                </c:pt>
                <c:pt idx="536">
                  <c:v>99.385548435172993</c:v>
                </c:pt>
                <c:pt idx="537">
                  <c:v>99.385548435172993</c:v>
                </c:pt>
                <c:pt idx="538">
                  <c:v>99.385548435172993</c:v>
                </c:pt>
                <c:pt idx="539">
                  <c:v>99.385548435172993</c:v>
                </c:pt>
                <c:pt idx="540">
                  <c:v>99.385548435172993</c:v>
                </c:pt>
                <c:pt idx="541">
                  <c:v>99.385141624540836</c:v>
                </c:pt>
                <c:pt idx="542">
                  <c:v>99.385141624540836</c:v>
                </c:pt>
                <c:pt idx="543">
                  <c:v>99.385141624540836</c:v>
                </c:pt>
                <c:pt idx="544">
                  <c:v>99.385141624540836</c:v>
                </c:pt>
                <c:pt idx="545">
                  <c:v>99.384734813908665</c:v>
                </c:pt>
                <c:pt idx="546">
                  <c:v>99.384734813908665</c:v>
                </c:pt>
                <c:pt idx="547">
                  <c:v>99.384734813908665</c:v>
                </c:pt>
                <c:pt idx="548">
                  <c:v>99.384734813908665</c:v>
                </c:pt>
                <c:pt idx="549">
                  <c:v>99.384734813908665</c:v>
                </c:pt>
                <c:pt idx="550">
                  <c:v>99.384734813908665</c:v>
                </c:pt>
                <c:pt idx="551">
                  <c:v>99.384734813908665</c:v>
                </c:pt>
                <c:pt idx="552">
                  <c:v>99.38433996829508</c:v>
                </c:pt>
                <c:pt idx="553">
                  <c:v>99.38433996829508</c:v>
                </c:pt>
                <c:pt idx="554">
                  <c:v>99.38433996829508</c:v>
                </c:pt>
                <c:pt idx="555">
                  <c:v>99.38433996829508</c:v>
                </c:pt>
                <c:pt idx="556">
                  <c:v>99.383933157662923</c:v>
                </c:pt>
                <c:pt idx="557">
                  <c:v>99.383933157662923</c:v>
                </c:pt>
                <c:pt idx="558">
                  <c:v>99.383933157662923</c:v>
                </c:pt>
                <c:pt idx="559">
                  <c:v>99.383526347030767</c:v>
                </c:pt>
                <c:pt idx="560">
                  <c:v>99.383526347030767</c:v>
                </c:pt>
                <c:pt idx="561">
                  <c:v>99.383131501417182</c:v>
                </c:pt>
                <c:pt idx="562">
                  <c:v>99.383131501417182</c:v>
                </c:pt>
                <c:pt idx="563">
                  <c:v>99.382724690785054</c:v>
                </c:pt>
                <c:pt idx="564">
                  <c:v>99.382724690785054</c:v>
                </c:pt>
                <c:pt idx="565">
                  <c:v>99.382317880152854</c:v>
                </c:pt>
                <c:pt idx="566">
                  <c:v>99.382317880152854</c:v>
                </c:pt>
                <c:pt idx="567">
                  <c:v>99.381923034539284</c:v>
                </c:pt>
                <c:pt idx="568">
                  <c:v>99.381923034539284</c:v>
                </c:pt>
                <c:pt idx="569">
                  <c:v>99.381923034539284</c:v>
                </c:pt>
                <c:pt idx="570">
                  <c:v>99.381516223907141</c:v>
                </c:pt>
                <c:pt idx="571">
                  <c:v>99.381516223907141</c:v>
                </c:pt>
                <c:pt idx="572">
                  <c:v>99.381516223907141</c:v>
                </c:pt>
                <c:pt idx="573">
                  <c:v>99.381109413274984</c:v>
                </c:pt>
                <c:pt idx="574">
                  <c:v>99.381109413274984</c:v>
                </c:pt>
                <c:pt idx="575">
                  <c:v>99.380702602642799</c:v>
                </c:pt>
                <c:pt idx="576">
                  <c:v>99.380702602642799</c:v>
                </c:pt>
                <c:pt idx="577">
                  <c:v>99.380702602642799</c:v>
                </c:pt>
                <c:pt idx="578">
                  <c:v>99.380307757029215</c:v>
                </c:pt>
                <c:pt idx="579">
                  <c:v>99.380307757029215</c:v>
                </c:pt>
                <c:pt idx="580">
                  <c:v>99.379900946397086</c:v>
                </c:pt>
                <c:pt idx="581">
                  <c:v>99.379900946397086</c:v>
                </c:pt>
                <c:pt idx="582">
                  <c:v>99.379900946397086</c:v>
                </c:pt>
                <c:pt idx="583">
                  <c:v>99.379494135764901</c:v>
                </c:pt>
                <c:pt idx="584">
                  <c:v>99.379494135764901</c:v>
                </c:pt>
                <c:pt idx="585">
                  <c:v>99.379494135764901</c:v>
                </c:pt>
                <c:pt idx="586">
                  <c:v>99.379099290151345</c:v>
                </c:pt>
                <c:pt idx="587">
                  <c:v>99.379099290151345</c:v>
                </c:pt>
                <c:pt idx="588">
                  <c:v>99.379099290151345</c:v>
                </c:pt>
                <c:pt idx="589">
                  <c:v>99.379099290151345</c:v>
                </c:pt>
                <c:pt idx="590">
                  <c:v>99.378692479519188</c:v>
                </c:pt>
                <c:pt idx="591">
                  <c:v>99.378692479519188</c:v>
                </c:pt>
                <c:pt idx="592">
                  <c:v>99.378692479519188</c:v>
                </c:pt>
                <c:pt idx="593">
                  <c:v>99.378692479519188</c:v>
                </c:pt>
                <c:pt idx="594">
                  <c:v>99.378692479519188</c:v>
                </c:pt>
                <c:pt idx="595">
                  <c:v>99.378692479519188</c:v>
                </c:pt>
                <c:pt idx="596">
                  <c:v>99.378692479519188</c:v>
                </c:pt>
                <c:pt idx="597">
                  <c:v>99.378285668887003</c:v>
                </c:pt>
                <c:pt idx="598">
                  <c:v>99.378285668887003</c:v>
                </c:pt>
                <c:pt idx="599">
                  <c:v>99.378285668887003</c:v>
                </c:pt>
                <c:pt idx="600">
                  <c:v>99.378285668887003</c:v>
                </c:pt>
                <c:pt idx="601">
                  <c:v>99.378285668887003</c:v>
                </c:pt>
                <c:pt idx="602">
                  <c:v>99.378285668887003</c:v>
                </c:pt>
                <c:pt idx="603">
                  <c:v>99.378285668887003</c:v>
                </c:pt>
                <c:pt idx="604">
                  <c:v>99.377890823273447</c:v>
                </c:pt>
                <c:pt idx="605">
                  <c:v>99.377890823273447</c:v>
                </c:pt>
                <c:pt idx="606">
                  <c:v>99.377890823273447</c:v>
                </c:pt>
                <c:pt idx="607">
                  <c:v>99.377890823273447</c:v>
                </c:pt>
                <c:pt idx="608">
                  <c:v>99.377890823273447</c:v>
                </c:pt>
                <c:pt idx="609">
                  <c:v>99.377890823273447</c:v>
                </c:pt>
                <c:pt idx="610">
                  <c:v>99.377890823273447</c:v>
                </c:pt>
                <c:pt idx="611">
                  <c:v>99.377484012641276</c:v>
                </c:pt>
                <c:pt idx="612">
                  <c:v>99.377484012641276</c:v>
                </c:pt>
                <c:pt idx="613">
                  <c:v>99.377484012641276</c:v>
                </c:pt>
                <c:pt idx="614">
                  <c:v>99.377077202009119</c:v>
                </c:pt>
                <c:pt idx="615">
                  <c:v>99.377077202009119</c:v>
                </c:pt>
                <c:pt idx="616">
                  <c:v>99.377077202009119</c:v>
                </c:pt>
                <c:pt idx="617">
                  <c:v>99.376682356395548</c:v>
                </c:pt>
                <c:pt idx="618">
                  <c:v>99.376682356395548</c:v>
                </c:pt>
                <c:pt idx="619">
                  <c:v>99.376682356395548</c:v>
                </c:pt>
                <c:pt idx="620">
                  <c:v>99.376275545763363</c:v>
                </c:pt>
                <c:pt idx="621">
                  <c:v>99.376275545763363</c:v>
                </c:pt>
                <c:pt idx="622">
                  <c:v>99.376275545763363</c:v>
                </c:pt>
                <c:pt idx="623">
                  <c:v>99.375868735131206</c:v>
                </c:pt>
                <c:pt idx="624">
                  <c:v>99.375868735131206</c:v>
                </c:pt>
                <c:pt idx="625">
                  <c:v>99.375473889517636</c:v>
                </c:pt>
                <c:pt idx="626">
                  <c:v>99.375473889517636</c:v>
                </c:pt>
                <c:pt idx="627">
                  <c:v>99.375473889517636</c:v>
                </c:pt>
                <c:pt idx="628">
                  <c:v>99.375067078885479</c:v>
                </c:pt>
                <c:pt idx="629">
                  <c:v>99.375067078885479</c:v>
                </c:pt>
                <c:pt idx="630">
                  <c:v>99.375067078885479</c:v>
                </c:pt>
                <c:pt idx="631">
                  <c:v>99.375067078885479</c:v>
                </c:pt>
                <c:pt idx="632">
                  <c:v>99.374660268253322</c:v>
                </c:pt>
                <c:pt idx="633">
                  <c:v>99.374660268253322</c:v>
                </c:pt>
                <c:pt idx="634">
                  <c:v>99.374660268253322</c:v>
                </c:pt>
                <c:pt idx="635">
                  <c:v>99.374660268253322</c:v>
                </c:pt>
                <c:pt idx="636">
                  <c:v>99.374660268253322</c:v>
                </c:pt>
                <c:pt idx="637">
                  <c:v>99.374660268253322</c:v>
                </c:pt>
                <c:pt idx="638">
                  <c:v>99.374660268253322</c:v>
                </c:pt>
                <c:pt idx="639">
                  <c:v>99.374660268253322</c:v>
                </c:pt>
                <c:pt idx="640">
                  <c:v>99.374660268253322</c:v>
                </c:pt>
                <c:pt idx="641">
                  <c:v>99.374660268253322</c:v>
                </c:pt>
                <c:pt idx="642">
                  <c:v>99.374265422639752</c:v>
                </c:pt>
                <c:pt idx="643">
                  <c:v>99.374265422639752</c:v>
                </c:pt>
                <c:pt idx="644">
                  <c:v>99.374265422639752</c:v>
                </c:pt>
                <c:pt idx="645">
                  <c:v>99.374265422639752</c:v>
                </c:pt>
                <c:pt idx="646">
                  <c:v>99.374265422639752</c:v>
                </c:pt>
                <c:pt idx="647">
                  <c:v>99.374265422639752</c:v>
                </c:pt>
                <c:pt idx="648">
                  <c:v>99.374265422639752</c:v>
                </c:pt>
                <c:pt idx="649">
                  <c:v>99.374265422639752</c:v>
                </c:pt>
                <c:pt idx="650">
                  <c:v>99.374265422639752</c:v>
                </c:pt>
                <c:pt idx="651">
                  <c:v>99.374660268253322</c:v>
                </c:pt>
                <c:pt idx="652">
                  <c:v>99.375473889517636</c:v>
                </c:pt>
                <c:pt idx="653">
                  <c:v>99.376682356395548</c:v>
                </c:pt>
                <c:pt idx="654">
                  <c:v>99.377890823273447</c:v>
                </c:pt>
                <c:pt idx="655">
                  <c:v>99.379099290151345</c:v>
                </c:pt>
                <c:pt idx="656">
                  <c:v>99.380702602642799</c:v>
                </c:pt>
                <c:pt idx="657">
                  <c:v>99.382317880152854</c:v>
                </c:pt>
                <c:pt idx="658">
                  <c:v>99.38433996829508</c:v>
                </c:pt>
                <c:pt idx="659">
                  <c:v>99.386350091418706</c:v>
                </c:pt>
                <c:pt idx="660">
                  <c:v>99.388360214542345</c:v>
                </c:pt>
                <c:pt idx="661">
                  <c:v>99.390382302684571</c:v>
                </c:pt>
                <c:pt idx="662">
                  <c:v>99.392392425808211</c:v>
                </c:pt>
                <c:pt idx="663">
                  <c:v>99.394402548931851</c:v>
                </c:pt>
                <c:pt idx="664">
                  <c:v>99.396424637074063</c:v>
                </c:pt>
                <c:pt idx="665">
                  <c:v>99.398841570829859</c:v>
                </c:pt>
                <c:pt idx="666">
                  <c:v>99.400851693953484</c:v>
                </c:pt>
                <c:pt idx="667">
                  <c:v>99.403268627709281</c:v>
                </c:pt>
                <c:pt idx="668">
                  <c:v>99.405290715851507</c:v>
                </c:pt>
                <c:pt idx="669">
                  <c:v>99.407707649607289</c:v>
                </c:pt>
                <c:pt idx="670">
                  <c:v>99.409717772730929</c:v>
                </c:pt>
                <c:pt idx="671">
                  <c:v>99.412134706486711</c:v>
                </c:pt>
                <c:pt idx="672">
                  <c:v>99.414156794628951</c:v>
                </c:pt>
                <c:pt idx="673">
                  <c:v>99.416166917752577</c:v>
                </c:pt>
                <c:pt idx="674">
                  <c:v>99.418583851508373</c:v>
                </c:pt>
                <c:pt idx="675">
                  <c:v>99.420199129018442</c:v>
                </c:pt>
                <c:pt idx="676">
                  <c:v>99.421802441509925</c:v>
                </c:pt>
                <c:pt idx="677">
                  <c:v>99.423010908387795</c:v>
                </c:pt>
                <c:pt idx="678">
                  <c:v>99.424219375265693</c:v>
                </c:pt>
                <c:pt idx="679">
                  <c:v>99.424626185897864</c:v>
                </c:pt>
                <c:pt idx="680">
                  <c:v>99.425427842143591</c:v>
                </c:pt>
                <c:pt idx="681">
                  <c:v>99.425834652775762</c:v>
                </c:pt>
                <c:pt idx="682">
                  <c:v>99.425834652775762</c:v>
                </c:pt>
                <c:pt idx="683">
                  <c:v>99.425834652775762</c:v>
                </c:pt>
                <c:pt idx="684">
                  <c:v>99.425427842143591</c:v>
                </c:pt>
                <c:pt idx="685">
                  <c:v>99.425427842143591</c:v>
                </c:pt>
                <c:pt idx="686">
                  <c:v>99.425032996530021</c:v>
                </c:pt>
                <c:pt idx="687">
                  <c:v>99.424626185897864</c:v>
                </c:pt>
                <c:pt idx="688">
                  <c:v>99.424219375265693</c:v>
                </c:pt>
                <c:pt idx="689">
                  <c:v>99.423417719019952</c:v>
                </c:pt>
                <c:pt idx="690">
                  <c:v>99.423010908387795</c:v>
                </c:pt>
                <c:pt idx="691">
                  <c:v>99.422209252142054</c:v>
                </c:pt>
                <c:pt idx="692">
                  <c:v>99.421407595896341</c:v>
                </c:pt>
                <c:pt idx="693">
                  <c:v>99.420593974632013</c:v>
                </c:pt>
                <c:pt idx="694">
                  <c:v>99.419792318386286</c:v>
                </c:pt>
                <c:pt idx="695">
                  <c:v>99.418990662140544</c:v>
                </c:pt>
                <c:pt idx="696">
                  <c:v>99.418177040876216</c:v>
                </c:pt>
                <c:pt idx="697">
                  <c:v>99.417375384630475</c:v>
                </c:pt>
                <c:pt idx="698">
                  <c:v>99.416573728384733</c:v>
                </c:pt>
                <c:pt idx="699">
                  <c:v>99.41576010712042</c:v>
                </c:pt>
                <c:pt idx="700">
                  <c:v>99.414958450874707</c:v>
                </c:pt>
                <c:pt idx="701">
                  <c:v>99.413749983996794</c:v>
                </c:pt>
                <c:pt idx="702">
                  <c:v>99.412948327751067</c:v>
                </c:pt>
                <c:pt idx="703">
                  <c:v>99.412134706486711</c:v>
                </c:pt>
                <c:pt idx="704">
                  <c:v>99.410926239608827</c:v>
                </c:pt>
                <c:pt idx="705">
                  <c:v>99.410124583363086</c:v>
                </c:pt>
                <c:pt idx="706">
                  <c:v>99.408916116485202</c:v>
                </c:pt>
                <c:pt idx="707">
                  <c:v>99.408102495220859</c:v>
                </c:pt>
                <c:pt idx="708">
                  <c:v>99.40689402834299</c:v>
                </c:pt>
                <c:pt idx="709">
                  <c:v>99.405685561465091</c:v>
                </c:pt>
                <c:pt idx="710">
                  <c:v>99.40488390521935</c:v>
                </c:pt>
                <c:pt idx="711">
                  <c:v>99.403675438341438</c:v>
                </c:pt>
                <c:pt idx="712">
                  <c:v>99.402466971463554</c:v>
                </c:pt>
                <c:pt idx="713">
                  <c:v>99.401665315217798</c:v>
                </c:pt>
                <c:pt idx="714">
                  <c:v>99.400456848339928</c:v>
                </c:pt>
                <c:pt idx="715">
                  <c:v>99.39924838146203</c:v>
                </c:pt>
                <c:pt idx="716">
                  <c:v>99.398039914584118</c:v>
                </c:pt>
                <c:pt idx="717">
                  <c:v>99.396831447706219</c:v>
                </c:pt>
                <c:pt idx="718">
                  <c:v>99.395611015809735</c:v>
                </c:pt>
                <c:pt idx="719">
                  <c:v>99.394809359564007</c:v>
                </c:pt>
                <c:pt idx="720">
                  <c:v>99.393600892686123</c:v>
                </c:pt>
                <c:pt idx="721">
                  <c:v>99.392392425808211</c:v>
                </c:pt>
                <c:pt idx="722">
                  <c:v>99.391183958930299</c:v>
                </c:pt>
                <c:pt idx="723">
                  <c:v>99.3899754920524</c:v>
                </c:pt>
                <c:pt idx="724">
                  <c:v>99.388767025174502</c:v>
                </c:pt>
                <c:pt idx="725">
                  <c:v>99.387558558296632</c:v>
                </c:pt>
                <c:pt idx="726">
                  <c:v>99.386350091418706</c:v>
                </c:pt>
                <c:pt idx="727">
                  <c:v>99.385141624540836</c:v>
                </c:pt>
                <c:pt idx="728">
                  <c:v>99.383933157662923</c:v>
                </c:pt>
                <c:pt idx="729">
                  <c:v>99.382724690785054</c:v>
                </c:pt>
                <c:pt idx="730">
                  <c:v>99.381516223907141</c:v>
                </c:pt>
                <c:pt idx="731">
                  <c:v>99.380307757029215</c:v>
                </c:pt>
                <c:pt idx="732">
                  <c:v>99.379099290151345</c:v>
                </c:pt>
                <c:pt idx="733">
                  <c:v>99.377890823273447</c:v>
                </c:pt>
                <c:pt idx="734">
                  <c:v>99.376682356395548</c:v>
                </c:pt>
                <c:pt idx="735">
                  <c:v>99.375473889517636</c:v>
                </c:pt>
                <c:pt idx="736">
                  <c:v>99.373858612007581</c:v>
                </c:pt>
                <c:pt idx="737">
                  <c:v>99.372650145129711</c:v>
                </c:pt>
                <c:pt idx="738">
                  <c:v>99.371441678251784</c:v>
                </c:pt>
                <c:pt idx="739">
                  <c:v>99.3702332113739</c:v>
                </c:pt>
                <c:pt idx="740">
                  <c:v>99.369024744495988</c:v>
                </c:pt>
                <c:pt idx="741">
                  <c:v>99.367409466985933</c:v>
                </c:pt>
                <c:pt idx="742">
                  <c:v>99.366201000108049</c:v>
                </c:pt>
                <c:pt idx="743">
                  <c:v>99.364992533230136</c:v>
                </c:pt>
                <c:pt idx="744">
                  <c:v>99.363377255720081</c:v>
                </c:pt>
                <c:pt idx="745">
                  <c:v>99.362168788842197</c:v>
                </c:pt>
                <c:pt idx="746">
                  <c:v>99.360565476350715</c:v>
                </c:pt>
                <c:pt idx="747">
                  <c:v>99.359357009472831</c:v>
                </c:pt>
                <c:pt idx="748">
                  <c:v>99.357741731962761</c:v>
                </c:pt>
                <c:pt idx="749">
                  <c:v>99.356126454452706</c:v>
                </c:pt>
                <c:pt idx="750">
                  <c:v>99.354917987574808</c:v>
                </c:pt>
                <c:pt idx="751">
                  <c:v>99.35331467508334</c:v>
                </c:pt>
                <c:pt idx="752">
                  <c:v>99.351699397573285</c:v>
                </c:pt>
                <c:pt idx="753">
                  <c:v>99.350490930695372</c:v>
                </c:pt>
                <c:pt idx="754">
                  <c:v>99.348875653185317</c:v>
                </c:pt>
                <c:pt idx="755">
                  <c:v>99.347260375675276</c:v>
                </c:pt>
                <c:pt idx="756">
                  <c:v>99.345657063183793</c:v>
                </c:pt>
                <c:pt idx="757">
                  <c:v>99.344041785673724</c:v>
                </c:pt>
                <c:pt idx="758">
                  <c:v>99.342426508163669</c:v>
                </c:pt>
                <c:pt idx="759">
                  <c:v>99.340823195672215</c:v>
                </c:pt>
                <c:pt idx="760">
                  <c:v>99.339207918162131</c:v>
                </c:pt>
                <c:pt idx="761">
                  <c:v>99.337197795038506</c:v>
                </c:pt>
                <c:pt idx="762">
                  <c:v>99.335582517528451</c:v>
                </c:pt>
                <c:pt idx="763">
                  <c:v>99.333967240018396</c:v>
                </c:pt>
                <c:pt idx="764">
                  <c:v>99.332351962508326</c:v>
                </c:pt>
                <c:pt idx="765">
                  <c:v>99.330341839384701</c:v>
                </c:pt>
                <c:pt idx="766">
                  <c:v>99.328726561874632</c:v>
                </c:pt>
                <c:pt idx="767">
                  <c:v>99.327123249383192</c:v>
                </c:pt>
                <c:pt idx="768">
                  <c:v>99.325101161240951</c:v>
                </c:pt>
                <c:pt idx="769">
                  <c:v>99.323497848749469</c:v>
                </c:pt>
                <c:pt idx="770">
                  <c:v>99.321475760607257</c:v>
                </c:pt>
                <c:pt idx="771">
                  <c:v>99.319465637483631</c:v>
                </c:pt>
                <c:pt idx="772">
                  <c:v>99.317850359973562</c:v>
                </c:pt>
                <c:pt idx="773">
                  <c:v>99.315840236849937</c:v>
                </c:pt>
                <c:pt idx="774">
                  <c:v>99.313818148707696</c:v>
                </c:pt>
                <c:pt idx="775">
                  <c:v>99.312214836216256</c:v>
                </c:pt>
                <c:pt idx="776">
                  <c:v>99.310192748074016</c:v>
                </c:pt>
                <c:pt idx="777">
                  <c:v>99.308182624950405</c:v>
                </c:pt>
                <c:pt idx="778">
                  <c:v>99.306172501826765</c:v>
                </c:pt>
                <c:pt idx="779">
                  <c:v>99.304150413684539</c:v>
                </c:pt>
                <c:pt idx="780">
                  <c:v>99.30253513617447</c:v>
                </c:pt>
                <c:pt idx="781">
                  <c:v>99.30052501305083</c:v>
                </c:pt>
                <c:pt idx="782">
                  <c:v>99.298514889927191</c:v>
                </c:pt>
                <c:pt idx="783">
                  <c:v>99.296492801784979</c:v>
                </c:pt>
                <c:pt idx="784">
                  <c:v>99.294482678661339</c:v>
                </c:pt>
                <c:pt idx="785">
                  <c:v>99.292472555537742</c:v>
                </c:pt>
                <c:pt idx="786">
                  <c:v>99.290450467395488</c:v>
                </c:pt>
                <c:pt idx="787">
                  <c:v>99.288440344271876</c:v>
                </c:pt>
                <c:pt idx="788">
                  <c:v>99.286418256129636</c:v>
                </c:pt>
                <c:pt idx="789">
                  <c:v>99.284408133006025</c:v>
                </c:pt>
                <c:pt idx="790">
                  <c:v>99.282398009882385</c:v>
                </c:pt>
                <c:pt idx="791">
                  <c:v>99.280375921740173</c:v>
                </c:pt>
                <c:pt idx="792">
                  <c:v>99.278772609248691</c:v>
                </c:pt>
                <c:pt idx="793">
                  <c:v>99.276750521106464</c:v>
                </c:pt>
                <c:pt idx="794">
                  <c:v>99.274740397982825</c:v>
                </c:pt>
                <c:pt idx="795">
                  <c:v>99.272730274859185</c:v>
                </c:pt>
                <c:pt idx="796">
                  <c:v>99.270708186716988</c:v>
                </c:pt>
                <c:pt idx="797">
                  <c:v>99.268698063593348</c:v>
                </c:pt>
                <c:pt idx="798">
                  <c:v>99.266675975451122</c:v>
                </c:pt>
                <c:pt idx="799">
                  <c:v>99.264665852327482</c:v>
                </c:pt>
                <c:pt idx="800">
                  <c:v>99.262655729203871</c:v>
                </c:pt>
                <c:pt idx="801">
                  <c:v>99.260633641061631</c:v>
                </c:pt>
                <c:pt idx="802">
                  <c:v>99.258623517938034</c:v>
                </c:pt>
                <c:pt idx="803">
                  <c:v>99.256206584182223</c:v>
                </c:pt>
                <c:pt idx="804">
                  <c:v>99.254184496039983</c:v>
                </c:pt>
                <c:pt idx="805">
                  <c:v>99.252174372916372</c:v>
                </c:pt>
                <c:pt idx="806">
                  <c:v>99.250164249792732</c:v>
                </c:pt>
                <c:pt idx="807">
                  <c:v>99.24774731603695</c:v>
                </c:pt>
                <c:pt idx="808">
                  <c:v>99.245725227894724</c:v>
                </c:pt>
                <c:pt idx="809">
                  <c:v>99.243715104771098</c:v>
                </c:pt>
                <c:pt idx="810">
                  <c:v>99.241298171015288</c:v>
                </c:pt>
                <c:pt idx="811">
                  <c:v>99.239276082873047</c:v>
                </c:pt>
                <c:pt idx="812">
                  <c:v>99.236859149117265</c:v>
                </c:pt>
                <c:pt idx="813">
                  <c:v>99.234849025993654</c:v>
                </c:pt>
                <c:pt idx="814">
                  <c:v>99.232432092237843</c:v>
                </c:pt>
                <c:pt idx="815">
                  <c:v>99.230015158482033</c:v>
                </c:pt>
                <c:pt idx="816">
                  <c:v>99.22759822472625</c:v>
                </c:pt>
                <c:pt idx="817">
                  <c:v>99.225181290970454</c:v>
                </c:pt>
                <c:pt idx="818">
                  <c:v>99.222764357214672</c:v>
                </c:pt>
                <c:pt idx="819">
                  <c:v>99.220347423458875</c:v>
                </c:pt>
                <c:pt idx="820">
                  <c:v>99.217930489703093</c:v>
                </c:pt>
                <c:pt idx="821">
                  <c:v>99.215513555947297</c:v>
                </c:pt>
                <c:pt idx="822">
                  <c:v>99.212689811559329</c:v>
                </c:pt>
                <c:pt idx="823">
                  <c:v>99.210272877803533</c:v>
                </c:pt>
                <c:pt idx="824">
                  <c:v>99.207855944047736</c:v>
                </c:pt>
                <c:pt idx="825">
                  <c:v>99.205439010291954</c:v>
                </c:pt>
                <c:pt idx="826">
                  <c:v>99.203022076536158</c:v>
                </c:pt>
                <c:pt idx="827">
                  <c:v>99.200605142780361</c:v>
                </c:pt>
                <c:pt idx="828">
                  <c:v>99.198188209024579</c:v>
                </c:pt>
                <c:pt idx="829">
                  <c:v>99.195364464636597</c:v>
                </c:pt>
                <c:pt idx="830">
                  <c:v>99.192947530880815</c:v>
                </c:pt>
                <c:pt idx="831">
                  <c:v>99.190530597125033</c:v>
                </c:pt>
                <c:pt idx="832">
                  <c:v>99.187706852737065</c:v>
                </c:pt>
                <c:pt idx="833">
                  <c:v>99.185289918981255</c:v>
                </c:pt>
                <c:pt idx="834">
                  <c:v>99.182872985225472</c:v>
                </c:pt>
                <c:pt idx="835">
                  <c:v>99.180456051469662</c:v>
                </c:pt>
                <c:pt idx="836">
                  <c:v>99.177632307081723</c:v>
                </c:pt>
                <c:pt idx="837">
                  <c:v>99.175215373325926</c:v>
                </c:pt>
                <c:pt idx="838">
                  <c:v>99.172391628937959</c:v>
                </c:pt>
                <c:pt idx="839">
                  <c:v>99.169974695182177</c:v>
                </c:pt>
                <c:pt idx="840">
                  <c:v>99.167557761426366</c:v>
                </c:pt>
                <c:pt idx="841">
                  <c:v>99.164745982057013</c:v>
                </c:pt>
                <c:pt idx="842">
                  <c:v>99.162329048301217</c:v>
                </c:pt>
                <c:pt idx="843">
                  <c:v>99.15990014952682</c:v>
                </c:pt>
                <c:pt idx="844">
                  <c:v>99.157088370157467</c:v>
                </c:pt>
                <c:pt idx="845">
                  <c:v>99.154671436401671</c:v>
                </c:pt>
                <c:pt idx="846">
                  <c:v>99.152254502645874</c:v>
                </c:pt>
                <c:pt idx="847">
                  <c:v>99.149430758257921</c:v>
                </c:pt>
                <c:pt idx="848">
                  <c:v>99.147013824502125</c:v>
                </c:pt>
                <c:pt idx="849">
                  <c:v>99.144190080114157</c:v>
                </c:pt>
                <c:pt idx="850">
                  <c:v>99.141366335726218</c:v>
                </c:pt>
                <c:pt idx="851">
                  <c:v>99.138949401970422</c:v>
                </c:pt>
                <c:pt idx="852">
                  <c:v>99.136137622601069</c:v>
                </c:pt>
                <c:pt idx="853">
                  <c:v>99.133313878213087</c:v>
                </c:pt>
                <c:pt idx="854">
                  <c:v>99.130490133825148</c:v>
                </c:pt>
                <c:pt idx="855">
                  <c:v>99.127666389437181</c:v>
                </c:pt>
                <c:pt idx="856">
                  <c:v>99.124854610067814</c:v>
                </c:pt>
                <c:pt idx="857">
                  <c:v>99.122030865679861</c:v>
                </c:pt>
                <c:pt idx="858">
                  <c:v>99.119207121291907</c:v>
                </c:pt>
                <c:pt idx="859">
                  <c:v>99.116395341922541</c:v>
                </c:pt>
                <c:pt idx="860">
                  <c:v>99.113571597534573</c:v>
                </c:pt>
                <c:pt idx="861">
                  <c:v>99.110747853146648</c:v>
                </c:pt>
                <c:pt idx="862">
                  <c:v>99.107529263145082</c:v>
                </c:pt>
                <c:pt idx="863">
                  <c:v>99.104705518757129</c:v>
                </c:pt>
                <c:pt idx="864">
                  <c:v>99.10188177436919</c:v>
                </c:pt>
                <c:pt idx="865">
                  <c:v>99.098663184367652</c:v>
                </c:pt>
                <c:pt idx="866">
                  <c:v>99.095839439979699</c:v>
                </c:pt>
                <c:pt idx="867">
                  <c:v>99.092620849978147</c:v>
                </c:pt>
                <c:pt idx="868">
                  <c:v>99.089390294958051</c:v>
                </c:pt>
                <c:pt idx="869">
                  <c:v>99.086578515588698</c:v>
                </c:pt>
                <c:pt idx="870">
                  <c:v>99.083347960568574</c:v>
                </c:pt>
                <c:pt idx="871">
                  <c:v>99.080129370567036</c:v>
                </c:pt>
                <c:pt idx="872">
                  <c:v>99.076898815546926</c:v>
                </c:pt>
                <c:pt idx="873">
                  <c:v>99.073680225545374</c:v>
                </c:pt>
                <c:pt idx="874">
                  <c:v>99.070461635543865</c:v>
                </c:pt>
                <c:pt idx="875">
                  <c:v>99.066824269891569</c:v>
                </c:pt>
                <c:pt idx="876">
                  <c:v>99.063605679890046</c:v>
                </c:pt>
                <c:pt idx="877">
                  <c:v>99.060387089888508</c:v>
                </c:pt>
                <c:pt idx="878">
                  <c:v>99.057156534868398</c:v>
                </c:pt>
                <c:pt idx="879">
                  <c:v>99.05393794486686</c:v>
                </c:pt>
                <c:pt idx="880">
                  <c:v>99.050312544233179</c:v>
                </c:pt>
                <c:pt idx="881">
                  <c:v>99.047081989213055</c:v>
                </c:pt>
                <c:pt idx="882">
                  <c:v>99.043456588579346</c:v>
                </c:pt>
                <c:pt idx="883">
                  <c:v>99.040237998577823</c:v>
                </c:pt>
                <c:pt idx="884">
                  <c:v>99.036612597944156</c:v>
                </c:pt>
                <c:pt idx="885">
                  <c:v>99.033382042924032</c:v>
                </c:pt>
                <c:pt idx="886">
                  <c:v>99.029756642290337</c:v>
                </c:pt>
                <c:pt idx="887">
                  <c:v>99.026131241656643</c:v>
                </c:pt>
                <c:pt idx="888">
                  <c:v>99.022505841022962</c:v>
                </c:pt>
                <c:pt idx="889">
                  <c:v>99.018880440389268</c:v>
                </c:pt>
                <c:pt idx="890">
                  <c:v>99.015255039755559</c:v>
                </c:pt>
                <c:pt idx="891">
                  <c:v>99.011629639121892</c:v>
                </c:pt>
                <c:pt idx="892">
                  <c:v>99.008004238488184</c:v>
                </c:pt>
                <c:pt idx="893">
                  <c:v>99.004378837854475</c:v>
                </c:pt>
                <c:pt idx="894">
                  <c:v>99.000753437220808</c:v>
                </c:pt>
                <c:pt idx="895">
                  <c:v>98.997128036587128</c:v>
                </c:pt>
                <c:pt idx="896">
                  <c:v>98.993502635953405</c:v>
                </c:pt>
                <c:pt idx="897">
                  <c:v>98.989470424687553</c:v>
                </c:pt>
                <c:pt idx="898">
                  <c:v>98.985845024053873</c:v>
                </c:pt>
                <c:pt idx="899">
                  <c:v>98.981812812788021</c:v>
                </c:pt>
                <c:pt idx="900">
                  <c:v>98.978187412154327</c:v>
                </c:pt>
                <c:pt idx="901">
                  <c:v>98.974155200888475</c:v>
                </c:pt>
                <c:pt idx="902">
                  <c:v>98.970122989622624</c:v>
                </c:pt>
                <c:pt idx="903">
                  <c:v>98.966102743375345</c:v>
                </c:pt>
                <c:pt idx="904">
                  <c:v>98.962070532109507</c:v>
                </c:pt>
                <c:pt idx="905">
                  <c:v>98.958038320843656</c:v>
                </c:pt>
                <c:pt idx="906">
                  <c:v>98.954006109577804</c:v>
                </c:pt>
                <c:pt idx="907">
                  <c:v>98.949985863330525</c:v>
                </c:pt>
                <c:pt idx="908">
                  <c:v>98.945546841432517</c:v>
                </c:pt>
                <c:pt idx="909">
                  <c:v>98.941514630166665</c:v>
                </c:pt>
                <c:pt idx="910">
                  <c:v>98.937087573287229</c:v>
                </c:pt>
                <c:pt idx="911">
                  <c:v>98.933055362021378</c:v>
                </c:pt>
                <c:pt idx="912">
                  <c:v>98.928628305141956</c:v>
                </c:pt>
                <c:pt idx="913">
                  <c:v>98.924189283243933</c:v>
                </c:pt>
                <c:pt idx="914">
                  <c:v>98.919762226364512</c:v>
                </c:pt>
                <c:pt idx="915">
                  <c:v>98.915335169485104</c:v>
                </c:pt>
                <c:pt idx="916">
                  <c:v>98.910896147587081</c:v>
                </c:pt>
                <c:pt idx="917">
                  <c:v>98.906469090707645</c:v>
                </c:pt>
                <c:pt idx="918">
                  <c:v>98.901635223196052</c:v>
                </c:pt>
                <c:pt idx="919">
                  <c:v>98.897196201298016</c:v>
                </c:pt>
                <c:pt idx="920">
                  <c:v>98.892769144418608</c:v>
                </c:pt>
                <c:pt idx="921">
                  <c:v>98.887935276907029</c:v>
                </c:pt>
                <c:pt idx="922">
                  <c:v>98.883101409395422</c:v>
                </c:pt>
                <c:pt idx="923">
                  <c:v>98.878255576865243</c:v>
                </c:pt>
                <c:pt idx="924">
                  <c:v>98.873421709353664</c:v>
                </c:pt>
                <c:pt idx="925">
                  <c:v>98.868587841842086</c:v>
                </c:pt>
                <c:pt idx="926">
                  <c:v>98.863753974330479</c:v>
                </c:pt>
                <c:pt idx="927">
                  <c:v>98.858920106818886</c:v>
                </c:pt>
                <c:pt idx="928">
                  <c:v>98.853679428675136</c:v>
                </c:pt>
                <c:pt idx="929">
                  <c:v>98.848438750531386</c:v>
                </c:pt>
                <c:pt idx="930">
                  <c:v>98.843604883019808</c:v>
                </c:pt>
                <c:pt idx="931">
                  <c:v>98.838376169894644</c:v>
                </c:pt>
                <c:pt idx="932">
                  <c:v>98.832728681118724</c:v>
                </c:pt>
                <c:pt idx="933">
                  <c:v>98.827488002974988</c:v>
                </c:pt>
                <c:pt idx="934">
                  <c:v>98.822259289849796</c:v>
                </c:pt>
                <c:pt idx="935">
                  <c:v>98.816611801073904</c:v>
                </c:pt>
                <c:pt idx="936">
                  <c:v>98.81097627731657</c:v>
                </c:pt>
                <c:pt idx="937">
                  <c:v>98.805735599172834</c:v>
                </c:pt>
                <c:pt idx="938">
                  <c:v>98.800088110396914</c:v>
                </c:pt>
                <c:pt idx="939">
                  <c:v>98.794452586639594</c:v>
                </c:pt>
                <c:pt idx="940">
                  <c:v>98.788817062882273</c:v>
                </c:pt>
                <c:pt idx="941">
                  <c:v>98.78276276347421</c:v>
                </c:pt>
                <c:pt idx="942">
                  <c:v>98.776720429084705</c:v>
                </c:pt>
                <c:pt idx="943">
                  <c:v>98.771084905327385</c:v>
                </c:pt>
                <c:pt idx="944">
                  <c:v>98.765042570937908</c:v>
                </c:pt>
                <c:pt idx="945">
                  <c:v>98.75859342591626</c:v>
                </c:pt>
                <c:pt idx="946">
                  <c:v>98.752551091526769</c:v>
                </c:pt>
                <c:pt idx="947">
                  <c:v>98.746508757137278</c:v>
                </c:pt>
                <c:pt idx="948">
                  <c:v>98.740059612115616</c:v>
                </c:pt>
                <c:pt idx="949">
                  <c:v>98.733610467093996</c:v>
                </c:pt>
                <c:pt idx="950">
                  <c:v>98.727161322072334</c:v>
                </c:pt>
                <c:pt idx="951">
                  <c:v>98.720712177050686</c:v>
                </c:pt>
                <c:pt idx="952">
                  <c:v>98.713868186415468</c:v>
                </c:pt>
                <c:pt idx="953">
                  <c:v>98.707012230761634</c:v>
                </c:pt>
                <c:pt idx="954">
                  <c:v>98.700575050758616</c:v>
                </c:pt>
                <c:pt idx="955">
                  <c:v>98.693312284472626</c:v>
                </c:pt>
                <c:pt idx="956">
                  <c:v>98.686468293837407</c:v>
                </c:pt>
                <c:pt idx="957">
                  <c:v>98.679217492570032</c:v>
                </c:pt>
                <c:pt idx="958">
                  <c:v>98.671966691302629</c:v>
                </c:pt>
                <c:pt idx="959">
                  <c:v>98.664715890035254</c:v>
                </c:pt>
                <c:pt idx="960">
                  <c:v>98.657453123749264</c:v>
                </c:pt>
                <c:pt idx="961">
                  <c:v>98.649807476868318</c:v>
                </c:pt>
                <c:pt idx="962">
                  <c:v>98.642149864968772</c:v>
                </c:pt>
                <c:pt idx="963">
                  <c:v>98.63449225306924</c:v>
                </c:pt>
                <c:pt idx="964">
                  <c:v>98.626427830537537</c:v>
                </c:pt>
                <c:pt idx="965">
                  <c:v>98.618782183656577</c:v>
                </c:pt>
                <c:pt idx="966">
                  <c:v>98.610717761124874</c:v>
                </c:pt>
                <c:pt idx="967">
                  <c:v>98.602258492979587</c:v>
                </c:pt>
                <c:pt idx="968">
                  <c:v>98.593799224834314</c:v>
                </c:pt>
                <c:pt idx="969">
                  <c:v>98.585339956689026</c:v>
                </c:pt>
                <c:pt idx="970">
                  <c:v>98.576868723525152</c:v>
                </c:pt>
                <c:pt idx="971">
                  <c:v>98.568002644747722</c:v>
                </c:pt>
                <c:pt idx="972">
                  <c:v>98.559148530988864</c:v>
                </c:pt>
                <c:pt idx="973">
                  <c:v>98.55028245221142</c:v>
                </c:pt>
                <c:pt idx="974">
                  <c:v>98.541009562801804</c:v>
                </c:pt>
                <c:pt idx="975">
                  <c:v>98.532143484024374</c:v>
                </c:pt>
                <c:pt idx="976">
                  <c:v>98.522882559633359</c:v>
                </c:pt>
                <c:pt idx="977">
                  <c:v>98.513214824610159</c:v>
                </c:pt>
                <c:pt idx="978">
                  <c:v>98.503535124568415</c:v>
                </c:pt>
                <c:pt idx="979">
                  <c:v>98.49386738954523</c:v>
                </c:pt>
                <c:pt idx="980">
                  <c:v>98.483792843889887</c:v>
                </c:pt>
                <c:pt idx="981">
                  <c:v>98.473718298234544</c:v>
                </c:pt>
                <c:pt idx="982">
                  <c:v>98.463248906965646</c:v>
                </c:pt>
                <c:pt idx="983">
                  <c:v>98.453174361310289</c:v>
                </c:pt>
                <c:pt idx="984">
                  <c:v>98.44269300502279</c:v>
                </c:pt>
                <c:pt idx="985">
                  <c:v>98.432223613753891</c:v>
                </c:pt>
                <c:pt idx="986">
                  <c:v>98.421742257466363</c:v>
                </c:pt>
                <c:pt idx="987">
                  <c:v>98.410866055565279</c:v>
                </c:pt>
                <c:pt idx="988">
                  <c:v>98.399989853664252</c:v>
                </c:pt>
                <c:pt idx="989">
                  <c:v>98.388706841130997</c:v>
                </c:pt>
                <c:pt idx="990">
                  <c:v>98.377423828597756</c:v>
                </c:pt>
                <c:pt idx="991">
                  <c:v>98.365734005432358</c:v>
                </c:pt>
                <c:pt idx="992">
                  <c:v>98.354462957917704</c:v>
                </c:pt>
                <c:pt idx="993">
                  <c:v>98.342366324120135</c:v>
                </c:pt>
                <c:pt idx="994">
                  <c:v>98.330688465973338</c:v>
                </c:pt>
                <c:pt idx="995">
                  <c:v>98.31859183217577</c:v>
                </c:pt>
                <c:pt idx="996">
                  <c:v>98.306507163396816</c:v>
                </c:pt>
                <c:pt idx="997">
                  <c:v>98.294015683985663</c:v>
                </c:pt>
                <c:pt idx="998">
                  <c:v>98.281129358960968</c:v>
                </c:pt>
                <c:pt idx="999">
                  <c:v>98.268637879549814</c:v>
                </c:pt>
                <c:pt idx="1000">
                  <c:v>98.255739589506533</c:v>
                </c:pt>
                <c:pt idx="1001">
                  <c:v>98.242446453849681</c:v>
                </c:pt>
                <c:pt idx="1002">
                  <c:v>98.2291533181928</c:v>
                </c:pt>
                <c:pt idx="1003">
                  <c:v>98.215848217517348</c:v>
                </c:pt>
                <c:pt idx="1004">
                  <c:v>98.202148271228296</c:v>
                </c:pt>
                <c:pt idx="1005">
                  <c:v>98.188448324939273</c:v>
                </c:pt>
                <c:pt idx="1006">
                  <c:v>98.174353533036651</c:v>
                </c:pt>
                <c:pt idx="1007">
                  <c:v>98.160246776115486</c:v>
                </c:pt>
                <c:pt idx="1008">
                  <c:v>98.146140019194291</c:v>
                </c:pt>
                <c:pt idx="1009">
                  <c:v>98.131638416659513</c:v>
                </c:pt>
                <c:pt idx="1010">
                  <c:v>98.117136814124763</c:v>
                </c:pt>
                <c:pt idx="1011">
                  <c:v>98.102228400957827</c:v>
                </c:pt>
                <c:pt idx="1012">
                  <c:v>98.087319987790906</c:v>
                </c:pt>
                <c:pt idx="1013">
                  <c:v>98.07241157462397</c:v>
                </c:pt>
                <c:pt idx="1014">
                  <c:v>98.057096350824878</c:v>
                </c:pt>
                <c:pt idx="1015">
                  <c:v>98.041793092044372</c:v>
                </c:pt>
                <c:pt idx="1016">
                  <c:v>98.026071057613123</c:v>
                </c:pt>
                <c:pt idx="1017">
                  <c:v>98.01036098820046</c:v>
                </c:pt>
                <c:pt idx="1018">
                  <c:v>97.994244108155627</c:v>
                </c:pt>
                <c:pt idx="1019">
                  <c:v>97.978127228110807</c:v>
                </c:pt>
                <c:pt idx="1020">
                  <c:v>97.961603537433817</c:v>
                </c:pt>
                <c:pt idx="1021">
                  <c:v>97.945486657388997</c:v>
                </c:pt>
                <c:pt idx="1022">
                  <c:v>97.928568121098436</c:v>
                </c:pt>
                <c:pt idx="1023">
                  <c:v>97.911637619789289</c:v>
                </c:pt>
                <c:pt idx="1024">
                  <c:v>97.894719083498714</c:v>
                </c:pt>
                <c:pt idx="1025">
                  <c:v>97.877800547208153</c:v>
                </c:pt>
                <c:pt idx="1026">
                  <c:v>97.860475200285421</c:v>
                </c:pt>
                <c:pt idx="1027">
                  <c:v>97.843544698976288</c:v>
                </c:pt>
                <c:pt idx="1028">
                  <c:v>97.826219352053556</c:v>
                </c:pt>
                <c:pt idx="1029">
                  <c:v>97.808499159517254</c:v>
                </c:pt>
                <c:pt idx="1030">
                  <c:v>97.79117381259455</c:v>
                </c:pt>
                <c:pt idx="1031">
                  <c:v>97.773441655039662</c:v>
                </c:pt>
                <c:pt idx="1032">
                  <c:v>97.755709497484773</c:v>
                </c:pt>
                <c:pt idx="1033">
                  <c:v>97.737582494316328</c:v>
                </c:pt>
                <c:pt idx="1034">
                  <c:v>97.719850336761411</c:v>
                </c:pt>
                <c:pt idx="1035">
                  <c:v>97.701316522960795</c:v>
                </c:pt>
                <c:pt idx="1036">
                  <c:v>97.683189519792364</c:v>
                </c:pt>
                <c:pt idx="1037">
                  <c:v>97.665050551605304</c:v>
                </c:pt>
                <c:pt idx="1038">
                  <c:v>97.646516737804674</c:v>
                </c:pt>
                <c:pt idx="1039">
                  <c:v>97.627982924004058</c:v>
                </c:pt>
                <c:pt idx="1040">
                  <c:v>97.609449110203457</c:v>
                </c:pt>
                <c:pt idx="1041">
                  <c:v>97.590508485770656</c:v>
                </c:pt>
                <c:pt idx="1042">
                  <c:v>97.571974671970025</c:v>
                </c:pt>
                <c:pt idx="1043">
                  <c:v>97.553034047537267</c:v>
                </c:pt>
                <c:pt idx="1044">
                  <c:v>97.534105388123066</c:v>
                </c:pt>
                <c:pt idx="1045">
                  <c:v>97.514757953058123</c:v>
                </c:pt>
                <c:pt idx="1046">
                  <c:v>97.495422483011779</c:v>
                </c:pt>
                <c:pt idx="1047">
                  <c:v>97.476075047946821</c:v>
                </c:pt>
                <c:pt idx="1048">
                  <c:v>97.456739577900464</c:v>
                </c:pt>
                <c:pt idx="1049">
                  <c:v>97.43699729722195</c:v>
                </c:pt>
                <c:pt idx="1050">
                  <c:v>97.417255016543407</c:v>
                </c:pt>
                <c:pt idx="1051">
                  <c:v>97.397105925232736</c:v>
                </c:pt>
                <c:pt idx="1052">
                  <c:v>97.377770455186393</c:v>
                </c:pt>
                <c:pt idx="1053">
                  <c:v>97.35842302012145</c:v>
                </c:pt>
                <c:pt idx="1054">
                  <c:v>97.338680739442935</c:v>
                </c:pt>
                <c:pt idx="1055">
                  <c:v>97.319345269396578</c:v>
                </c:pt>
                <c:pt idx="1056">
                  <c:v>97.299997834331634</c:v>
                </c:pt>
                <c:pt idx="1057">
                  <c:v>97.280662364285291</c:v>
                </c:pt>
                <c:pt idx="1058">
                  <c:v>97.260920083606763</c:v>
                </c:pt>
                <c:pt idx="1059">
                  <c:v>97.241572648541819</c:v>
                </c:pt>
                <c:pt idx="1060">
                  <c:v>97.22143552224972</c:v>
                </c:pt>
                <c:pt idx="1061">
                  <c:v>97.201693241571206</c:v>
                </c:pt>
                <c:pt idx="1062">
                  <c:v>97.181544150260535</c:v>
                </c:pt>
                <c:pt idx="1063">
                  <c:v>97.161395058949836</c:v>
                </c:pt>
                <c:pt idx="1064">
                  <c:v>97.141245967639179</c:v>
                </c:pt>
                <c:pt idx="1065">
                  <c:v>97.121108841347095</c:v>
                </c:pt>
                <c:pt idx="1066">
                  <c:v>97.100959750036395</c:v>
                </c:pt>
                <c:pt idx="1067">
                  <c:v>97.080810658725738</c:v>
                </c:pt>
                <c:pt idx="1068">
                  <c:v>97.060661567415039</c:v>
                </c:pt>
                <c:pt idx="1069">
                  <c:v>97.040117630490784</c:v>
                </c:pt>
                <c:pt idx="1070">
                  <c:v>97.019968539180113</c:v>
                </c:pt>
                <c:pt idx="1071">
                  <c:v>96.999424602255857</c:v>
                </c:pt>
                <c:pt idx="1072">
                  <c:v>96.978868700313015</c:v>
                </c:pt>
                <c:pt idx="1073">
                  <c:v>96.958324763388788</c:v>
                </c:pt>
                <c:pt idx="1074">
                  <c:v>96.937768861445932</c:v>
                </c:pt>
                <c:pt idx="1075">
                  <c:v>96.917631735153847</c:v>
                </c:pt>
                <c:pt idx="1076">
                  <c:v>96.896669022578834</c:v>
                </c:pt>
                <c:pt idx="1077">
                  <c:v>96.876125085654564</c:v>
                </c:pt>
                <c:pt idx="1078">
                  <c:v>96.855581148730323</c:v>
                </c:pt>
                <c:pt idx="1079">
                  <c:v>96.834618436155324</c:v>
                </c:pt>
                <c:pt idx="1080">
                  <c:v>96.814074499231069</c:v>
                </c:pt>
                <c:pt idx="1081">
                  <c:v>96.793123751674656</c:v>
                </c:pt>
                <c:pt idx="1082">
                  <c:v>96.772173004118258</c:v>
                </c:pt>
                <c:pt idx="1083">
                  <c:v>96.751617102175402</c:v>
                </c:pt>
                <c:pt idx="1084">
                  <c:v>96.730666354618975</c:v>
                </c:pt>
                <c:pt idx="1085">
                  <c:v>96.71012241769472</c:v>
                </c:pt>
                <c:pt idx="1086">
                  <c:v>96.689566515751878</c:v>
                </c:pt>
                <c:pt idx="1087">
                  <c:v>96.668615768195465</c:v>
                </c:pt>
                <c:pt idx="1088">
                  <c:v>96.647665020639067</c:v>
                </c:pt>
                <c:pt idx="1089">
                  <c:v>96.626307462450484</c:v>
                </c:pt>
                <c:pt idx="1090">
                  <c:v>96.605356714894072</c:v>
                </c:pt>
                <c:pt idx="1091">
                  <c:v>96.584405967337645</c:v>
                </c:pt>
                <c:pt idx="1092">
                  <c:v>96.563048409149062</c:v>
                </c:pt>
                <c:pt idx="1093">
                  <c:v>96.542097661592649</c:v>
                </c:pt>
                <c:pt idx="1094">
                  <c:v>96.521146914036251</c:v>
                </c:pt>
                <c:pt idx="1095">
                  <c:v>96.500602977111996</c:v>
                </c:pt>
                <c:pt idx="1096">
                  <c:v>96.479245418923412</c:v>
                </c:pt>
                <c:pt idx="1097">
                  <c:v>96.457887860734829</c:v>
                </c:pt>
                <c:pt idx="1098">
                  <c:v>96.436530302546259</c:v>
                </c:pt>
                <c:pt idx="1099">
                  <c:v>96.415579554989833</c:v>
                </c:pt>
                <c:pt idx="1100">
                  <c:v>96.394221996801264</c:v>
                </c:pt>
                <c:pt idx="1101">
                  <c:v>96.373678059877022</c:v>
                </c:pt>
                <c:pt idx="1102">
                  <c:v>96.353134122952767</c:v>
                </c:pt>
                <c:pt idx="1103">
                  <c:v>96.332578221009911</c:v>
                </c:pt>
                <c:pt idx="1104">
                  <c:v>96.312034284085655</c:v>
                </c:pt>
                <c:pt idx="1105">
                  <c:v>96.291478382142841</c:v>
                </c:pt>
                <c:pt idx="1106">
                  <c:v>96.270934445218572</c:v>
                </c:pt>
                <c:pt idx="1107">
                  <c:v>96.249983697662174</c:v>
                </c:pt>
                <c:pt idx="1108">
                  <c:v>96.229032950105747</c:v>
                </c:pt>
                <c:pt idx="1109">
                  <c:v>96.208477048162905</c:v>
                </c:pt>
                <c:pt idx="1110">
                  <c:v>96.187933111238664</c:v>
                </c:pt>
                <c:pt idx="1111">
                  <c:v>96.167784019927964</c:v>
                </c:pt>
                <c:pt idx="1112">
                  <c:v>96.147228117985122</c:v>
                </c:pt>
                <c:pt idx="1113">
                  <c:v>96.126684181060881</c:v>
                </c:pt>
                <c:pt idx="1114">
                  <c:v>96.10614024413664</c:v>
                </c:pt>
                <c:pt idx="1115">
                  <c:v>96.08599115282594</c:v>
                </c:pt>
                <c:pt idx="1116">
                  <c:v>96.065435250883098</c:v>
                </c:pt>
                <c:pt idx="1117">
                  <c:v>96.044891313958857</c:v>
                </c:pt>
                <c:pt idx="1118">
                  <c:v>96.024335412016001</c:v>
                </c:pt>
                <c:pt idx="1119">
                  <c:v>96.003791475091774</c:v>
                </c:pt>
                <c:pt idx="1120">
                  <c:v>95.98324753816749</c:v>
                </c:pt>
                <c:pt idx="1121">
                  <c:v>95.962691636224648</c:v>
                </c:pt>
                <c:pt idx="1122">
                  <c:v>95.942542544913977</c:v>
                </c:pt>
                <c:pt idx="1123">
                  <c:v>95.92199860798975</c:v>
                </c:pt>
                <c:pt idx="1124">
                  <c:v>95.901454671065494</c:v>
                </c:pt>
                <c:pt idx="1125">
                  <c:v>95.881305579754809</c:v>
                </c:pt>
                <c:pt idx="1126">
                  <c:v>95.860749677811981</c:v>
                </c:pt>
                <c:pt idx="1127">
                  <c:v>95.840612551519882</c:v>
                </c:pt>
                <c:pt idx="1128">
                  <c:v>95.820463460209183</c:v>
                </c:pt>
                <c:pt idx="1129">
                  <c:v>95.799907558266341</c:v>
                </c:pt>
                <c:pt idx="1130">
                  <c:v>95.779770431974256</c:v>
                </c:pt>
                <c:pt idx="1131">
                  <c:v>95.759621340663585</c:v>
                </c:pt>
                <c:pt idx="1132">
                  <c:v>95.739472249352886</c:v>
                </c:pt>
                <c:pt idx="1133">
                  <c:v>95.719323158042215</c:v>
                </c:pt>
                <c:pt idx="1134">
                  <c:v>95.699186031750131</c:v>
                </c:pt>
                <c:pt idx="1135">
                  <c:v>95.67903694043946</c:v>
                </c:pt>
                <c:pt idx="1136">
                  <c:v>95.659294659760931</c:v>
                </c:pt>
                <c:pt idx="1137">
                  <c:v>95.639145568450246</c:v>
                </c:pt>
                <c:pt idx="1138">
                  <c:v>95.619403287771732</c:v>
                </c:pt>
                <c:pt idx="1139">
                  <c:v>95.599254196461075</c:v>
                </c:pt>
                <c:pt idx="1140">
                  <c:v>95.579511915782547</c:v>
                </c:pt>
                <c:pt idx="1141">
                  <c:v>95.559769635104004</c:v>
                </c:pt>
                <c:pt idx="1142">
                  <c:v>95.540027354425504</c:v>
                </c:pt>
                <c:pt idx="1143">
                  <c:v>95.520285073746976</c:v>
                </c:pt>
                <c:pt idx="1144">
                  <c:v>95.500542793068476</c:v>
                </c:pt>
                <c:pt idx="1145">
                  <c:v>95.480800512389948</c:v>
                </c:pt>
                <c:pt idx="1146">
                  <c:v>95.461453077325004</c:v>
                </c:pt>
                <c:pt idx="1147">
                  <c:v>95.441303986014319</c:v>
                </c:pt>
                <c:pt idx="1148">
                  <c:v>95.421561705335805</c:v>
                </c:pt>
                <c:pt idx="1149">
                  <c:v>95.40181942465729</c:v>
                </c:pt>
                <c:pt idx="1150">
                  <c:v>95.382077143978776</c:v>
                </c:pt>
                <c:pt idx="1151">
                  <c:v>95.362741673932419</c:v>
                </c:pt>
                <c:pt idx="1152">
                  <c:v>95.343801049499646</c:v>
                </c:pt>
                <c:pt idx="1153">
                  <c:v>95.324465579453275</c:v>
                </c:pt>
                <c:pt idx="1154">
                  <c:v>95.305524955020502</c:v>
                </c:pt>
                <c:pt idx="1155">
                  <c:v>95.286584330587715</c:v>
                </c:pt>
                <c:pt idx="1156">
                  <c:v>95.268050516787099</c:v>
                </c:pt>
                <c:pt idx="1157">
                  <c:v>95.249109892354326</c:v>
                </c:pt>
                <c:pt idx="1158">
                  <c:v>95.230181232940126</c:v>
                </c:pt>
                <c:pt idx="1159">
                  <c:v>95.211635454120909</c:v>
                </c:pt>
                <c:pt idx="1160">
                  <c:v>95.192706794706723</c:v>
                </c:pt>
                <c:pt idx="1161">
                  <c:v>95.17376617027395</c:v>
                </c:pt>
                <c:pt idx="1162">
                  <c:v>95.155232356473306</c:v>
                </c:pt>
                <c:pt idx="1163">
                  <c:v>95.136291732040533</c:v>
                </c:pt>
                <c:pt idx="1164">
                  <c:v>95.117757918239903</c:v>
                </c:pt>
                <c:pt idx="1165">
                  <c:v>95.098817293807116</c:v>
                </c:pt>
                <c:pt idx="1166">
                  <c:v>95.080283480006514</c:v>
                </c:pt>
                <c:pt idx="1167">
                  <c:v>95.062156476838055</c:v>
                </c:pt>
                <c:pt idx="1168">
                  <c:v>95.043622663037425</c:v>
                </c:pt>
                <c:pt idx="1169">
                  <c:v>95.025483694850379</c:v>
                </c:pt>
                <c:pt idx="1170">
                  <c:v>95.00735669168192</c:v>
                </c:pt>
                <c:pt idx="1171">
                  <c:v>94.988822877881319</c:v>
                </c:pt>
                <c:pt idx="1172">
                  <c:v>94.970695874712845</c:v>
                </c:pt>
                <c:pt idx="1173">
                  <c:v>94.952556906525814</c:v>
                </c:pt>
                <c:pt idx="1174">
                  <c:v>94.934836713989498</c:v>
                </c:pt>
                <c:pt idx="1175">
                  <c:v>94.916697745802466</c:v>
                </c:pt>
                <c:pt idx="1176">
                  <c:v>94.898965588247577</c:v>
                </c:pt>
                <c:pt idx="1177">
                  <c:v>94.881245395711261</c:v>
                </c:pt>
                <c:pt idx="1178">
                  <c:v>94.863513238156401</c:v>
                </c:pt>
                <c:pt idx="1179">
                  <c:v>94.845781080601512</c:v>
                </c:pt>
                <c:pt idx="1180">
                  <c:v>94.82845573367878</c:v>
                </c:pt>
                <c:pt idx="1181">
                  <c:v>94.810735541142492</c:v>
                </c:pt>
                <c:pt idx="1182">
                  <c:v>94.793003383587617</c:v>
                </c:pt>
                <c:pt idx="1183">
                  <c:v>94.775678036664885</c:v>
                </c:pt>
                <c:pt idx="1184">
                  <c:v>94.757945879109997</c:v>
                </c:pt>
                <c:pt idx="1185">
                  <c:v>94.740620532187265</c:v>
                </c:pt>
                <c:pt idx="1186">
                  <c:v>94.723295185264547</c:v>
                </c:pt>
                <c:pt idx="1187">
                  <c:v>94.706376648974</c:v>
                </c:pt>
                <c:pt idx="1188">
                  <c:v>94.689051302051269</c:v>
                </c:pt>
                <c:pt idx="1189">
                  <c:v>94.672120800742121</c:v>
                </c:pt>
                <c:pt idx="1190">
                  <c:v>94.655202264451546</c:v>
                </c:pt>
                <c:pt idx="1191">
                  <c:v>94.638283728160999</c:v>
                </c:pt>
                <c:pt idx="1192">
                  <c:v>94.621353226851852</c:v>
                </c:pt>
                <c:pt idx="1193">
                  <c:v>94.60402787992912</c:v>
                </c:pt>
                <c:pt idx="1194">
                  <c:v>94.587109343638573</c:v>
                </c:pt>
                <c:pt idx="1195">
                  <c:v>94.570178842329412</c:v>
                </c:pt>
                <c:pt idx="1196">
                  <c:v>94.55285349540668</c:v>
                </c:pt>
                <c:pt idx="1197">
                  <c:v>94.535934959116133</c:v>
                </c:pt>
                <c:pt idx="1198">
                  <c:v>94.519016422825558</c:v>
                </c:pt>
                <c:pt idx="1199">
                  <c:v>94.502492732148582</c:v>
                </c:pt>
                <c:pt idx="1200">
                  <c:v>94.485574195858021</c:v>
                </c:pt>
                <c:pt idx="1201">
                  <c:v>94.469457315813173</c:v>
                </c:pt>
                <c:pt idx="1202">
                  <c:v>94.453735281381938</c:v>
                </c:pt>
                <c:pt idx="1203">
                  <c:v>94.438025211969276</c:v>
                </c:pt>
                <c:pt idx="1204">
                  <c:v>94.422315142556613</c:v>
                </c:pt>
                <c:pt idx="1205">
                  <c:v>94.406593108125364</c:v>
                </c:pt>
                <c:pt idx="1206">
                  <c:v>94.390883038712701</c:v>
                </c:pt>
                <c:pt idx="1207">
                  <c:v>94.375172969300024</c:v>
                </c:pt>
                <c:pt idx="1208">
                  <c:v>94.359450934868775</c:v>
                </c:pt>
                <c:pt idx="1209">
                  <c:v>94.343740865456112</c:v>
                </c:pt>
                <c:pt idx="1210">
                  <c:v>94.328030796043464</c:v>
                </c:pt>
                <c:pt idx="1211">
                  <c:v>94.312715572244372</c:v>
                </c:pt>
                <c:pt idx="1212">
                  <c:v>94.297005502831695</c:v>
                </c:pt>
                <c:pt idx="1213">
                  <c:v>94.281690279032603</c:v>
                </c:pt>
                <c:pt idx="1214">
                  <c:v>94.265573398987783</c:v>
                </c:pt>
                <c:pt idx="1215">
                  <c:v>94.249863329575106</c:v>
                </c:pt>
                <c:pt idx="1216">
                  <c:v>94.234141295143857</c:v>
                </c:pt>
                <c:pt idx="1217">
                  <c:v>94.218838036363366</c:v>
                </c:pt>
                <c:pt idx="1218">
                  <c:v>94.20392962319643</c:v>
                </c:pt>
                <c:pt idx="1219">
                  <c:v>94.188614399397338</c:v>
                </c:pt>
                <c:pt idx="1220">
                  <c:v>94.173705986230416</c:v>
                </c:pt>
                <c:pt idx="1221">
                  <c:v>94.158797573063495</c:v>
                </c:pt>
                <c:pt idx="1222">
                  <c:v>94.143482349264389</c:v>
                </c:pt>
                <c:pt idx="1223">
                  <c:v>94.128573936097453</c:v>
                </c:pt>
                <c:pt idx="1224">
                  <c:v>94.113665522930532</c:v>
                </c:pt>
                <c:pt idx="1225">
                  <c:v>94.09836226415004</c:v>
                </c:pt>
                <c:pt idx="1226">
                  <c:v>94.083848696596661</c:v>
                </c:pt>
                <c:pt idx="1227">
                  <c:v>94.06894028342974</c:v>
                </c:pt>
                <c:pt idx="1228">
                  <c:v>94.054845491527146</c:v>
                </c:pt>
                <c:pt idx="1229">
                  <c:v>94.040738734605952</c:v>
                </c:pt>
                <c:pt idx="1230">
                  <c:v>94.026237132071174</c:v>
                </c:pt>
                <c:pt idx="1231">
                  <c:v>94.012130375150008</c:v>
                </c:pt>
                <c:pt idx="1232">
                  <c:v>93.997628772615244</c:v>
                </c:pt>
                <c:pt idx="1233">
                  <c:v>93.983522015694021</c:v>
                </c:pt>
                <c:pt idx="1234">
                  <c:v>93.969020413159271</c:v>
                </c:pt>
                <c:pt idx="1235">
                  <c:v>93.954518810624492</c:v>
                </c:pt>
                <c:pt idx="1236">
                  <c:v>93.940412053703312</c:v>
                </c:pt>
                <c:pt idx="1237">
                  <c:v>93.925910451168534</c:v>
                </c:pt>
                <c:pt idx="1238">
                  <c:v>93.911803694247354</c:v>
                </c:pt>
                <c:pt idx="1239">
                  <c:v>93.89769693732616</c:v>
                </c:pt>
                <c:pt idx="1240">
                  <c:v>93.883602145423538</c:v>
                </c:pt>
                <c:pt idx="1241">
                  <c:v>93.869495388502372</c:v>
                </c:pt>
                <c:pt idx="1242">
                  <c:v>93.855388631581164</c:v>
                </c:pt>
                <c:pt idx="1243">
                  <c:v>93.841700650310727</c:v>
                </c:pt>
                <c:pt idx="1244">
                  <c:v>93.827593893389533</c:v>
                </c:pt>
                <c:pt idx="1245">
                  <c:v>93.813893947100496</c:v>
                </c:pt>
                <c:pt idx="1246">
                  <c:v>93.800194000811459</c:v>
                </c:pt>
                <c:pt idx="1247">
                  <c:v>93.786087243890279</c:v>
                </c:pt>
                <c:pt idx="1248">
                  <c:v>93.772387297601242</c:v>
                </c:pt>
                <c:pt idx="1249">
                  <c:v>93.759094161944361</c:v>
                </c:pt>
                <c:pt idx="1250">
                  <c:v>93.744987405023167</c:v>
                </c:pt>
                <c:pt idx="1251">
                  <c:v>93.731299423752731</c:v>
                </c:pt>
                <c:pt idx="1252">
                  <c:v>93.717994323077264</c:v>
                </c:pt>
                <c:pt idx="1253">
                  <c:v>93.704701187420412</c:v>
                </c:pt>
                <c:pt idx="1254">
                  <c:v>93.691408051763545</c:v>
                </c:pt>
                <c:pt idx="1255">
                  <c:v>93.678102951088078</c:v>
                </c:pt>
                <c:pt idx="1256">
                  <c:v>93.664809815431212</c:v>
                </c:pt>
                <c:pt idx="1257">
                  <c:v>93.651516679774332</c:v>
                </c:pt>
                <c:pt idx="1258">
                  <c:v>93.638223544117466</c:v>
                </c:pt>
                <c:pt idx="1259">
                  <c:v>93.624918443442013</c:v>
                </c:pt>
                <c:pt idx="1260">
                  <c:v>93.611625307785133</c:v>
                </c:pt>
                <c:pt idx="1261">
                  <c:v>93.598332172128266</c:v>
                </c:pt>
                <c:pt idx="1262">
                  <c:v>93.585433882084985</c:v>
                </c:pt>
                <c:pt idx="1263">
                  <c:v>93.572140746428119</c:v>
                </c:pt>
                <c:pt idx="1264">
                  <c:v>93.559242456384808</c:v>
                </c:pt>
                <c:pt idx="1265">
                  <c:v>93.545949320727942</c:v>
                </c:pt>
                <c:pt idx="1266">
                  <c:v>93.53265618507109</c:v>
                </c:pt>
                <c:pt idx="1267">
                  <c:v>93.519351084395609</c:v>
                </c:pt>
                <c:pt idx="1268">
                  <c:v>93.506057948738743</c:v>
                </c:pt>
                <c:pt idx="1269">
                  <c:v>93.492764813081877</c:v>
                </c:pt>
                <c:pt idx="1270">
                  <c:v>93.479459712406424</c:v>
                </c:pt>
                <c:pt idx="1271">
                  <c:v>93.4665733873817</c:v>
                </c:pt>
                <c:pt idx="1272">
                  <c:v>93.453675097338404</c:v>
                </c:pt>
                <c:pt idx="1273">
                  <c:v>93.440788772313709</c:v>
                </c:pt>
                <c:pt idx="1274">
                  <c:v>93.42829729290257</c:v>
                </c:pt>
                <c:pt idx="1275">
                  <c:v>93.415399002859274</c:v>
                </c:pt>
                <c:pt idx="1276">
                  <c:v>93.402500712815979</c:v>
                </c:pt>
                <c:pt idx="1277">
                  <c:v>93.39002119842344</c:v>
                </c:pt>
                <c:pt idx="1278">
                  <c:v>93.377122908380144</c:v>
                </c:pt>
                <c:pt idx="1279">
                  <c:v>93.36463142896902</c:v>
                </c:pt>
                <c:pt idx="1280">
                  <c:v>93.351733138925724</c:v>
                </c:pt>
                <c:pt idx="1281">
                  <c:v>93.338846813901</c:v>
                </c:pt>
                <c:pt idx="1282">
                  <c:v>93.326355334489875</c:v>
                </c:pt>
                <c:pt idx="1283">
                  <c:v>93.313457044446565</c:v>
                </c:pt>
                <c:pt idx="1284">
                  <c:v>93.30057071942187</c:v>
                </c:pt>
                <c:pt idx="1285">
                  <c:v>93.288079240010731</c:v>
                </c:pt>
                <c:pt idx="1286">
                  <c:v>93.275180949967435</c:v>
                </c:pt>
                <c:pt idx="1287">
                  <c:v>93.262282659924139</c:v>
                </c:pt>
                <c:pt idx="1288">
                  <c:v>93.249803145531587</c:v>
                </c:pt>
                <c:pt idx="1289">
                  <c:v>93.237311666120476</c:v>
                </c:pt>
                <c:pt idx="1290">
                  <c:v>93.224413376077152</c:v>
                </c:pt>
                <c:pt idx="1291">
                  <c:v>93.211921896666027</c:v>
                </c:pt>
                <c:pt idx="1292">
                  <c:v>93.199430417254888</c:v>
                </c:pt>
                <c:pt idx="1293">
                  <c:v>93.186938937843749</c:v>
                </c:pt>
                <c:pt idx="1294">
                  <c:v>93.174447458432624</c:v>
                </c:pt>
                <c:pt idx="1295">
                  <c:v>93.161955979021499</c:v>
                </c:pt>
                <c:pt idx="1296">
                  <c:v>93.149464499610346</c:v>
                </c:pt>
                <c:pt idx="1297">
                  <c:v>93.136973020199235</c:v>
                </c:pt>
                <c:pt idx="1298">
                  <c:v>93.124493505806669</c:v>
                </c:pt>
                <c:pt idx="1299">
                  <c:v>93.112396872009114</c:v>
                </c:pt>
                <c:pt idx="1300">
                  <c:v>93.099905392597975</c:v>
                </c:pt>
                <c:pt idx="1301">
                  <c:v>93.08741391318685</c:v>
                </c:pt>
                <c:pt idx="1302">
                  <c:v>93.075329244407882</c:v>
                </c:pt>
                <c:pt idx="1303">
                  <c:v>93.062837764996743</c:v>
                </c:pt>
                <c:pt idx="1304">
                  <c:v>93.050753096217775</c:v>
                </c:pt>
                <c:pt idx="1305">
                  <c:v>93.038261616806622</c:v>
                </c:pt>
                <c:pt idx="1306">
                  <c:v>93.026176948027654</c:v>
                </c:pt>
                <c:pt idx="1307">
                  <c:v>93.013685468616529</c:v>
                </c:pt>
                <c:pt idx="1308">
                  <c:v>93.001600799837561</c:v>
                </c:pt>
                <c:pt idx="1309">
                  <c:v>92.989504166039993</c:v>
                </c:pt>
                <c:pt idx="1310">
                  <c:v>92.97741949726101</c:v>
                </c:pt>
                <c:pt idx="1311">
                  <c:v>92.964928017849886</c:v>
                </c:pt>
                <c:pt idx="1312">
                  <c:v>92.952843349070918</c:v>
                </c:pt>
                <c:pt idx="1313">
                  <c:v>92.94075868029195</c:v>
                </c:pt>
                <c:pt idx="1314">
                  <c:v>92.928662046494381</c:v>
                </c:pt>
                <c:pt idx="1315">
                  <c:v>92.916170567083242</c:v>
                </c:pt>
                <c:pt idx="1316">
                  <c:v>92.904085898304274</c:v>
                </c:pt>
                <c:pt idx="1317">
                  <c:v>92.892001229525306</c:v>
                </c:pt>
                <c:pt idx="1318">
                  <c:v>92.879916560746338</c:v>
                </c:pt>
                <c:pt idx="1319">
                  <c:v>92.86822673758094</c:v>
                </c:pt>
                <c:pt idx="1320">
                  <c:v>92.856142068801944</c:v>
                </c:pt>
                <c:pt idx="1321">
                  <c:v>92.84405740002299</c:v>
                </c:pt>
                <c:pt idx="1322">
                  <c:v>92.831960766225436</c:v>
                </c:pt>
                <c:pt idx="1323">
                  <c:v>92.819876097446453</c:v>
                </c:pt>
                <c:pt idx="1324">
                  <c:v>92.807791428667485</c:v>
                </c:pt>
                <c:pt idx="1325">
                  <c:v>92.796101605502088</c:v>
                </c:pt>
                <c:pt idx="1326">
                  <c:v>92.784016936723106</c:v>
                </c:pt>
                <c:pt idx="1327">
                  <c:v>92.771932267944152</c:v>
                </c:pt>
                <c:pt idx="1328">
                  <c:v>92.759835634146569</c:v>
                </c:pt>
                <c:pt idx="1329">
                  <c:v>92.747750965367601</c:v>
                </c:pt>
                <c:pt idx="1330">
                  <c:v>92.735666296588633</c:v>
                </c:pt>
                <c:pt idx="1331">
                  <c:v>92.723581627809665</c:v>
                </c:pt>
                <c:pt idx="1332">
                  <c:v>92.711891804644267</c:v>
                </c:pt>
                <c:pt idx="1333">
                  <c:v>92.699807135865314</c:v>
                </c:pt>
                <c:pt idx="1334">
                  <c:v>92.688117312699887</c:v>
                </c:pt>
                <c:pt idx="1335">
                  <c:v>92.676439454553091</c:v>
                </c:pt>
                <c:pt idx="1336">
                  <c:v>92.664342820755522</c:v>
                </c:pt>
                <c:pt idx="1337">
                  <c:v>92.652664962608711</c:v>
                </c:pt>
                <c:pt idx="1338">
                  <c:v>92.640975139443313</c:v>
                </c:pt>
                <c:pt idx="1339">
                  <c:v>92.628890470664345</c:v>
                </c:pt>
                <c:pt idx="1340">
                  <c:v>92.617200647498947</c:v>
                </c:pt>
                <c:pt idx="1341">
                  <c:v>92.605115978719979</c:v>
                </c:pt>
                <c:pt idx="1342">
                  <c:v>92.593438120573168</c:v>
                </c:pt>
                <c:pt idx="1343">
                  <c:v>92.581748297407756</c:v>
                </c:pt>
                <c:pt idx="1344">
                  <c:v>92.569663628628788</c:v>
                </c:pt>
                <c:pt idx="1345">
                  <c:v>92.557973805463391</c:v>
                </c:pt>
                <c:pt idx="1346">
                  <c:v>92.546295947316594</c:v>
                </c:pt>
                <c:pt idx="1347">
                  <c:v>92.534606124151182</c:v>
                </c:pt>
                <c:pt idx="1348">
                  <c:v>92.522916300985784</c:v>
                </c:pt>
                <c:pt idx="1349">
                  <c:v>92.511238442838973</c:v>
                </c:pt>
                <c:pt idx="1350">
                  <c:v>92.499153774059991</c:v>
                </c:pt>
                <c:pt idx="1351">
                  <c:v>92.487463950894593</c:v>
                </c:pt>
                <c:pt idx="1352">
                  <c:v>92.47577412772921</c:v>
                </c:pt>
                <c:pt idx="1353">
                  <c:v>92.464096269582399</c:v>
                </c:pt>
                <c:pt idx="1354">
                  <c:v>92.452813257049158</c:v>
                </c:pt>
                <c:pt idx="1355">
                  <c:v>92.44112343388376</c:v>
                </c:pt>
                <c:pt idx="1356">
                  <c:v>92.429445575736963</c:v>
                </c:pt>
                <c:pt idx="1357">
                  <c:v>92.417755752571537</c:v>
                </c:pt>
                <c:pt idx="1358">
                  <c:v>92.406472740038311</c:v>
                </c:pt>
                <c:pt idx="1359">
                  <c:v>92.394794881891499</c:v>
                </c:pt>
                <c:pt idx="1360">
                  <c:v>92.383105058726102</c:v>
                </c:pt>
                <c:pt idx="1361">
                  <c:v>92.371415235560704</c:v>
                </c:pt>
                <c:pt idx="1362">
                  <c:v>92.359737377413907</c:v>
                </c:pt>
                <c:pt idx="1363">
                  <c:v>92.348047554248495</c:v>
                </c:pt>
                <c:pt idx="1364">
                  <c:v>92.336369696101684</c:v>
                </c:pt>
                <c:pt idx="1365">
                  <c:v>92.324679872936287</c:v>
                </c:pt>
                <c:pt idx="1366">
                  <c:v>92.313002014789475</c:v>
                </c:pt>
                <c:pt idx="1367">
                  <c:v>92.301312191624078</c:v>
                </c:pt>
                <c:pt idx="1368">
                  <c:v>92.28962236845868</c:v>
                </c:pt>
                <c:pt idx="1369">
                  <c:v>92.277537699679712</c:v>
                </c:pt>
                <c:pt idx="1370">
                  <c:v>92.26545303090073</c:v>
                </c:pt>
                <c:pt idx="1371">
                  <c:v>92.253763207735332</c:v>
                </c:pt>
                <c:pt idx="1372">
                  <c:v>92.24167853895635</c:v>
                </c:pt>
                <c:pt idx="1373">
                  <c:v>92.229988715790952</c:v>
                </c:pt>
                <c:pt idx="1374">
                  <c:v>92.218717668276312</c:v>
                </c:pt>
                <c:pt idx="1375">
                  <c:v>92.207027845110915</c:v>
                </c:pt>
                <c:pt idx="1376">
                  <c:v>92.195338021945517</c:v>
                </c:pt>
                <c:pt idx="1377">
                  <c:v>92.183660163798692</c:v>
                </c:pt>
                <c:pt idx="1378">
                  <c:v>92.171970340633308</c:v>
                </c:pt>
                <c:pt idx="1379">
                  <c:v>92.160292482486511</c:v>
                </c:pt>
                <c:pt idx="1380">
                  <c:v>92.148602659321085</c:v>
                </c:pt>
                <c:pt idx="1381">
                  <c:v>92.137319646787859</c:v>
                </c:pt>
                <c:pt idx="1382">
                  <c:v>92.126036634254618</c:v>
                </c:pt>
                <c:pt idx="1383">
                  <c:v>92.114753621721377</c:v>
                </c:pt>
                <c:pt idx="1384">
                  <c:v>92.103470609188136</c:v>
                </c:pt>
                <c:pt idx="1385">
                  <c:v>92.09219956167351</c:v>
                </c:pt>
                <c:pt idx="1386">
                  <c:v>92.081311394753854</c:v>
                </c:pt>
                <c:pt idx="1387">
                  <c:v>92.070028382220599</c:v>
                </c:pt>
                <c:pt idx="1388">
                  <c:v>92.058350524073802</c:v>
                </c:pt>
                <c:pt idx="1389">
                  <c:v>92.047067511540547</c:v>
                </c:pt>
                <c:pt idx="1390">
                  <c:v>92.035784499007306</c:v>
                </c:pt>
                <c:pt idx="1391">
                  <c:v>92.024094675841923</c:v>
                </c:pt>
                <c:pt idx="1392">
                  <c:v>92.012811663308696</c:v>
                </c:pt>
                <c:pt idx="1393">
                  <c:v>92.001540615794056</c:v>
                </c:pt>
                <c:pt idx="1394">
                  <c:v>91.990257603260801</c:v>
                </c:pt>
                <c:pt idx="1395">
                  <c:v>91.978974590727574</c:v>
                </c:pt>
                <c:pt idx="1396">
                  <c:v>91.967284767562163</c:v>
                </c:pt>
                <c:pt idx="1397">
                  <c:v>91.956001755028936</c:v>
                </c:pt>
                <c:pt idx="1398">
                  <c:v>91.944323896882111</c:v>
                </c:pt>
                <c:pt idx="1399">
                  <c:v>91.932634073716713</c:v>
                </c:pt>
                <c:pt idx="1400">
                  <c:v>91.920956215569916</c:v>
                </c:pt>
                <c:pt idx="1401">
                  <c:v>91.909673203036661</c:v>
                </c:pt>
                <c:pt idx="1402">
                  <c:v>91.898390190503449</c:v>
                </c:pt>
                <c:pt idx="1403">
                  <c:v>91.886700367338022</c:v>
                </c:pt>
                <c:pt idx="1404">
                  <c:v>91.875417354804796</c:v>
                </c:pt>
                <c:pt idx="1405">
                  <c:v>91.864541152903726</c:v>
                </c:pt>
                <c:pt idx="1406">
                  <c:v>91.853258140370471</c:v>
                </c:pt>
                <c:pt idx="1407">
                  <c:v>91.842381938469401</c:v>
                </c:pt>
                <c:pt idx="1408">
                  <c:v>91.831505736568346</c:v>
                </c:pt>
                <c:pt idx="1409">
                  <c:v>91.820617569648661</c:v>
                </c:pt>
                <c:pt idx="1410">
                  <c:v>91.809334557115434</c:v>
                </c:pt>
                <c:pt idx="1411">
                  <c:v>91.798458355214365</c:v>
                </c:pt>
                <c:pt idx="1412">
                  <c:v>91.787175342681124</c:v>
                </c:pt>
                <c:pt idx="1413">
                  <c:v>91.77629914078004</c:v>
                </c:pt>
                <c:pt idx="1414">
                  <c:v>91.765016128246828</c:v>
                </c:pt>
                <c:pt idx="1415">
                  <c:v>91.754139926345729</c:v>
                </c:pt>
                <c:pt idx="1416">
                  <c:v>91.742856913812489</c:v>
                </c:pt>
                <c:pt idx="1417">
                  <c:v>91.731980711911419</c:v>
                </c:pt>
                <c:pt idx="1418">
                  <c:v>91.720697699378178</c:v>
                </c:pt>
                <c:pt idx="1419">
                  <c:v>91.709414686844966</c:v>
                </c:pt>
                <c:pt idx="1420">
                  <c:v>91.698538484943882</c:v>
                </c:pt>
                <c:pt idx="1421">
                  <c:v>91.687662283042798</c:v>
                </c:pt>
                <c:pt idx="1422">
                  <c:v>91.676379270509585</c:v>
                </c:pt>
                <c:pt idx="1423">
                  <c:v>91.6654911035899</c:v>
                </c:pt>
                <c:pt idx="1424">
                  <c:v>91.654614901688817</c:v>
                </c:pt>
                <c:pt idx="1425">
                  <c:v>91.643738699787747</c:v>
                </c:pt>
                <c:pt idx="1426">
                  <c:v>91.632455687254506</c:v>
                </c:pt>
                <c:pt idx="1427">
                  <c:v>91.621172674721279</c:v>
                </c:pt>
                <c:pt idx="1428">
                  <c:v>91.609889662188039</c:v>
                </c:pt>
                <c:pt idx="1429">
                  <c:v>91.599013460286969</c:v>
                </c:pt>
                <c:pt idx="1430">
                  <c:v>91.588137258385899</c:v>
                </c:pt>
                <c:pt idx="1431">
                  <c:v>91.577655902098385</c:v>
                </c:pt>
                <c:pt idx="1432">
                  <c:v>91.567186510829472</c:v>
                </c:pt>
                <c:pt idx="1433">
                  <c:v>91.556298343909816</c:v>
                </c:pt>
                <c:pt idx="1434">
                  <c:v>91.545422142008732</c:v>
                </c:pt>
                <c:pt idx="1435">
                  <c:v>91.534545940107662</c:v>
                </c:pt>
                <c:pt idx="1436">
                  <c:v>91.523669738206593</c:v>
                </c:pt>
                <c:pt idx="1437">
                  <c:v>91.513188381919079</c:v>
                </c:pt>
                <c:pt idx="1438">
                  <c:v>91.502312180018009</c:v>
                </c:pt>
                <c:pt idx="1439">
                  <c:v>91.49183082373051</c:v>
                </c:pt>
                <c:pt idx="1440">
                  <c:v>91.481361432461597</c:v>
                </c:pt>
                <c:pt idx="1441">
                  <c:v>91.470880076174097</c:v>
                </c:pt>
                <c:pt idx="1442">
                  <c:v>91.460805530518755</c:v>
                </c:pt>
                <c:pt idx="1443">
                  <c:v>91.450730984863398</c:v>
                </c:pt>
                <c:pt idx="1444">
                  <c:v>91.441063249840241</c:v>
                </c:pt>
                <c:pt idx="1445">
                  <c:v>91.430988704184884</c:v>
                </c:pt>
                <c:pt idx="1446">
                  <c:v>91.420926123548156</c:v>
                </c:pt>
                <c:pt idx="1447">
                  <c:v>91.410851577892799</c:v>
                </c:pt>
                <c:pt idx="1448">
                  <c:v>91.4003702216053</c:v>
                </c:pt>
                <c:pt idx="1449">
                  <c:v>91.390295675949972</c:v>
                </c:pt>
                <c:pt idx="1450">
                  <c:v>91.380221130294629</c:v>
                </c:pt>
                <c:pt idx="1451">
                  <c:v>91.369751739025716</c:v>
                </c:pt>
                <c:pt idx="1452">
                  <c:v>91.359677193370374</c:v>
                </c:pt>
                <c:pt idx="1453">
                  <c:v>91.34919583708286</c:v>
                </c:pt>
                <c:pt idx="1454">
                  <c:v>91.339121291427531</c:v>
                </c:pt>
                <c:pt idx="1455">
                  <c:v>91.328651900158604</c:v>
                </c:pt>
                <c:pt idx="1456">
                  <c:v>91.318170543871105</c:v>
                </c:pt>
                <c:pt idx="1457">
                  <c:v>91.308095998215776</c:v>
                </c:pt>
                <c:pt idx="1458">
                  <c:v>91.298033417579035</c:v>
                </c:pt>
                <c:pt idx="1459">
                  <c:v>91.287958871923692</c:v>
                </c:pt>
                <c:pt idx="1460">
                  <c:v>91.277477515636178</c:v>
                </c:pt>
                <c:pt idx="1461">
                  <c:v>91.267402969980836</c:v>
                </c:pt>
                <c:pt idx="1462">
                  <c:v>91.256933578711923</c:v>
                </c:pt>
                <c:pt idx="1463">
                  <c:v>91.246452222424452</c:v>
                </c:pt>
                <c:pt idx="1464">
                  <c:v>91.236784487401252</c:v>
                </c:pt>
                <c:pt idx="1465">
                  <c:v>91.22711675237808</c:v>
                </c:pt>
                <c:pt idx="1466">
                  <c:v>91.217042206722738</c:v>
                </c:pt>
                <c:pt idx="1467">
                  <c:v>91.20737447169958</c:v>
                </c:pt>
                <c:pt idx="1468">
                  <c:v>91.197299926044224</c:v>
                </c:pt>
                <c:pt idx="1469">
                  <c:v>91.187225380388881</c:v>
                </c:pt>
                <c:pt idx="1470">
                  <c:v>91.177150834733538</c:v>
                </c:pt>
                <c:pt idx="1471">
                  <c:v>91.167076289078196</c:v>
                </c:pt>
                <c:pt idx="1472">
                  <c:v>91.157001743422853</c:v>
                </c:pt>
                <c:pt idx="1473">
                  <c:v>91.147334008399682</c:v>
                </c:pt>
                <c:pt idx="1474">
                  <c:v>91.137259462744353</c:v>
                </c:pt>
                <c:pt idx="1475">
                  <c:v>91.127184917088996</c:v>
                </c:pt>
                <c:pt idx="1476">
                  <c:v>91.117517182065811</c:v>
                </c:pt>
                <c:pt idx="1477">
                  <c:v>91.107442636410468</c:v>
                </c:pt>
                <c:pt idx="1478">
                  <c:v>91.097774901387311</c:v>
                </c:pt>
                <c:pt idx="1479">
                  <c:v>91.087700355731968</c:v>
                </c:pt>
                <c:pt idx="1480">
                  <c:v>91.078032620708797</c:v>
                </c:pt>
                <c:pt idx="1481">
                  <c:v>91.06795807505344</c:v>
                </c:pt>
                <c:pt idx="1482">
                  <c:v>91.058290340030254</c:v>
                </c:pt>
                <c:pt idx="1483">
                  <c:v>91.048622605007097</c:v>
                </c:pt>
                <c:pt idx="1484">
                  <c:v>91.038548059351754</c:v>
                </c:pt>
                <c:pt idx="1485">
                  <c:v>91.028868359309996</c:v>
                </c:pt>
                <c:pt idx="1486">
                  <c:v>91.01880577867324</c:v>
                </c:pt>
                <c:pt idx="1487">
                  <c:v>91.009126078631468</c:v>
                </c:pt>
                <c:pt idx="1488">
                  <c:v>90.999458343608282</c:v>
                </c:pt>
                <c:pt idx="1489">
                  <c:v>90.989383797952939</c:v>
                </c:pt>
                <c:pt idx="1490">
                  <c:v>90.979716062929782</c:v>
                </c:pt>
                <c:pt idx="1491">
                  <c:v>90.970048327906596</c:v>
                </c:pt>
                <c:pt idx="1492">
                  <c:v>90.960380592883411</c:v>
                </c:pt>
                <c:pt idx="1493">
                  <c:v>90.950306047228096</c:v>
                </c:pt>
                <c:pt idx="1494">
                  <c:v>90.940638312204896</c:v>
                </c:pt>
                <c:pt idx="1495">
                  <c:v>90.930958612163124</c:v>
                </c:pt>
                <c:pt idx="1496">
                  <c:v>90.921290877139953</c:v>
                </c:pt>
                <c:pt idx="1497">
                  <c:v>90.911623142116781</c:v>
                </c:pt>
                <c:pt idx="1498">
                  <c:v>90.90195540709361</c:v>
                </c:pt>
                <c:pt idx="1499">
                  <c:v>90.892287672070424</c:v>
                </c:pt>
                <c:pt idx="1500">
                  <c:v>90.882607972028666</c:v>
                </c:pt>
                <c:pt idx="1501">
                  <c:v>90.87294023700548</c:v>
                </c:pt>
                <c:pt idx="1502">
                  <c:v>90.863272501982294</c:v>
                </c:pt>
                <c:pt idx="1503">
                  <c:v>90.853604766959137</c:v>
                </c:pt>
                <c:pt idx="1504">
                  <c:v>90.843937031935951</c:v>
                </c:pt>
                <c:pt idx="1505">
                  <c:v>90.834257331894179</c:v>
                </c:pt>
                <c:pt idx="1506">
                  <c:v>90.824589596870993</c:v>
                </c:pt>
                <c:pt idx="1507">
                  <c:v>90.814921861847807</c:v>
                </c:pt>
                <c:pt idx="1508">
                  <c:v>90.80525412682465</c:v>
                </c:pt>
                <c:pt idx="1509">
                  <c:v>90.795574426782878</c:v>
                </c:pt>
                <c:pt idx="1510">
                  <c:v>90.785906691759706</c:v>
                </c:pt>
                <c:pt idx="1511">
                  <c:v>90.77623895673652</c:v>
                </c:pt>
                <c:pt idx="1512">
                  <c:v>90.766571221713349</c:v>
                </c:pt>
                <c:pt idx="1513">
                  <c:v>90.756903486690163</c:v>
                </c:pt>
                <c:pt idx="1514">
                  <c:v>90.747630597280576</c:v>
                </c:pt>
                <c:pt idx="1515">
                  <c:v>90.737962862257376</c:v>
                </c:pt>
                <c:pt idx="1516">
                  <c:v>90.728295127234205</c:v>
                </c:pt>
                <c:pt idx="1517">
                  <c:v>90.719022237824603</c:v>
                </c:pt>
                <c:pt idx="1518">
                  <c:v>90.709354502801432</c:v>
                </c:pt>
                <c:pt idx="1519">
                  <c:v>90.699686767778246</c:v>
                </c:pt>
                <c:pt idx="1520">
                  <c:v>90.690413878368645</c:v>
                </c:pt>
                <c:pt idx="1521">
                  <c:v>90.680746143345459</c:v>
                </c:pt>
                <c:pt idx="1522">
                  <c:v>90.671473253935858</c:v>
                </c:pt>
                <c:pt idx="1523">
                  <c:v>90.661805518912686</c:v>
                </c:pt>
                <c:pt idx="1524">
                  <c:v>90.652544594521672</c:v>
                </c:pt>
                <c:pt idx="1525">
                  <c:v>90.642876859498486</c:v>
                </c:pt>
                <c:pt idx="1526">
                  <c:v>90.633603970088885</c:v>
                </c:pt>
                <c:pt idx="1527">
                  <c:v>90.624331080679283</c:v>
                </c:pt>
                <c:pt idx="1528">
                  <c:v>90.615070156288269</c:v>
                </c:pt>
                <c:pt idx="1529">
                  <c:v>90.605797266878653</c:v>
                </c:pt>
                <c:pt idx="1530">
                  <c:v>90.596129531855468</c:v>
                </c:pt>
                <c:pt idx="1531">
                  <c:v>90.586868607464481</c:v>
                </c:pt>
                <c:pt idx="1532">
                  <c:v>90.578002528687037</c:v>
                </c:pt>
                <c:pt idx="1533">
                  <c:v>90.568334793663851</c:v>
                </c:pt>
                <c:pt idx="1534">
                  <c:v>90.559061904254236</c:v>
                </c:pt>
                <c:pt idx="1535">
                  <c:v>90.549800979863221</c:v>
                </c:pt>
                <c:pt idx="1536">
                  <c:v>90.540528090453634</c:v>
                </c:pt>
                <c:pt idx="1537">
                  <c:v>90.531255201044019</c:v>
                </c:pt>
                <c:pt idx="1538">
                  <c:v>90.52199427665299</c:v>
                </c:pt>
                <c:pt idx="1539">
                  <c:v>90.51312819787556</c:v>
                </c:pt>
                <c:pt idx="1540">
                  <c:v>90.503867273484545</c:v>
                </c:pt>
                <c:pt idx="1541">
                  <c:v>90.494594384074944</c:v>
                </c:pt>
                <c:pt idx="1542">
                  <c:v>90.485333459683929</c:v>
                </c:pt>
                <c:pt idx="1543">
                  <c:v>90.475653759642157</c:v>
                </c:pt>
                <c:pt idx="1544">
                  <c:v>90.466392835251142</c:v>
                </c:pt>
                <c:pt idx="1545">
                  <c:v>90.45672510022797</c:v>
                </c:pt>
                <c:pt idx="1546">
                  <c:v>90.447452210818355</c:v>
                </c:pt>
                <c:pt idx="1547">
                  <c:v>90.438191286427354</c:v>
                </c:pt>
                <c:pt idx="1548">
                  <c:v>90.428918397017739</c:v>
                </c:pt>
                <c:pt idx="1549">
                  <c:v>90.420052318240295</c:v>
                </c:pt>
                <c:pt idx="1550">
                  <c:v>90.411186239462864</c:v>
                </c:pt>
                <c:pt idx="1551">
                  <c:v>90.401925315071836</c:v>
                </c:pt>
                <c:pt idx="1552">
                  <c:v>90.393059236294405</c:v>
                </c:pt>
                <c:pt idx="1553">
                  <c:v>90.384193157516961</c:v>
                </c:pt>
                <c:pt idx="1554">
                  <c:v>90.374920268107346</c:v>
                </c:pt>
                <c:pt idx="1555">
                  <c:v>90.366066154348488</c:v>
                </c:pt>
                <c:pt idx="1556">
                  <c:v>90.357200075571043</c:v>
                </c:pt>
                <c:pt idx="1557">
                  <c:v>90.348333996793599</c:v>
                </c:pt>
                <c:pt idx="1558">
                  <c:v>90.339467918016169</c:v>
                </c:pt>
                <c:pt idx="1559">
                  <c:v>90.330601839238724</c:v>
                </c:pt>
                <c:pt idx="1560">
                  <c:v>90.32173576046128</c:v>
                </c:pt>
                <c:pt idx="1561">
                  <c:v>90.312881646702436</c:v>
                </c:pt>
                <c:pt idx="1562">
                  <c:v>90.303608757292835</c:v>
                </c:pt>
                <c:pt idx="1563">
                  <c:v>90.294742678515377</c:v>
                </c:pt>
                <c:pt idx="1564">
                  <c:v>90.285481754124376</c:v>
                </c:pt>
                <c:pt idx="1565">
                  <c:v>90.276615675346932</c:v>
                </c:pt>
                <c:pt idx="1566">
                  <c:v>90.267342785937316</c:v>
                </c:pt>
                <c:pt idx="1567">
                  <c:v>90.258883517792043</c:v>
                </c:pt>
                <c:pt idx="1568">
                  <c:v>90.250017439014613</c:v>
                </c:pt>
                <c:pt idx="1569">
                  <c:v>90.241558170869311</c:v>
                </c:pt>
                <c:pt idx="1570">
                  <c:v>90.232692092091881</c:v>
                </c:pt>
                <c:pt idx="1571">
                  <c:v>90.224232823946608</c:v>
                </c:pt>
                <c:pt idx="1572">
                  <c:v>90.215366745169149</c:v>
                </c:pt>
                <c:pt idx="1573">
                  <c:v>90.206500666391705</c:v>
                </c:pt>
                <c:pt idx="1574">
                  <c:v>90.197634587614274</c:v>
                </c:pt>
                <c:pt idx="1575">
                  <c:v>90.189175319468987</c:v>
                </c:pt>
                <c:pt idx="1576">
                  <c:v>90.180309240691543</c:v>
                </c:pt>
                <c:pt idx="1577">
                  <c:v>90.171443161914098</c:v>
                </c:pt>
                <c:pt idx="1578">
                  <c:v>90.162589048155255</c:v>
                </c:pt>
                <c:pt idx="1579">
                  <c:v>90.15411781499138</c:v>
                </c:pt>
                <c:pt idx="1580">
                  <c:v>90.145263701232523</c:v>
                </c:pt>
                <c:pt idx="1581">
                  <c:v>90.136397622455078</c:v>
                </c:pt>
                <c:pt idx="1582">
                  <c:v>90.127938354309791</c:v>
                </c:pt>
                <c:pt idx="1583">
                  <c:v>90.119072275532361</c:v>
                </c:pt>
                <c:pt idx="1584">
                  <c:v>90.11020619675493</c:v>
                </c:pt>
                <c:pt idx="1585">
                  <c:v>90.101340117977472</c:v>
                </c:pt>
                <c:pt idx="1586">
                  <c:v>90.092880849832198</c:v>
                </c:pt>
                <c:pt idx="1587">
                  <c:v>90.084421581686911</c:v>
                </c:pt>
                <c:pt idx="1588">
                  <c:v>90.075555502909467</c:v>
                </c:pt>
                <c:pt idx="1589">
                  <c:v>90.067096234764193</c:v>
                </c:pt>
                <c:pt idx="1590">
                  <c:v>90.058625001600319</c:v>
                </c:pt>
                <c:pt idx="1591">
                  <c:v>90.050572544087203</c:v>
                </c:pt>
                <c:pt idx="1592">
                  <c:v>90.042113275941915</c:v>
                </c:pt>
                <c:pt idx="1593">
                  <c:v>90.033654007796642</c:v>
                </c:pt>
                <c:pt idx="1594">
                  <c:v>90.025182774632768</c:v>
                </c:pt>
                <c:pt idx="1595">
                  <c:v>90.01672350648748</c:v>
                </c:pt>
                <c:pt idx="1596">
                  <c:v>90.008264238342207</c:v>
                </c:pt>
                <c:pt idx="1597">
                  <c:v>89.999804970196934</c:v>
                </c:pt>
                <c:pt idx="1598">
                  <c:v>89.991345702051646</c:v>
                </c:pt>
                <c:pt idx="1599">
                  <c:v>89.982874468887772</c:v>
                </c:pt>
                <c:pt idx="1600">
                  <c:v>89.974415200742499</c:v>
                </c:pt>
                <c:pt idx="1601">
                  <c:v>89.966362743229382</c:v>
                </c:pt>
                <c:pt idx="1602">
                  <c:v>89.957903475084109</c:v>
                </c:pt>
                <c:pt idx="1603">
                  <c:v>89.949432241920206</c:v>
                </c:pt>
                <c:pt idx="1604">
                  <c:v>89.941379784407104</c:v>
                </c:pt>
                <c:pt idx="1605">
                  <c:v>89.932920516261831</c:v>
                </c:pt>
                <c:pt idx="1606">
                  <c:v>89.924856093730128</c:v>
                </c:pt>
                <c:pt idx="1607">
                  <c:v>89.916396825584854</c:v>
                </c:pt>
                <c:pt idx="1608">
                  <c:v>89.908344368071738</c:v>
                </c:pt>
                <c:pt idx="1609">
                  <c:v>89.900279945540035</c:v>
                </c:pt>
                <c:pt idx="1610">
                  <c:v>89.891820677394733</c:v>
                </c:pt>
                <c:pt idx="1611">
                  <c:v>89.883756254863016</c:v>
                </c:pt>
                <c:pt idx="1612">
                  <c:v>89.875703797349914</c:v>
                </c:pt>
                <c:pt idx="1613">
                  <c:v>89.867639374818211</c:v>
                </c:pt>
                <c:pt idx="1614">
                  <c:v>89.85958691730508</c:v>
                </c:pt>
                <c:pt idx="1615">
                  <c:v>89.851522494773377</c:v>
                </c:pt>
                <c:pt idx="1616">
                  <c:v>89.843470037260261</c:v>
                </c:pt>
                <c:pt idx="1617">
                  <c:v>89.835405614728543</c:v>
                </c:pt>
                <c:pt idx="1618">
                  <c:v>89.827353157215427</c:v>
                </c:pt>
                <c:pt idx="1619">
                  <c:v>89.819288734683724</c:v>
                </c:pt>
                <c:pt idx="1620">
                  <c:v>89.811236277170607</c:v>
                </c:pt>
                <c:pt idx="1621">
                  <c:v>89.803578665271061</c:v>
                </c:pt>
                <c:pt idx="1622">
                  <c:v>89.795514242739358</c:v>
                </c:pt>
                <c:pt idx="1623">
                  <c:v>89.787461785226228</c:v>
                </c:pt>
                <c:pt idx="1624">
                  <c:v>89.779804173326696</c:v>
                </c:pt>
                <c:pt idx="1625">
                  <c:v>89.771751715813579</c:v>
                </c:pt>
                <c:pt idx="1626">
                  <c:v>89.764094103914033</c:v>
                </c:pt>
                <c:pt idx="1627">
                  <c:v>89.75602968138233</c:v>
                </c:pt>
                <c:pt idx="1628">
                  <c:v>89.748372069482784</c:v>
                </c:pt>
                <c:pt idx="1629">
                  <c:v>89.740319611969667</c:v>
                </c:pt>
                <c:pt idx="1630">
                  <c:v>89.73225518943795</c:v>
                </c:pt>
                <c:pt idx="1631">
                  <c:v>89.724609542556976</c:v>
                </c:pt>
                <c:pt idx="1632">
                  <c:v>89.716545120025287</c:v>
                </c:pt>
                <c:pt idx="1633">
                  <c:v>89.708887508125741</c:v>
                </c:pt>
                <c:pt idx="1634">
                  <c:v>89.700835050612611</c:v>
                </c:pt>
                <c:pt idx="1635">
                  <c:v>89.693177438713079</c:v>
                </c:pt>
                <c:pt idx="1636">
                  <c:v>89.685113016181376</c:v>
                </c:pt>
                <c:pt idx="1637">
                  <c:v>89.677060558668245</c:v>
                </c:pt>
                <c:pt idx="1638">
                  <c:v>89.668996136136542</c:v>
                </c:pt>
                <c:pt idx="1639">
                  <c:v>89.661350489255582</c:v>
                </c:pt>
                <c:pt idx="1640">
                  <c:v>89.653286066723879</c:v>
                </c:pt>
                <c:pt idx="1641">
                  <c:v>89.645628454824333</c:v>
                </c:pt>
                <c:pt idx="1642">
                  <c:v>89.637575997311217</c:v>
                </c:pt>
                <c:pt idx="1643">
                  <c:v>89.629918385411685</c:v>
                </c:pt>
                <c:pt idx="1644">
                  <c:v>89.622260773512124</c:v>
                </c:pt>
                <c:pt idx="1645">
                  <c:v>89.614603161612578</c:v>
                </c:pt>
                <c:pt idx="1646">
                  <c:v>89.606945549713032</c:v>
                </c:pt>
                <c:pt idx="1647">
                  <c:v>89.599299902832087</c:v>
                </c:pt>
                <c:pt idx="1648">
                  <c:v>89.592037136546111</c:v>
                </c:pt>
                <c:pt idx="1649">
                  <c:v>89.584391489665165</c:v>
                </c:pt>
                <c:pt idx="1650">
                  <c:v>89.576733877765591</c:v>
                </c:pt>
                <c:pt idx="1651">
                  <c:v>89.569076265866073</c:v>
                </c:pt>
                <c:pt idx="1652">
                  <c:v>89.56182546459867</c:v>
                </c:pt>
                <c:pt idx="1653">
                  <c:v>89.554167852699123</c:v>
                </c:pt>
                <c:pt idx="1654">
                  <c:v>89.546510240799591</c:v>
                </c:pt>
                <c:pt idx="1655">
                  <c:v>89.538852628900045</c:v>
                </c:pt>
                <c:pt idx="1656">
                  <c:v>89.531601827632656</c:v>
                </c:pt>
                <c:pt idx="1657">
                  <c:v>89.523944215733124</c:v>
                </c:pt>
                <c:pt idx="1658">
                  <c:v>89.516693414465735</c:v>
                </c:pt>
                <c:pt idx="1659">
                  <c:v>89.509035802566174</c:v>
                </c:pt>
                <c:pt idx="1660">
                  <c:v>89.501390155685229</c:v>
                </c:pt>
                <c:pt idx="1661">
                  <c:v>89.494127389399253</c:v>
                </c:pt>
                <c:pt idx="1662">
                  <c:v>89.486481742518293</c:v>
                </c:pt>
                <c:pt idx="1663">
                  <c:v>89.479218976232318</c:v>
                </c:pt>
                <c:pt idx="1664">
                  <c:v>89.471573329351372</c:v>
                </c:pt>
                <c:pt idx="1665">
                  <c:v>89.464310563065396</c:v>
                </c:pt>
                <c:pt idx="1666">
                  <c:v>89.457059761798007</c:v>
                </c:pt>
                <c:pt idx="1667">
                  <c:v>89.449402149898461</c:v>
                </c:pt>
                <c:pt idx="1668">
                  <c:v>89.4421513486311</c:v>
                </c:pt>
                <c:pt idx="1669">
                  <c:v>89.434900547363711</c:v>
                </c:pt>
                <c:pt idx="1670">
                  <c:v>89.427649746096321</c:v>
                </c:pt>
                <c:pt idx="1671">
                  <c:v>89.420398944828932</c:v>
                </c:pt>
                <c:pt idx="1672">
                  <c:v>89.413148143561557</c:v>
                </c:pt>
                <c:pt idx="1673">
                  <c:v>89.405885377275581</c:v>
                </c:pt>
                <c:pt idx="1674">
                  <c:v>89.398239730394636</c:v>
                </c:pt>
                <c:pt idx="1675">
                  <c:v>89.39097696410866</c:v>
                </c:pt>
                <c:pt idx="1676">
                  <c:v>89.383726162841256</c:v>
                </c:pt>
                <c:pt idx="1677">
                  <c:v>89.376882172206038</c:v>
                </c:pt>
                <c:pt idx="1678">
                  <c:v>89.369631370938649</c:v>
                </c:pt>
                <c:pt idx="1679">
                  <c:v>89.362380569671302</c:v>
                </c:pt>
                <c:pt idx="1680">
                  <c:v>89.355117803385298</c:v>
                </c:pt>
                <c:pt idx="1681">
                  <c:v>89.347867002117923</c:v>
                </c:pt>
                <c:pt idx="1682">
                  <c:v>89.340616200850548</c:v>
                </c:pt>
                <c:pt idx="1683">
                  <c:v>89.333772210215329</c:v>
                </c:pt>
                <c:pt idx="1684">
                  <c:v>89.326509443929339</c:v>
                </c:pt>
                <c:pt idx="1685">
                  <c:v>89.319258642661964</c:v>
                </c:pt>
                <c:pt idx="1686">
                  <c:v>89.312007841394575</c:v>
                </c:pt>
                <c:pt idx="1687">
                  <c:v>89.305163850759357</c:v>
                </c:pt>
                <c:pt idx="1688">
                  <c:v>89.297901084473395</c:v>
                </c:pt>
                <c:pt idx="1689">
                  <c:v>89.290650283205991</c:v>
                </c:pt>
                <c:pt idx="1690">
                  <c:v>89.283399481938616</c:v>
                </c:pt>
                <c:pt idx="1691">
                  <c:v>89.276148680671255</c:v>
                </c:pt>
                <c:pt idx="1692">
                  <c:v>89.269304690036009</c:v>
                </c:pt>
                <c:pt idx="1693">
                  <c:v>89.262041923750061</c:v>
                </c:pt>
                <c:pt idx="1694">
                  <c:v>89.254791122482658</c:v>
                </c:pt>
                <c:pt idx="1695">
                  <c:v>89.247540321215268</c:v>
                </c:pt>
                <c:pt idx="1696">
                  <c:v>89.240289519947908</c:v>
                </c:pt>
                <c:pt idx="1697">
                  <c:v>89.233433564294103</c:v>
                </c:pt>
                <c:pt idx="1698">
                  <c:v>89.226182763026699</c:v>
                </c:pt>
                <c:pt idx="1699">
                  <c:v>89.219338772391481</c:v>
                </c:pt>
                <c:pt idx="1700">
                  <c:v>89.212087971124106</c:v>
                </c:pt>
                <c:pt idx="1701">
                  <c:v>89.205232015470287</c:v>
                </c:pt>
                <c:pt idx="1702">
                  <c:v>89.197981214202898</c:v>
                </c:pt>
                <c:pt idx="1703">
                  <c:v>89.190730412935508</c:v>
                </c:pt>
                <c:pt idx="1704">
                  <c:v>89.183874457281718</c:v>
                </c:pt>
                <c:pt idx="1705">
                  <c:v>89.176623656014328</c:v>
                </c:pt>
                <c:pt idx="1706">
                  <c:v>89.16977966537911</c:v>
                </c:pt>
                <c:pt idx="1707">
                  <c:v>89.162528864111735</c:v>
                </c:pt>
                <c:pt idx="1708">
                  <c:v>89.155266097825731</c:v>
                </c:pt>
                <c:pt idx="1709">
                  <c:v>89.148422107190513</c:v>
                </c:pt>
                <c:pt idx="1710">
                  <c:v>89.141171305923152</c:v>
                </c:pt>
                <c:pt idx="1711">
                  <c:v>89.134315350269347</c:v>
                </c:pt>
                <c:pt idx="1712">
                  <c:v>89.127471359634114</c:v>
                </c:pt>
                <c:pt idx="1713">
                  <c:v>89.120220558366739</c:v>
                </c:pt>
                <c:pt idx="1714">
                  <c:v>89.11336460271292</c:v>
                </c:pt>
                <c:pt idx="1715">
                  <c:v>89.106520612077702</c:v>
                </c:pt>
                <c:pt idx="1716">
                  <c:v>89.099269810810313</c:v>
                </c:pt>
                <c:pt idx="1717">
                  <c:v>89.092413855156508</c:v>
                </c:pt>
                <c:pt idx="1718">
                  <c:v>89.08556986452129</c:v>
                </c:pt>
                <c:pt idx="1719">
                  <c:v>89.078713908867471</c:v>
                </c:pt>
                <c:pt idx="1720">
                  <c:v>89.071869918232252</c:v>
                </c:pt>
                <c:pt idx="1721">
                  <c:v>89.065013962578448</c:v>
                </c:pt>
                <c:pt idx="1722">
                  <c:v>89.058169971943229</c:v>
                </c:pt>
                <c:pt idx="1723">
                  <c:v>89.051314016289425</c:v>
                </c:pt>
                <c:pt idx="1724">
                  <c:v>89.044470025654192</c:v>
                </c:pt>
                <c:pt idx="1725">
                  <c:v>89.037614070000387</c:v>
                </c:pt>
                <c:pt idx="1726">
                  <c:v>89.030770079365169</c:v>
                </c:pt>
                <c:pt idx="1727">
                  <c:v>89.02391412371135</c:v>
                </c:pt>
                <c:pt idx="1728">
                  <c:v>89.017070133076132</c:v>
                </c:pt>
                <c:pt idx="1729">
                  <c:v>89.010214177422313</c:v>
                </c:pt>
                <c:pt idx="1730">
                  <c:v>89.003370186787095</c:v>
                </c:pt>
                <c:pt idx="1731">
                  <c:v>88.99651423113329</c:v>
                </c:pt>
                <c:pt idx="1732">
                  <c:v>88.989670240498072</c:v>
                </c:pt>
                <c:pt idx="1733">
                  <c:v>88.982814284844252</c:v>
                </c:pt>
                <c:pt idx="1734">
                  <c:v>88.975970294209034</c:v>
                </c:pt>
                <c:pt idx="1735">
                  <c:v>88.969114338555215</c:v>
                </c:pt>
                <c:pt idx="1736">
                  <c:v>88.962270347919997</c:v>
                </c:pt>
                <c:pt idx="1737">
                  <c:v>88.955426357284779</c:v>
                </c:pt>
                <c:pt idx="1738">
                  <c:v>88.948570401630974</c:v>
                </c:pt>
                <c:pt idx="1739">
                  <c:v>88.941726410995756</c:v>
                </c:pt>
                <c:pt idx="1740">
                  <c:v>88.934870455341937</c:v>
                </c:pt>
                <c:pt idx="1741">
                  <c:v>88.928026464706718</c:v>
                </c:pt>
                <c:pt idx="1742">
                  <c:v>88.921170509052899</c:v>
                </c:pt>
                <c:pt idx="1743">
                  <c:v>88.914326518417681</c:v>
                </c:pt>
                <c:pt idx="1744">
                  <c:v>88.907470562763862</c:v>
                </c:pt>
                <c:pt idx="1745">
                  <c:v>88.900626572128644</c:v>
                </c:pt>
                <c:pt idx="1746">
                  <c:v>88.893770616474825</c:v>
                </c:pt>
                <c:pt idx="1747">
                  <c:v>88.886926625839635</c:v>
                </c:pt>
                <c:pt idx="1748">
                  <c:v>88.880070670185816</c:v>
                </c:pt>
                <c:pt idx="1749">
                  <c:v>88.873226679550612</c:v>
                </c:pt>
                <c:pt idx="1750">
                  <c:v>88.866370723896793</c:v>
                </c:pt>
                <c:pt idx="1751">
                  <c:v>88.859526733261575</c:v>
                </c:pt>
                <c:pt idx="1752">
                  <c:v>88.852670777607756</c:v>
                </c:pt>
                <c:pt idx="1753">
                  <c:v>88.845826786972523</c:v>
                </c:pt>
                <c:pt idx="1754">
                  <c:v>88.838970831318719</c:v>
                </c:pt>
                <c:pt idx="1755">
                  <c:v>88.832126840683486</c:v>
                </c:pt>
                <c:pt idx="1756">
                  <c:v>88.825270885029667</c:v>
                </c:pt>
                <c:pt idx="1757">
                  <c:v>88.818020083762306</c:v>
                </c:pt>
                <c:pt idx="1758">
                  <c:v>88.811176093127088</c:v>
                </c:pt>
                <c:pt idx="1759">
                  <c:v>88.804320137473283</c:v>
                </c:pt>
                <c:pt idx="1760">
                  <c:v>88.797476146838065</c:v>
                </c:pt>
                <c:pt idx="1761">
                  <c:v>88.790620191184246</c:v>
                </c:pt>
                <c:pt idx="1762">
                  <c:v>88.783776200549028</c:v>
                </c:pt>
                <c:pt idx="1763">
                  <c:v>88.776525399281653</c:v>
                </c:pt>
                <c:pt idx="1764">
                  <c:v>88.769669443627834</c:v>
                </c:pt>
                <c:pt idx="1765">
                  <c:v>88.762825452992615</c:v>
                </c:pt>
                <c:pt idx="1766">
                  <c:v>88.75596949733881</c:v>
                </c:pt>
                <c:pt idx="1767">
                  <c:v>88.749125506703592</c:v>
                </c:pt>
                <c:pt idx="1768">
                  <c:v>88.742269551049773</c:v>
                </c:pt>
                <c:pt idx="1769">
                  <c:v>88.735425560414541</c:v>
                </c:pt>
                <c:pt idx="1770">
                  <c:v>88.728174759147166</c:v>
                </c:pt>
                <c:pt idx="1771">
                  <c:v>88.721318803493361</c:v>
                </c:pt>
                <c:pt idx="1772">
                  <c:v>88.714474812858128</c:v>
                </c:pt>
                <c:pt idx="1773">
                  <c:v>88.707224011590739</c:v>
                </c:pt>
                <c:pt idx="1774">
                  <c:v>88.700368055936934</c:v>
                </c:pt>
                <c:pt idx="1775">
                  <c:v>88.693524065301716</c:v>
                </c:pt>
                <c:pt idx="1776">
                  <c:v>88.68626129901574</c:v>
                </c:pt>
                <c:pt idx="1777">
                  <c:v>88.679417308380536</c:v>
                </c:pt>
                <c:pt idx="1778">
                  <c:v>88.672561352726717</c:v>
                </c:pt>
                <c:pt idx="1779">
                  <c:v>88.665310551459328</c:v>
                </c:pt>
                <c:pt idx="1780">
                  <c:v>88.65846656082411</c:v>
                </c:pt>
                <c:pt idx="1781">
                  <c:v>88.651215759556734</c:v>
                </c:pt>
                <c:pt idx="1782">
                  <c:v>88.644359803902915</c:v>
                </c:pt>
                <c:pt idx="1783">
                  <c:v>88.637515813267697</c:v>
                </c:pt>
                <c:pt idx="1784">
                  <c:v>88.630659857613878</c:v>
                </c:pt>
                <c:pt idx="1785">
                  <c:v>88.623409056346489</c:v>
                </c:pt>
                <c:pt idx="1786">
                  <c:v>88.616565065711285</c:v>
                </c:pt>
                <c:pt idx="1787">
                  <c:v>88.609302299425309</c:v>
                </c:pt>
                <c:pt idx="1788">
                  <c:v>88.602458308790077</c:v>
                </c:pt>
                <c:pt idx="1789">
                  <c:v>88.595602353136272</c:v>
                </c:pt>
                <c:pt idx="1790">
                  <c:v>88.588351551868897</c:v>
                </c:pt>
                <c:pt idx="1791">
                  <c:v>88.581507561233678</c:v>
                </c:pt>
                <c:pt idx="1792">
                  <c:v>88.574256759966289</c:v>
                </c:pt>
                <c:pt idx="1793">
                  <c:v>88.56740080431247</c:v>
                </c:pt>
                <c:pt idx="1794">
                  <c:v>88.560150003045095</c:v>
                </c:pt>
                <c:pt idx="1795">
                  <c:v>88.553306012409877</c:v>
                </c:pt>
                <c:pt idx="1796">
                  <c:v>88.546043246123901</c:v>
                </c:pt>
                <c:pt idx="1797">
                  <c:v>88.538792444856512</c:v>
                </c:pt>
                <c:pt idx="1798">
                  <c:v>88.531948454221293</c:v>
                </c:pt>
                <c:pt idx="1799">
                  <c:v>88.524697652953904</c:v>
                </c:pt>
                <c:pt idx="1800">
                  <c:v>88.517434886667928</c:v>
                </c:pt>
                <c:pt idx="1801">
                  <c:v>88.51059089603271</c:v>
                </c:pt>
                <c:pt idx="1802">
                  <c:v>88.503340094765335</c:v>
                </c:pt>
                <c:pt idx="1803">
                  <c:v>88.496089293497946</c:v>
                </c:pt>
                <c:pt idx="1804">
                  <c:v>88.488838492230556</c:v>
                </c:pt>
                <c:pt idx="1805">
                  <c:v>88.481575725944595</c:v>
                </c:pt>
                <c:pt idx="1806">
                  <c:v>88.474731735309376</c:v>
                </c:pt>
                <c:pt idx="1807">
                  <c:v>88.467480934042001</c:v>
                </c:pt>
                <c:pt idx="1808">
                  <c:v>88.460230132774612</c:v>
                </c:pt>
                <c:pt idx="1809">
                  <c:v>88.452967366488636</c:v>
                </c:pt>
                <c:pt idx="1810">
                  <c:v>88.445716565221247</c:v>
                </c:pt>
                <c:pt idx="1811">
                  <c:v>88.438465763953872</c:v>
                </c:pt>
                <c:pt idx="1812">
                  <c:v>88.431214962686482</c:v>
                </c:pt>
                <c:pt idx="1813">
                  <c:v>88.423964161419107</c:v>
                </c:pt>
                <c:pt idx="1814">
                  <c:v>88.416713360151718</c:v>
                </c:pt>
                <c:pt idx="1815">
                  <c:v>88.409462558884343</c:v>
                </c:pt>
                <c:pt idx="1816">
                  <c:v>88.402199792598367</c:v>
                </c:pt>
                <c:pt idx="1817">
                  <c:v>88.394948991330978</c:v>
                </c:pt>
                <c:pt idx="1818">
                  <c:v>88.387698190063603</c:v>
                </c:pt>
                <c:pt idx="1819">
                  <c:v>88.380040578164056</c:v>
                </c:pt>
                <c:pt idx="1820">
                  <c:v>88.372789776896681</c:v>
                </c:pt>
                <c:pt idx="1821">
                  <c:v>88.365538975629292</c:v>
                </c:pt>
                <c:pt idx="1822">
                  <c:v>88.358288174361917</c:v>
                </c:pt>
                <c:pt idx="1823">
                  <c:v>88.351037373094513</c:v>
                </c:pt>
                <c:pt idx="1824">
                  <c:v>88.343774606808552</c:v>
                </c:pt>
                <c:pt idx="1825">
                  <c:v>88.336523805541177</c:v>
                </c:pt>
                <c:pt idx="1826">
                  <c:v>88.329273004273773</c:v>
                </c:pt>
                <c:pt idx="1827">
                  <c:v>88.321615392374241</c:v>
                </c:pt>
                <c:pt idx="1828">
                  <c:v>88.314364591106838</c:v>
                </c:pt>
                <c:pt idx="1829">
                  <c:v>88.307113789839462</c:v>
                </c:pt>
                <c:pt idx="1830">
                  <c:v>88.299862988572087</c:v>
                </c:pt>
                <c:pt idx="1831">
                  <c:v>88.292612187304698</c:v>
                </c:pt>
                <c:pt idx="1832">
                  <c:v>88.285361386037323</c:v>
                </c:pt>
                <c:pt idx="1833">
                  <c:v>88.277703774137777</c:v>
                </c:pt>
                <c:pt idx="1834">
                  <c:v>88.270452972870402</c:v>
                </c:pt>
                <c:pt idx="1835">
                  <c:v>88.263190206584426</c:v>
                </c:pt>
                <c:pt idx="1836">
                  <c:v>88.255939405317037</c:v>
                </c:pt>
                <c:pt idx="1837">
                  <c:v>88.248688604049647</c:v>
                </c:pt>
                <c:pt idx="1838">
                  <c:v>88.241030992150115</c:v>
                </c:pt>
                <c:pt idx="1839">
                  <c:v>88.233373380250569</c:v>
                </c:pt>
                <c:pt idx="1840">
                  <c:v>88.225727733369595</c:v>
                </c:pt>
                <c:pt idx="1841">
                  <c:v>88.218070121470078</c:v>
                </c:pt>
                <c:pt idx="1842">
                  <c:v>88.210412509570517</c:v>
                </c:pt>
                <c:pt idx="1843">
                  <c:v>88.202754897670971</c:v>
                </c:pt>
                <c:pt idx="1844">
                  <c:v>88.19470244015784</c:v>
                </c:pt>
                <c:pt idx="1845">
                  <c:v>88.187044828258308</c:v>
                </c:pt>
                <c:pt idx="1846">
                  <c:v>88.179387216358776</c:v>
                </c:pt>
                <c:pt idx="1847">
                  <c:v>88.171322793827045</c:v>
                </c:pt>
                <c:pt idx="1848">
                  <c:v>88.1636771469461</c:v>
                </c:pt>
                <c:pt idx="1849">
                  <c:v>88.155612724414397</c:v>
                </c:pt>
                <c:pt idx="1850">
                  <c:v>88.147955112514836</c:v>
                </c:pt>
                <c:pt idx="1851">
                  <c:v>88.139902655001734</c:v>
                </c:pt>
                <c:pt idx="1852">
                  <c:v>88.131838232470031</c:v>
                </c:pt>
                <c:pt idx="1853">
                  <c:v>88.124180620570471</c:v>
                </c:pt>
                <c:pt idx="1854">
                  <c:v>88.116128163057368</c:v>
                </c:pt>
                <c:pt idx="1855">
                  <c:v>88.108470551157808</c:v>
                </c:pt>
                <c:pt idx="1856">
                  <c:v>88.100812939258262</c:v>
                </c:pt>
                <c:pt idx="1857">
                  <c:v>88.093562137990887</c:v>
                </c:pt>
                <c:pt idx="1858">
                  <c:v>88.08590452609134</c:v>
                </c:pt>
                <c:pt idx="1859">
                  <c:v>88.077852068578224</c:v>
                </c:pt>
                <c:pt idx="1860">
                  <c:v>88.070194456678678</c:v>
                </c:pt>
                <c:pt idx="1861">
                  <c:v>88.062130034146975</c:v>
                </c:pt>
                <c:pt idx="1862">
                  <c:v>88.054484387266015</c:v>
                </c:pt>
                <c:pt idx="1863">
                  <c:v>88.046826775366455</c:v>
                </c:pt>
                <c:pt idx="1864">
                  <c:v>88.038762352834738</c:v>
                </c:pt>
                <c:pt idx="1865">
                  <c:v>88.031104740935191</c:v>
                </c:pt>
                <c:pt idx="1866">
                  <c:v>88.023052283422089</c:v>
                </c:pt>
                <c:pt idx="1867">
                  <c:v>88.015394671522557</c:v>
                </c:pt>
                <c:pt idx="1868">
                  <c:v>88.007342214009441</c:v>
                </c:pt>
                <c:pt idx="1869">
                  <c:v>87.999277791477709</c:v>
                </c:pt>
                <c:pt idx="1870">
                  <c:v>87.991620179578163</c:v>
                </c:pt>
                <c:pt idx="1871">
                  <c:v>87.983567722065061</c:v>
                </c:pt>
                <c:pt idx="1872">
                  <c:v>87.975108453919773</c:v>
                </c:pt>
                <c:pt idx="1873">
                  <c:v>87.96704403138807</c:v>
                </c:pt>
                <c:pt idx="1874">
                  <c:v>87.95938641948851</c:v>
                </c:pt>
                <c:pt idx="1875">
                  <c:v>87.950927151343251</c:v>
                </c:pt>
                <c:pt idx="1876">
                  <c:v>87.942467883197978</c:v>
                </c:pt>
                <c:pt idx="1877">
                  <c:v>87.93400861505269</c:v>
                </c:pt>
                <c:pt idx="1878">
                  <c:v>87.925944192520973</c:v>
                </c:pt>
                <c:pt idx="1879">
                  <c:v>87.917891735007871</c:v>
                </c:pt>
                <c:pt idx="1880">
                  <c:v>87.911035779354052</c:v>
                </c:pt>
                <c:pt idx="1881">
                  <c:v>87.901774854963037</c:v>
                </c:pt>
                <c:pt idx="1882">
                  <c:v>87.892908776185593</c:v>
                </c:pt>
                <c:pt idx="1883">
                  <c:v>87.884449508040305</c:v>
                </c:pt>
                <c:pt idx="1884">
                  <c:v>87.875978274876431</c:v>
                </c:pt>
                <c:pt idx="1885">
                  <c:v>87.867519006731172</c:v>
                </c:pt>
                <c:pt idx="1886">
                  <c:v>87.85905973858587</c:v>
                </c:pt>
                <c:pt idx="1887">
                  <c:v>87.850600470440597</c:v>
                </c:pt>
                <c:pt idx="1888">
                  <c:v>87.842141202295309</c:v>
                </c:pt>
                <c:pt idx="1889">
                  <c:v>87.834076779763606</c:v>
                </c:pt>
                <c:pt idx="1890">
                  <c:v>87.825617511618333</c:v>
                </c:pt>
                <c:pt idx="1891">
                  <c:v>87.817565054105231</c:v>
                </c:pt>
                <c:pt idx="1892">
                  <c:v>87.809500631573499</c:v>
                </c:pt>
                <c:pt idx="1893">
                  <c:v>87.801041363428226</c:v>
                </c:pt>
                <c:pt idx="1894">
                  <c:v>87.792582095282938</c:v>
                </c:pt>
                <c:pt idx="1895">
                  <c:v>87.784517672751221</c:v>
                </c:pt>
                <c:pt idx="1896">
                  <c:v>87.776058404605962</c:v>
                </c:pt>
                <c:pt idx="1897">
                  <c:v>87.767993982074259</c:v>
                </c:pt>
                <c:pt idx="1898">
                  <c:v>87.759941524561143</c:v>
                </c:pt>
                <c:pt idx="1899">
                  <c:v>87.751877102029425</c:v>
                </c:pt>
                <c:pt idx="1900">
                  <c:v>87.743824644516295</c:v>
                </c:pt>
                <c:pt idx="1901">
                  <c:v>87.736167032616763</c:v>
                </c:pt>
                <c:pt idx="1902">
                  <c:v>87.728114575103632</c:v>
                </c:pt>
                <c:pt idx="1903">
                  <c:v>87.720050152571929</c:v>
                </c:pt>
                <c:pt idx="1904">
                  <c:v>87.711590884426656</c:v>
                </c:pt>
                <c:pt idx="1905">
                  <c:v>87.70192314940347</c:v>
                </c:pt>
                <c:pt idx="1906">
                  <c:v>87.694265537503938</c:v>
                </c:pt>
                <c:pt idx="1907">
                  <c:v>87.686607925604392</c:v>
                </c:pt>
                <c:pt idx="1908">
                  <c:v>87.678555468091275</c:v>
                </c:pt>
                <c:pt idx="1909">
                  <c:v>87.670491045559544</c:v>
                </c:pt>
                <c:pt idx="1910">
                  <c:v>87.662438588046442</c:v>
                </c:pt>
                <c:pt idx="1911">
                  <c:v>87.653967354882582</c:v>
                </c:pt>
                <c:pt idx="1912">
                  <c:v>87.645914897369437</c:v>
                </c:pt>
                <c:pt idx="1913">
                  <c:v>87.637455629224164</c:v>
                </c:pt>
                <c:pt idx="1914">
                  <c:v>87.62899636107889</c:v>
                </c:pt>
                <c:pt idx="1915">
                  <c:v>87.620931938547187</c:v>
                </c:pt>
                <c:pt idx="1916">
                  <c:v>87.6124726704019</c:v>
                </c:pt>
                <c:pt idx="1917">
                  <c:v>87.604013402256626</c:v>
                </c:pt>
                <c:pt idx="1918">
                  <c:v>87.595542169092752</c:v>
                </c:pt>
                <c:pt idx="1919">
                  <c:v>87.587082900947465</c:v>
                </c:pt>
                <c:pt idx="1920">
                  <c:v>87.578623632802206</c:v>
                </c:pt>
                <c:pt idx="1921">
                  <c:v>87.570164364656904</c:v>
                </c:pt>
                <c:pt idx="1922">
                  <c:v>87.561705096511631</c:v>
                </c:pt>
                <c:pt idx="1923">
                  <c:v>87.553245828366357</c:v>
                </c:pt>
                <c:pt idx="1924">
                  <c:v>87.544774595202483</c:v>
                </c:pt>
                <c:pt idx="1925">
                  <c:v>87.536722137689367</c:v>
                </c:pt>
                <c:pt idx="1926">
                  <c:v>87.528262869544093</c:v>
                </c:pt>
                <c:pt idx="1927">
                  <c:v>87.519803601398792</c:v>
                </c:pt>
                <c:pt idx="1928">
                  <c:v>87.511332368234932</c:v>
                </c:pt>
                <c:pt idx="1929">
                  <c:v>87.502873100089644</c:v>
                </c:pt>
                <c:pt idx="1930">
                  <c:v>87.494820642576528</c:v>
                </c:pt>
                <c:pt idx="1931">
                  <c:v>87.486349409412654</c:v>
                </c:pt>
                <c:pt idx="1932">
                  <c:v>87.477890141267395</c:v>
                </c:pt>
                <c:pt idx="1933">
                  <c:v>87.469430873122107</c:v>
                </c:pt>
                <c:pt idx="1934">
                  <c:v>87.46097160497682</c:v>
                </c:pt>
                <c:pt idx="1935">
                  <c:v>87.452512336831532</c:v>
                </c:pt>
                <c:pt idx="1936">
                  <c:v>87.444447914299829</c:v>
                </c:pt>
                <c:pt idx="1937">
                  <c:v>87.435581835522385</c:v>
                </c:pt>
                <c:pt idx="1938">
                  <c:v>87.427122567377097</c:v>
                </c:pt>
                <c:pt idx="1939">
                  <c:v>87.418663299231838</c:v>
                </c:pt>
                <c:pt idx="1940">
                  <c:v>87.410204031086565</c:v>
                </c:pt>
                <c:pt idx="1941">
                  <c:v>87.401744762941263</c:v>
                </c:pt>
                <c:pt idx="1942">
                  <c:v>87.392878684163833</c:v>
                </c:pt>
                <c:pt idx="1943">
                  <c:v>87.38481426163213</c:v>
                </c:pt>
                <c:pt idx="1944">
                  <c:v>87.376354993486842</c:v>
                </c:pt>
                <c:pt idx="1945">
                  <c:v>87.367895725341555</c:v>
                </c:pt>
                <c:pt idx="1946">
                  <c:v>87.359436457196296</c:v>
                </c:pt>
                <c:pt idx="1947">
                  <c:v>87.350977189050994</c:v>
                </c:pt>
                <c:pt idx="1948">
                  <c:v>87.342505955887134</c:v>
                </c:pt>
                <c:pt idx="1949">
                  <c:v>87.333651842128276</c:v>
                </c:pt>
                <c:pt idx="1950">
                  <c:v>87.325180608964402</c:v>
                </c:pt>
                <c:pt idx="1951">
                  <c:v>87.316721340819115</c:v>
                </c:pt>
                <c:pt idx="1952">
                  <c:v>87.307855262041684</c:v>
                </c:pt>
                <c:pt idx="1953">
                  <c:v>87.299395993896397</c:v>
                </c:pt>
                <c:pt idx="1954">
                  <c:v>87.290529915118952</c:v>
                </c:pt>
                <c:pt idx="1955">
                  <c:v>87.281663836341522</c:v>
                </c:pt>
                <c:pt idx="1956">
                  <c:v>87.272809722582664</c:v>
                </c:pt>
                <c:pt idx="1957">
                  <c:v>87.263943643805234</c:v>
                </c:pt>
                <c:pt idx="1958">
                  <c:v>87.255077565027776</c:v>
                </c:pt>
                <c:pt idx="1959">
                  <c:v>87.24580467561816</c:v>
                </c:pt>
                <c:pt idx="1960">
                  <c:v>87.23693859684073</c:v>
                </c:pt>
                <c:pt idx="1961">
                  <c:v>87.228084483081886</c:v>
                </c:pt>
                <c:pt idx="1962">
                  <c:v>87.219218404304428</c:v>
                </c:pt>
                <c:pt idx="1963">
                  <c:v>87.210352325526998</c:v>
                </c:pt>
                <c:pt idx="1964">
                  <c:v>87.201486246749553</c:v>
                </c:pt>
                <c:pt idx="1965">
                  <c:v>87.192225322358539</c:v>
                </c:pt>
                <c:pt idx="1966">
                  <c:v>87.183359243581094</c:v>
                </c:pt>
                <c:pt idx="1967">
                  <c:v>87.174493164803664</c:v>
                </c:pt>
                <c:pt idx="1968">
                  <c:v>87.165220275394034</c:v>
                </c:pt>
                <c:pt idx="1969">
                  <c:v>87.156354196616604</c:v>
                </c:pt>
                <c:pt idx="1970">
                  <c:v>87.147500082857761</c:v>
                </c:pt>
                <c:pt idx="1971">
                  <c:v>87.138634004080316</c:v>
                </c:pt>
                <c:pt idx="1972">
                  <c:v>87.129361114670701</c:v>
                </c:pt>
                <c:pt idx="1973">
                  <c:v>87.120495035893242</c:v>
                </c:pt>
                <c:pt idx="1974">
                  <c:v>87.111628957115812</c:v>
                </c:pt>
                <c:pt idx="1975">
                  <c:v>87.102774843356968</c:v>
                </c:pt>
                <c:pt idx="1976">
                  <c:v>87.093908764579524</c:v>
                </c:pt>
                <c:pt idx="1977">
                  <c:v>87.08504268580208</c:v>
                </c:pt>
                <c:pt idx="1978">
                  <c:v>87.075769796392464</c:v>
                </c:pt>
                <c:pt idx="1979">
                  <c:v>87.066915682633635</c:v>
                </c:pt>
                <c:pt idx="1980">
                  <c:v>87.058049603856176</c:v>
                </c:pt>
                <c:pt idx="1981">
                  <c:v>87.049183525078746</c:v>
                </c:pt>
                <c:pt idx="1982">
                  <c:v>87.040317446301302</c:v>
                </c:pt>
                <c:pt idx="1983">
                  <c:v>87.031044556891686</c:v>
                </c:pt>
                <c:pt idx="1984">
                  <c:v>87.022190443132843</c:v>
                </c:pt>
                <c:pt idx="1985">
                  <c:v>87.013324364355398</c:v>
                </c:pt>
                <c:pt idx="1986">
                  <c:v>87.004458285577954</c:v>
                </c:pt>
                <c:pt idx="1987">
                  <c:v>86.995185396168353</c:v>
                </c:pt>
                <c:pt idx="1988">
                  <c:v>86.986319317390894</c:v>
                </c:pt>
                <c:pt idx="1989">
                  <c:v>86.977058392999893</c:v>
                </c:pt>
                <c:pt idx="1990">
                  <c:v>86.968192314222449</c:v>
                </c:pt>
                <c:pt idx="1991">
                  <c:v>86.959326235444991</c:v>
                </c:pt>
                <c:pt idx="1992">
                  <c:v>86.95006531105399</c:v>
                </c:pt>
                <c:pt idx="1993">
                  <c:v>86.941606042908717</c:v>
                </c:pt>
                <c:pt idx="1994">
                  <c:v>86.932333153499101</c:v>
                </c:pt>
                <c:pt idx="1995">
                  <c:v>86.923873885353814</c:v>
                </c:pt>
                <c:pt idx="1996">
                  <c:v>86.91541461720854</c:v>
                </c:pt>
                <c:pt idx="1997">
                  <c:v>86.906548538431096</c:v>
                </c:pt>
                <c:pt idx="1998">
                  <c:v>86.898484115899379</c:v>
                </c:pt>
                <c:pt idx="1999">
                  <c:v>86.890024847754106</c:v>
                </c:pt>
                <c:pt idx="2000">
                  <c:v>86.881158768976675</c:v>
                </c:pt>
                <c:pt idx="2001">
                  <c:v>86.872292690199231</c:v>
                </c:pt>
                <c:pt idx="2002">
                  <c:v>86.863031765808202</c:v>
                </c:pt>
                <c:pt idx="2003">
                  <c:v>86.854165687030758</c:v>
                </c:pt>
                <c:pt idx="2004">
                  <c:v>86.845299608253328</c:v>
                </c:pt>
                <c:pt idx="2005">
                  <c:v>86.836433529475869</c:v>
                </c:pt>
                <c:pt idx="2006">
                  <c:v>86.827567450698439</c:v>
                </c:pt>
                <c:pt idx="2007">
                  <c:v>86.818713336939595</c:v>
                </c:pt>
                <c:pt idx="2008">
                  <c:v>86.809847258162137</c:v>
                </c:pt>
                <c:pt idx="2009">
                  <c:v>86.800981179384692</c:v>
                </c:pt>
                <c:pt idx="2010">
                  <c:v>86.792521911239433</c:v>
                </c:pt>
                <c:pt idx="2011">
                  <c:v>86.783655832461989</c:v>
                </c:pt>
                <c:pt idx="2012">
                  <c:v>86.77478975368453</c:v>
                </c:pt>
                <c:pt idx="2013">
                  <c:v>86.765516864274915</c:v>
                </c:pt>
                <c:pt idx="2014">
                  <c:v>86.756662750516085</c:v>
                </c:pt>
                <c:pt idx="2015">
                  <c:v>86.747796671738627</c:v>
                </c:pt>
                <c:pt idx="2016">
                  <c:v>86.738523782329025</c:v>
                </c:pt>
                <c:pt idx="2017">
                  <c:v>86.729262857938011</c:v>
                </c:pt>
                <c:pt idx="2018">
                  <c:v>86.720396779160581</c:v>
                </c:pt>
                <c:pt idx="2019">
                  <c:v>86.711530700383122</c:v>
                </c:pt>
                <c:pt idx="2020">
                  <c:v>86.70186296535995</c:v>
                </c:pt>
                <c:pt idx="2021">
                  <c:v>86.692590075950349</c:v>
                </c:pt>
                <c:pt idx="2022">
                  <c:v>86.683329151559334</c:v>
                </c:pt>
                <c:pt idx="2023">
                  <c:v>86.674056262149719</c:v>
                </c:pt>
                <c:pt idx="2024">
                  <c:v>86.664795337758704</c:v>
                </c:pt>
                <c:pt idx="2025">
                  <c:v>86.656324104594844</c:v>
                </c:pt>
                <c:pt idx="2026">
                  <c:v>86.647864836449571</c:v>
                </c:pt>
                <c:pt idx="2027">
                  <c:v>86.639405568304269</c:v>
                </c:pt>
                <c:pt idx="2028">
                  <c:v>86.630539489526839</c:v>
                </c:pt>
                <c:pt idx="2029">
                  <c:v>86.621673410749395</c:v>
                </c:pt>
                <c:pt idx="2030">
                  <c:v>86.61280733197195</c:v>
                </c:pt>
                <c:pt idx="2031">
                  <c:v>86.603953218213093</c:v>
                </c:pt>
                <c:pt idx="2032">
                  <c:v>86.595087139435662</c:v>
                </c:pt>
                <c:pt idx="2033">
                  <c:v>86.586221060658218</c:v>
                </c:pt>
                <c:pt idx="2034">
                  <c:v>86.577354981880774</c:v>
                </c:pt>
                <c:pt idx="2035">
                  <c:v>86.568488903103329</c:v>
                </c:pt>
                <c:pt idx="2036">
                  <c:v>86.559622824325871</c:v>
                </c:pt>
                <c:pt idx="2037">
                  <c:v>86.550756745548426</c:v>
                </c:pt>
                <c:pt idx="2038">
                  <c:v>86.541902631789597</c:v>
                </c:pt>
                <c:pt idx="2039">
                  <c:v>86.533036553012138</c:v>
                </c:pt>
                <c:pt idx="2040">
                  <c:v>86.524170474234708</c:v>
                </c:pt>
                <c:pt idx="2041">
                  <c:v>86.515304395457264</c:v>
                </c:pt>
                <c:pt idx="2042">
                  <c:v>86.506438316679819</c:v>
                </c:pt>
                <c:pt idx="2043">
                  <c:v>86.497572237902389</c:v>
                </c:pt>
                <c:pt idx="2044">
                  <c:v>86.488706159124931</c:v>
                </c:pt>
                <c:pt idx="2045">
                  <c:v>86.479852045366073</c:v>
                </c:pt>
                <c:pt idx="2046">
                  <c:v>86.470985966588628</c:v>
                </c:pt>
                <c:pt idx="2047">
                  <c:v>86.462526698443369</c:v>
                </c:pt>
                <c:pt idx="2048">
                  <c:v>86.453660619665911</c:v>
                </c:pt>
                <c:pt idx="2049">
                  <c:v>86.444794540888481</c:v>
                </c:pt>
                <c:pt idx="2050">
                  <c:v>86.435928462111022</c:v>
                </c:pt>
                <c:pt idx="2051">
                  <c:v>86.427469193965749</c:v>
                </c:pt>
                <c:pt idx="2052">
                  <c:v>86.41860311518829</c:v>
                </c:pt>
                <c:pt idx="2053">
                  <c:v>86.410143847043031</c:v>
                </c:pt>
                <c:pt idx="2054">
                  <c:v>86.401277768265601</c:v>
                </c:pt>
                <c:pt idx="2055">
                  <c:v>86.392411689488142</c:v>
                </c:pt>
                <c:pt idx="2056">
                  <c:v>86.383545610710698</c:v>
                </c:pt>
                <c:pt idx="2057">
                  <c:v>86.375086342565425</c:v>
                </c:pt>
                <c:pt idx="2058">
                  <c:v>86.36622026378798</c:v>
                </c:pt>
                <c:pt idx="2059">
                  <c:v>86.35735418501055</c:v>
                </c:pt>
                <c:pt idx="2060">
                  <c:v>86.348500071251692</c:v>
                </c:pt>
                <c:pt idx="2061">
                  <c:v>86.339633992474234</c:v>
                </c:pt>
                <c:pt idx="2062">
                  <c:v>86.331162759310359</c:v>
                </c:pt>
                <c:pt idx="2063">
                  <c:v>86.322308645551516</c:v>
                </c:pt>
                <c:pt idx="2064">
                  <c:v>86.313837412387642</c:v>
                </c:pt>
                <c:pt idx="2065">
                  <c:v>86.305378144242368</c:v>
                </c:pt>
                <c:pt idx="2066">
                  <c:v>86.29651206546491</c:v>
                </c:pt>
                <c:pt idx="2067">
                  <c:v>86.288052797319637</c:v>
                </c:pt>
                <c:pt idx="2068">
                  <c:v>86.279186718542192</c:v>
                </c:pt>
                <c:pt idx="2069">
                  <c:v>86.270727450396919</c:v>
                </c:pt>
                <c:pt idx="2070">
                  <c:v>86.262268182251645</c:v>
                </c:pt>
                <c:pt idx="2071">
                  <c:v>86.253402103474187</c:v>
                </c:pt>
                <c:pt idx="2072">
                  <c:v>86.244942835328914</c:v>
                </c:pt>
                <c:pt idx="2073">
                  <c:v>86.236076756551469</c:v>
                </c:pt>
                <c:pt idx="2074">
                  <c:v>86.227617488406182</c:v>
                </c:pt>
                <c:pt idx="2075">
                  <c:v>86.218751409628752</c:v>
                </c:pt>
                <c:pt idx="2076">
                  <c:v>86.210292141483464</c:v>
                </c:pt>
                <c:pt idx="2077">
                  <c:v>86.201426062706034</c:v>
                </c:pt>
                <c:pt idx="2078">
                  <c:v>86.192966794560746</c:v>
                </c:pt>
                <c:pt idx="2079">
                  <c:v>86.184100715783302</c:v>
                </c:pt>
                <c:pt idx="2080">
                  <c:v>86.175641447638014</c:v>
                </c:pt>
                <c:pt idx="2081">
                  <c:v>86.167182179492741</c:v>
                </c:pt>
                <c:pt idx="2082">
                  <c:v>86.158710946328881</c:v>
                </c:pt>
                <c:pt idx="2083">
                  <c:v>86.149856832570009</c:v>
                </c:pt>
                <c:pt idx="2084">
                  <c:v>86.141385599406149</c:v>
                </c:pt>
                <c:pt idx="2085">
                  <c:v>86.132531485647306</c:v>
                </c:pt>
                <c:pt idx="2086">
                  <c:v>86.124060252483432</c:v>
                </c:pt>
                <c:pt idx="2087">
                  <c:v>86.11520613872456</c:v>
                </c:pt>
                <c:pt idx="2088">
                  <c:v>86.1067349055607</c:v>
                </c:pt>
                <c:pt idx="2089">
                  <c:v>86.098275637415441</c:v>
                </c:pt>
                <c:pt idx="2090">
                  <c:v>86.089409558637982</c:v>
                </c:pt>
                <c:pt idx="2091">
                  <c:v>86.080950290492694</c:v>
                </c:pt>
                <c:pt idx="2092">
                  <c:v>86.072491022347435</c:v>
                </c:pt>
                <c:pt idx="2093">
                  <c:v>86.063624943569977</c:v>
                </c:pt>
                <c:pt idx="2094">
                  <c:v>86.055165675424703</c:v>
                </c:pt>
                <c:pt idx="2095">
                  <c:v>86.046706407279416</c:v>
                </c:pt>
                <c:pt idx="2096">
                  <c:v>86.038247139134143</c:v>
                </c:pt>
                <c:pt idx="2097">
                  <c:v>86.029775905970268</c:v>
                </c:pt>
                <c:pt idx="2098">
                  <c:v>86.021316637824981</c:v>
                </c:pt>
                <c:pt idx="2099">
                  <c:v>86.012857369679708</c:v>
                </c:pt>
                <c:pt idx="2100">
                  <c:v>86.00439810153442</c:v>
                </c:pt>
                <c:pt idx="2101">
                  <c:v>85.995938833389147</c:v>
                </c:pt>
                <c:pt idx="2102">
                  <c:v>85.987467600225273</c:v>
                </c:pt>
                <c:pt idx="2103">
                  <c:v>85.97941514271217</c:v>
                </c:pt>
                <c:pt idx="2104">
                  <c:v>85.970955874566869</c:v>
                </c:pt>
                <c:pt idx="2105">
                  <c:v>85.962496606421595</c:v>
                </c:pt>
                <c:pt idx="2106">
                  <c:v>85.954025373257736</c:v>
                </c:pt>
                <c:pt idx="2107">
                  <c:v>85.945566105112448</c:v>
                </c:pt>
                <c:pt idx="2108">
                  <c:v>85.937106836967175</c:v>
                </c:pt>
                <c:pt idx="2109">
                  <c:v>85.928647568821887</c:v>
                </c:pt>
                <c:pt idx="2110">
                  <c:v>85.92058314629017</c:v>
                </c:pt>
                <c:pt idx="2111">
                  <c:v>85.912123878144897</c:v>
                </c:pt>
                <c:pt idx="2112">
                  <c:v>85.903664609999609</c:v>
                </c:pt>
                <c:pt idx="2113">
                  <c:v>85.895205341854336</c:v>
                </c:pt>
                <c:pt idx="2114">
                  <c:v>85.886746073709062</c:v>
                </c:pt>
                <c:pt idx="2115">
                  <c:v>85.878681651177359</c:v>
                </c:pt>
                <c:pt idx="2116">
                  <c:v>85.870222383032072</c:v>
                </c:pt>
                <c:pt idx="2117">
                  <c:v>85.862157960500369</c:v>
                </c:pt>
                <c:pt idx="2118">
                  <c:v>85.853698692355096</c:v>
                </c:pt>
                <c:pt idx="2119">
                  <c:v>85.845239424209794</c:v>
                </c:pt>
                <c:pt idx="2120">
                  <c:v>85.837186966696692</c:v>
                </c:pt>
                <c:pt idx="2121">
                  <c:v>85.828715733532803</c:v>
                </c:pt>
                <c:pt idx="2122">
                  <c:v>85.820663276019687</c:v>
                </c:pt>
                <c:pt idx="2123">
                  <c:v>85.812204007874413</c:v>
                </c:pt>
                <c:pt idx="2124">
                  <c:v>85.80413958534271</c:v>
                </c:pt>
                <c:pt idx="2125">
                  <c:v>85.79608712782958</c:v>
                </c:pt>
                <c:pt idx="2126">
                  <c:v>85.787627859684321</c:v>
                </c:pt>
                <c:pt idx="2127">
                  <c:v>85.779563437152603</c:v>
                </c:pt>
                <c:pt idx="2128">
                  <c:v>85.771104169007316</c:v>
                </c:pt>
                <c:pt idx="2129">
                  <c:v>85.763039746475613</c:v>
                </c:pt>
                <c:pt idx="2130">
                  <c:v>85.75458047833034</c:v>
                </c:pt>
                <c:pt idx="2131">
                  <c:v>85.746528020817209</c:v>
                </c:pt>
                <c:pt idx="2132">
                  <c:v>85.738056787653349</c:v>
                </c:pt>
                <c:pt idx="2133">
                  <c:v>85.730004330140233</c:v>
                </c:pt>
                <c:pt idx="2134">
                  <c:v>85.72193990760853</c:v>
                </c:pt>
                <c:pt idx="2135">
                  <c:v>85.713480639463242</c:v>
                </c:pt>
                <c:pt idx="2136">
                  <c:v>85.705428181950126</c:v>
                </c:pt>
                <c:pt idx="2137">
                  <c:v>85.696968913804852</c:v>
                </c:pt>
                <c:pt idx="2138">
                  <c:v>85.688904491273121</c:v>
                </c:pt>
                <c:pt idx="2139">
                  <c:v>85.680852033760019</c:v>
                </c:pt>
                <c:pt idx="2140">
                  <c:v>85.672787611228301</c:v>
                </c:pt>
                <c:pt idx="2141">
                  <c:v>85.664328343083014</c:v>
                </c:pt>
                <c:pt idx="2142">
                  <c:v>85.656263920551311</c:v>
                </c:pt>
                <c:pt idx="2143">
                  <c:v>85.647804652406052</c:v>
                </c:pt>
                <c:pt idx="2144">
                  <c:v>85.639752194892921</c:v>
                </c:pt>
                <c:pt idx="2145">
                  <c:v>85.631292926747633</c:v>
                </c:pt>
                <c:pt idx="2146">
                  <c:v>85.62322850421593</c:v>
                </c:pt>
                <c:pt idx="2147">
                  <c:v>85.614769236070657</c:v>
                </c:pt>
                <c:pt idx="2148">
                  <c:v>85.60630996792537</c:v>
                </c:pt>
                <c:pt idx="2149">
                  <c:v>85.598245545393652</c:v>
                </c:pt>
                <c:pt idx="2150">
                  <c:v>85.589786277248393</c:v>
                </c:pt>
                <c:pt idx="2151">
                  <c:v>85.581721854716662</c:v>
                </c:pt>
                <c:pt idx="2152">
                  <c:v>85.573262586571403</c:v>
                </c:pt>
                <c:pt idx="2153">
                  <c:v>85.565210129058272</c:v>
                </c:pt>
                <c:pt idx="2154">
                  <c:v>85.556750860912985</c:v>
                </c:pt>
                <c:pt idx="2155">
                  <c:v>85.548686438381282</c:v>
                </c:pt>
                <c:pt idx="2156">
                  <c:v>85.540227170236022</c:v>
                </c:pt>
                <c:pt idx="2157">
                  <c:v>85.532162747704291</c:v>
                </c:pt>
                <c:pt idx="2158">
                  <c:v>85.523703479559018</c:v>
                </c:pt>
                <c:pt idx="2159">
                  <c:v>85.515651022045901</c:v>
                </c:pt>
                <c:pt idx="2160">
                  <c:v>85.507586599514198</c:v>
                </c:pt>
                <c:pt idx="2161">
                  <c:v>85.499127331368911</c:v>
                </c:pt>
                <c:pt idx="2162">
                  <c:v>85.491074873855794</c:v>
                </c:pt>
                <c:pt idx="2163">
                  <c:v>85.483010451324077</c:v>
                </c:pt>
                <c:pt idx="2164">
                  <c:v>85.474551183178804</c:v>
                </c:pt>
                <c:pt idx="2165">
                  <c:v>85.466486760647101</c:v>
                </c:pt>
                <c:pt idx="2166">
                  <c:v>85.458027492501827</c:v>
                </c:pt>
                <c:pt idx="2167">
                  <c:v>85.449975034988711</c:v>
                </c:pt>
                <c:pt idx="2168">
                  <c:v>85.441910612456994</c:v>
                </c:pt>
                <c:pt idx="2169">
                  <c:v>85.433858154943891</c:v>
                </c:pt>
                <c:pt idx="2170">
                  <c:v>85.425793732412174</c:v>
                </c:pt>
                <c:pt idx="2171">
                  <c:v>85.417741274899058</c:v>
                </c:pt>
                <c:pt idx="2172">
                  <c:v>85.40967685236734</c:v>
                </c:pt>
                <c:pt idx="2173">
                  <c:v>85.401624394854224</c:v>
                </c:pt>
                <c:pt idx="2174">
                  <c:v>85.393153161690364</c:v>
                </c:pt>
                <c:pt idx="2175">
                  <c:v>85.385100704177233</c:v>
                </c:pt>
                <c:pt idx="2176">
                  <c:v>85.37703628164553</c:v>
                </c:pt>
                <c:pt idx="2177">
                  <c:v>85.368983824132414</c:v>
                </c:pt>
                <c:pt idx="2178">
                  <c:v>85.360919401600697</c:v>
                </c:pt>
                <c:pt idx="2179">
                  <c:v>85.35286694408758</c:v>
                </c:pt>
                <c:pt idx="2180">
                  <c:v>85.345209332188048</c:v>
                </c:pt>
                <c:pt idx="2181">
                  <c:v>85.337156874674918</c:v>
                </c:pt>
                <c:pt idx="2182">
                  <c:v>85.329499262775371</c:v>
                </c:pt>
                <c:pt idx="2183">
                  <c:v>85.321434840243668</c:v>
                </c:pt>
                <c:pt idx="2184">
                  <c:v>85.313382382730552</c:v>
                </c:pt>
                <c:pt idx="2185">
                  <c:v>85.305317960198835</c:v>
                </c:pt>
                <c:pt idx="2186">
                  <c:v>85.297660348299303</c:v>
                </c:pt>
                <c:pt idx="2187">
                  <c:v>85.290014701418343</c:v>
                </c:pt>
                <c:pt idx="2188">
                  <c:v>85.28195027888664</c:v>
                </c:pt>
                <c:pt idx="2189">
                  <c:v>85.274292666987066</c:v>
                </c:pt>
                <c:pt idx="2190">
                  <c:v>85.266240209473963</c:v>
                </c:pt>
                <c:pt idx="2191">
                  <c:v>85.258582597574431</c:v>
                </c:pt>
                <c:pt idx="2192">
                  <c:v>85.250924985674885</c:v>
                </c:pt>
                <c:pt idx="2193">
                  <c:v>85.243267373775339</c:v>
                </c:pt>
                <c:pt idx="2194">
                  <c:v>85.235609761875793</c:v>
                </c:pt>
                <c:pt idx="2195">
                  <c:v>85.227964114994847</c:v>
                </c:pt>
                <c:pt idx="2196">
                  <c:v>85.219899692463116</c:v>
                </c:pt>
                <c:pt idx="2197">
                  <c:v>85.212242080563584</c:v>
                </c:pt>
                <c:pt idx="2198">
                  <c:v>85.204584468664024</c:v>
                </c:pt>
                <c:pt idx="2199">
                  <c:v>85.196532011150921</c:v>
                </c:pt>
                <c:pt idx="2200">
                  <c:v>85.188874399251361</c:v>
                </c:pt>
                <c:pt idx="2201">
                  <c:v>85.181216787351829</c:v>
                </c:pt>
                <c:pt idx="2202">
                  <c:v>85.173559175452269</c:v>
                </c:pt>
                <c:pt idx="2203">
                  <c:v>85.165506717939166</c:v>
                </c:pt>
                <c:pt idx="2204">
                  <c:v>85.15784910603962</c:v>
                </c:pt>
                <c:pt idx="2205">
                  <c:v>85.150191494140074</c:v>
                </c:pt>
                <c:pt idx="2206">
                  <c:v>85.142139036626958</c:v>
                </c:pt>
                <c:pt idx="2207">
                  <c:v>85.134481424727397</c:v>
                </c:pt>
                <c:pt idx="2208">
                  <c:v>85.126823812827851</c:v>
                </c:pt>
                <c:pt idx="2209">
                  <c:v>85.119166200928319</c:v>
                </c:pt>
                <c:pt idx="2210">
                  <c:v>85.111113743415203</c:v>
                </c:pt>
                <c:pt idx="2211">
                  <c:v>85.1030493208835</c:v>
                </c:pt>
                <c:pt idx="2212">
                  <c:v>85.095391708983939</c:v>
                </c:pt>
                <c:pt idx="2213">
                  <c:v>85.087339251470823</c:v>
                </c:pt>
                <c:pt idx="2214">
                  <c:v>85.079681639571277</c:v>
                </c:pt>
                <c:pt idx="2215">
                  <c:v>85.072024027671745</c:v>
                </c:pt>
                <c:pt idx="2216">
                  <c:v>85.063971570158628</c:v>
                </c:pt>
                <c:pt idx="2217">
                  <c:v>85.056313958259082</c:v>
                </c:pt>
                <c:pt idx="2218">
                  <c:v>85.048656346359522</c:v>
                </c:pt>
                <c:pt idx="2219">
                  <c:v>85.040603888846405</c:v>
                </c:pt>
                <c:pt idx="2220">
                  <c:v>85.032946276946859</c:v>
                </c:pt>
                <c:pt idx="2221">
                  <c:v>85.025288665047327</c:v>
                </c:pt>
                <c:pt idx="2222">
                  <c:v>85.017631053147753</c:v>
                </c:pt>
                <c:pt idx="2223">
                  <c:v>85.00957859563465</c:v>
                </c:pt>
                <c:pt idx="2224">
                  <c:v>85.001920983735104</c:v>
                </c:pt>
                <c:pt idx="2225">
                  <c:v>84.994263371835572</c:v>
                </c:pt>
                <c:pt idx="2226">
                  <c:v>84.986605759936012</c:v>
                </c:pt>
                <c:pt idx="2227">
                  <c:v>84.978948148036466</c:v>
                </c:pt>
                <c:pt idx="2228">
                  <c:v>84.970895690523363</c:v>
                </c:pt>
                <c:pt idx="2229">
                  <c:v>84.963238078623803</c:v>
                </c:pt>
                <c:pt idx="2230">
                  <c:v>84.9551736560921</c:v>
                </c:pt>
                <c:pt idx="2231">
                  <c:v>84.947528009211155</c:v>
                </c:pt>
                <c:pt idx="2232">
                  <c:v>84.939870397311594</c:v>
                </c:pt>
                <c:pt idx="2233">
                  <c:v>84.931805974779891</c:v>
                </c:pt>
                <c:pt idx="2234">
                  <c:v>84.924148362880345</c:v>
                </c:pt>
                <c:pt idx="2235">
                  <c:v>84.916502715999385</c:v>
                </c:pt>
                <c:pt idx="2236">
                  <c:v>84.908845104099854</c:v>
                </c:pt>
                <c:pt idx="2237">
                  <c:v>84.901594302832464</c:v>
                </c:pt>
                <c:pt idx="2238">
                  <c:v>84.894331536546488</c:v>
                </c:pt>
                <c:pt idx="2239">
                  <c:v>84.886685889665543</c:v>
                </c:pt>
                <c:pt idx="2240">
                  <c:v>84.879423123379567</c:v>
                </c:pt>
                <c:pt idx="2241">
                  <c:v>84.872172322112178</c:v>
                </c:pt>
                <c:pt idx="2242">
                  <c:v>84.864921520844788</c:v>
                </c:pt>
                <c:pt idx="2243">
                  <c:v>84.857670719577399</c:v>
                </c:pt>
                <c:pt idx="2244">
                  <c:v>84.850419918310038</c:v>
                </c:pt>
                <c:pt idx="2245">
                  <c:v>84.843169117042649</c:v>
                </c:pt>
                <c:pt idx="2246">
                  <c:v>84.835511505143117</c:v>
                </c:pt>
                <c:pt idx="2247">
                  <c:v>84.828260703875728</c:v>
                </c:pt>
                <c:pt idx="2248">
                  <c:v>84.821009902608324</c:v>
                </c:pt>
                <c:pt idx="2249">
                  <c:v>84.813747136322363</c:v>
                </c:pt>
                <c:pt idx="2250">
                  <c:v>84.806496335054987</c:v>
                </c:pt>
                <c:pt idx="2251">
                  <c:v>84.799245533787584</c:v>
                </c:pt>
                <c:pt idx="2252">
                  <c:v>84.791994732520209</c:v>
                </c:pt>
                <c:pt idx="2253">
                  <c:v>84.784743931252819</c:v>
                </c:pt>
                <c:pt idx="2254">
                  <c:v>84.777493129985459</c:v>
                </c:pt>
                <c:pt idx="2255">
                  <c:v>84.770230363699454</c:v>
                </c:pt>
                <c:pt idx="2256">
                  <c:v>84.762979562432093</c:v>
                </c:pt>
                <c:pt idx="2257">
                  <c:v>84.755728761164718</c:v>
                </c:pt>
                <c:pt idx="2258">
                  <c:v>84.748477959897301</c:v>
                </c:pt>
                <c:pt idx="2259">
                  <c:v>84.74122715862994</c:v>
                </c:pt>
                <c:pt idx="2260">
                  <c:v>84.73397635736255</c:v>
                </c:pt>
                <c:pt idx="2261">
                  <c:v>84.726725556095175</c:v>
                </c:pt>
                <c:pt idx="2262">
                  <c:v>84.719869600441356</c:v>
                </c:pt>
                <c:pt idx="2263">
                  <c:v>84.712618799173967</c:v>
                </c:pt>
                <c:pt idx="2264">
                  <c:v>84.705367997906606</c:v>
                </c:pt>
                <c:pt idx="2265">
                  <c:v>84.698512042252787</c:v>
                </c:pt>
                <c:pt idx="2266">
                  <c:v>84.691261240985412</c:v>
                </c:pt>
                <c:pt idx="2267">
                  <c:v>84.684010439718023</c:v>
                </c:pt>
                <c:pt idx="2268">
                  <c:v>84.676759638450633</c:v>
                </c:pt>
                <c:pt idx="2269">
                  <c:v>84.669903682796829</c:v>
                </c:pt>
                <c:pt idx="2270">
                  <c:v>84.662652881529425</c:v>
                </c:pt>
                <c:pt idx="2271">
                  <c:v>84.655808890894207</c:v>
                </c:pt>
                <c:pt idx="2272">
                  <c:v>84.648558089626832</c:v>
                </c:pt>
                <c:pt idx="2273">
                  <c:v>84.641702133973041</c:v>
                </c:pt>
                <c:pt idx="2274">
                  <c:v>84.634451332705652</c:v>
                </c:pt>
                <c:pt idx="2275">
                  <c:v>84.627595377051833</c:v>
                </c:pt>
                <c:pt idx="2276">
                  <c:v>84.620344575784458</c:v>
                </c:pt>
                <c:pt idx="2277">
                  <c:v>84.613500585149239</c:v>
                </c:pt>
                <c:pt idx="2278">
                  <c:v>84.606249783881836</c:v>
                </c:pt>
                <c:pt idx="2279">
                  <c:v>84.599393828228031</c:v>
                </c:pt>
                <c:pt idx="2280">
                  <c:v>84.59214302696067</c:v>
                </c:pt>
                <c:pt idx="2281">
                  <c:v>84.585299036325438</c:v>
                </c:pt>
                <c:pt idx="2282">
                  <c:v>84.578443080671619</c:v>
                </c:pt>
                <c:pt idx="2283">
                  <c:v>84.571599090036415</c:v>
                </c:pt>
                <c:pt idx="2284">
                  <c:v>84.564743134382596</c:v>
                </c:pt>
                <c:pt idx="2285">
                  <c:v>84.557899143747377</c:v>
                </c:pt>
                <c:pt idx="2286">
                  <c:v>84.551449998725715</c:v>
                </c:pt>
                <c:pt idx="2287">
                  <c:v>84.544594043071925</c:v>
                </c:pt>
                <c:pt idx="2288">
                  <c:v>84.537750052436678</c:v>
                </c:pt>
                <c:pt idx="2289">
                  <c:v>84.530894096782859</c:v>
                </c:pt>
                <c:pt idx="2290">
                  <c:v>84.524050106147669</c:v>
                </c:pt>
                <c:pt idx="2291">
                  <c:v>84.51679930488028</c:v>
                </c:pt>
                <c:pt idx="2292">
                  <c:v>84.509943349226475</c:v>
                </c:pt>
                <c:pt idx="2293">
                  <c:v>84.503099358591243</c:v>
                </c:pt>
                <c:pt idx="2294">
                  <c:v>84.496243402937438</c:v>
                </c:pt>
                <c:pt idx="2295">
                  <c:v>84.48939941230222</c:v>
                </c:pt>
                <c:pt idx="2296">
                  <c:v>84.482543456648401</c:v>
                </c:pt>
                <c:pt idx="2297">
                  <c:v>84.475699466013182</c:v>
                </c:pt>
                <c:pt idx="2298">
                  <c:v>84.468843510359363</c:v>
                </c:pt>
                <c:pt idx="2299">
                  <c:v>84.462406330356316</c:v>
                </c:pt>
                <c:pt idx="2300">
                  <c:v>84.455957185334668</c:v>
                </c:pt>
                <c:pt idx="2301">
                  <c:v>84.449101229680849</c:v>
                </c:pt>
                <c:pt idx="2302">
                  <c:v>84.442652084659215</c:v>
                </c:pt>
                <c:pt idx="2303">
                  <c:v>84.43660975026971</c:v>
                </c:pt>
                <c:pt idx="2304">
                  <c:v>84.430172570266663</c:v>
                </c:pt>
                <c:pt idx="2305">
                  <c:v>84.423723425245029</c:v>
                </c:pt>
                <c:pt idx="2306">
                  <c:v>84.417274280223367</c:v>
                </c:pt>
                <c:pt idx="2307">
                  <c:v>84.410418324569548</c:v>
                </c:pt>
                <c:pt idx="2308">
                  <c:v>84.40357433393433</c:v>
                </c:pt>
                <c:pt idx="2309">
                  <c:v>84.396718378280511</c:v>
                </c:pt>
                <c:pt idx="2310">
                  <c:v>84.38907273139958</c:v>
                </c:pt>
                <c:pt idx="2311">
                  <c:v>84.381008308867862</c:v>
                </c:pt>
                <c:pt idx="2312">
                  <c:v>84.372549040722575</c:v>
                </c:pt>
                <c:pt idx="2313">
                  <c:v>84.362881305699418</c:v>
                </c:pt>
                <c:pt idx="2314">
                  <c:v>84.352399949411904</c:v>
                </c:pt>
                <c:pt idx="2315">
                  <c:v>84.340315280632922</c:v>
                </c:pt>
                <c:pt idx="2316">
                  <c:v>84.32741699058964</c:v>
                </c:pt>
                <c:pt idx="2317">
                  <c:v>84.312508577422705</c:v>
                </c:pt>
                <c:pt idx="2318">
                  <c:v>84.295996851764315</c:v>
                </c:pt>
                <c:pt idx="2319">
                  <c:v>84.277463037963699</c:v>
                </c:pt>
                <c:pt idx="2320">
                  <c:v>84.257313946652999</c:v>
                </c:pt>
                <c:pt idx="2321">
                  <c:v>84.235154732218703</c:v>
                </c:pt>
                <c:pt idx="2322">
                  <c:v>84.210973429642152</c:v>
                </c:pt>
                <c:pt idx="2323">
                  <c:v>84.185188814574147</c:v>
                </c:pt>
                <c:pt idx="2324">
                  <c:v>84.158195732628243</c:v>
                </c:pt>
                <c:pt idx="2325">
                  <c:v>84.129982218785869</c:v>
                </c:pt>
                <c:pt idx="2326">
                  <c:v>84.100979013716341</c:v>
                </c:pt>
                <c:pt idx="2327">
                  <c:v>84.071568998014641</c:v>
                </c:pt>
                <c:pt idx="2328">
                  <c:v>84.042553827926525</c:v>
                </c:pt>
                <c:pt idx="2329">
                  <c:v>84.013945468470553</c:v>
                </c:pt>
                <c:pt idx="2330">
                  <c:v>83.986138765260336</c:v>
                </c:pt>
                <c:pt idx="2331">
                  <c:v>83.959552493946603</c:v>
                </c:pt>
                <c:pt idx="2332">
                  <c:v>83.934976345756482</c:v>
                </c:pt>
                <c:pt idx="2333">
                  <c:v>83.912003510057858</c:v>
                </c:pt>
                <c:pt idx="2334">
                  <c:v>83.890645951869274</c:v>
                </c:pt>
                <c:pt idx="2335">
                  <c:v>83.87090367119076</c:v>
                </c:pt>
                <c:pt idx="2336">
                  <c:v>83.852776668022301</c:v>
                </c:pt>
                <c:pt idx="2337">
                  <c:v>83.836659787977482</c:v>
                </c:pt>
                <c:pt idx="2338">
                  <c:v>83.821344564178375</c:v>
                </c:pt>
                <c:pt idx="2339">
                  <c:v>83.807249772275782</c:v>
                </c:pt>
                <c:pt idx="2340">
                  <c:v>83.794351482232486</c:v>
                </c:pt>
                <c:pt idx="2341">
                  <c:v>83.782266813453504</c:v>
                </c:pt>
                <c:pt idx="2342">
                  <c:v>83.770983800920277</c:v>
                </c:pt>
                <c:pt idx="2343">
                  <c:v>83.760107599019207</c:v>
                </c:pt>
                <c:pt idx="2344">
                  <c:v>83.750033053363865</c:v>
                </c:pt>
                <c:pt idx="2345">
                  <c:v>83.740760163954249</c:v>
                </c:pt>
                <c:pt idx="2346">
                  <c:v>83.732300895808962</c:v>
                </c:pt>
                <c:pt idx="2347">
                  <c:v>83.724236473277259</c:v>
                </c:pt>
                <c:pt idx="2348">
                  <c:v>83.71739248264204</c:v>
                </c:pt>
                <c:pt idx="2349">
                  <c:v>83.710943337620392</c:v>
                </c:pt>
                <c:pt idx="2350">
                  <c:v>83.705307813863072</c:v>
                </c:pt>
                <c:pt idx="2351">
                  <c:v>83.70047394635148</c:v>
                </c:pt>
                <c:pt idx="2352">
                  <c:v>83.696034924453471</c:v>
                </c:pt>
                <c:pt idx="2353">
                  <c:v>83.692409523819776</c:v>
                </c:pt>
                <c:pt idx="2354">
                  <c:v>83.689190933818253</c:v>
                </c:pt>
                <c:pt idx="2355">
                  <c:v>83.686367189430285</c:v>
                </c:pt>
                <c:pt idx="2356">
                  <c:v>83.683950255674503</c:v>
                </c:pt>
                <c:pt idx="2357">
                  <c:v>83.681940132550864</c:v>
                </c:pt>
                <c:pt idx="2358">
                  <c:v>83.679918044408637</c:v>
                </c:pt>
                <c:pt idx="2359">
                  <c:v>83.677907921285012</c:v>
                </c:pt>
                <c:pt idx="2360">
                  <c:v>83.676292643774957</c:v>
                </c:pt>
                <c:pt idx="2361">
                  <c:v>83.674677366264888</c:v>
                </c:pt>
                <c:pt idx="2362">
                  <c:v>83.67346889938699</c:v>
                </c:pt>
                <c:pt idx="2363">
                  <c:v>83.672260432509105</c:v>
                </c:pt>
                <c:pt idx="2364">
                  <c:v>83.671458776263364</c:v>
                </c:pt>
                <c:pt idx="2365">
                  <c:v>83.670657120017623</c:v>
                </c:pt>
                <c:pt idx="2366">
                  <c:v>83.669448653139739</c:v>
                </c:pt>
                <c:pt idx="2367">
                  <c:v>83.669041842507568</c:v>
                </c:pt>
                <c:pt idx="2368">
                  <c:v>83.668240186261826</c:v>
                </c:pt>
                <c:pt idx="2369">
                  <c:v>83.667426564997513</c:v>
                </c:pt>
                <c:pt idx="2370">
                  <c:v>83.667031719383942</c:v>
                </c:pt>
                <c:pt idx="2371">
                  <c:v>83.666624908751771</c:v>
                </c:pt>
                <c:pt idx="2372">
                  <c:v>83.666218098119614</c:v>
                </c:pt>
                <c:pt idx="2373">
                  <c:v>83.665416441873887</c:v>
                </c:pt>
                <c:pt idx="2374">
                  <c:v>83.665009631241702</c:v>
                </c:pt>
                <c:pt idx="2375">
                  <c:v>83.664614785628146</c:v>
                </c:pt>
                <c:pt idx="2376">
                  <c:v>83.664207974995989</c:v>
                </c:pt>
                <c:pt idx="2377">
                  <c:v>83.663394353731661</c:v>
                </c:pt>
                <c:pt idx="2378">
                  <c:v>83.662999508118091</c:v>
                </c:pt>
                <c:pt idx="2379">
                  <c:v>83.66259269748592</c:v>
                </c:pt>
                <c:pt idx="2380">
                  <c:v>83.662185886853763</c:v>
                </c:pt>
                <c:pt idx="2381">
                  <c:v>83.661791041240193</c:v>
                </c:pt>
                <c:pt idx="2382">
                  <c:v>83.661791041240193</c:v>
                </c:pt>
                <c:pt idx="2383">
                  <c:v>83.661384230608022</c:v>
                </c:pt>
                <c:pt idx="2384">
                  <c:v>83.661384230608022</c:v>
                </c:pt>
                <c:pt idx="2385">
                  <c:v>83.661384230608022</c:v>
                </c:pt>
                <c:pt idx="2386">
                  <c:v>83.66097741997585</c:v>
                </c:pt>
                <c:pt idx="2387">
                  <c:v>83.66097741997585</c:v>
                </c:pt>
                <c:pt idx="2388">
                  <c:v>83.660582574362294</c:v>
                </c:pt>
                <c:pt idx="2389">
                  <c:v>83.660582574362294</c:v>
                </c:pt>
                <c:pt idx="2390">
                  <c:v>83.660582574362294</c:v>
                </c:pt>
                <c:pt idx="2391">
                  <c:v>83.660175763730123</c:v>
                </c:pt>
                <c:pt idx="2392">
                  <c:v>83.660175763730123</c:v>
                </c:pt>
                <c:pt idx="2393">
                  <c:v>83.660175763730123</c:v>
                </c:pt>
                <c:pt idx="2394">
                  <c:v>83.660175763730123</c:v>
                </c:pt>
                <c:pt idx="2395">
                  <c:v>83.659768953097952</c:v>
                </c:pt>
                <c:pt idx="2396">
                  <c:v>83.659768953097952</c:v>
                </c:pt>
                <c:pt idx="2397">
                  <c:v>83.659768953097952</c:v>
                </c:pt>
                <c:pt idx="2398">
                  <c:v>83.659768953097952</c:v>
                </c:pt>
                <c:pt idx="2399">
                  <c:v>83.659374107484382</c:v>
                </c:pt>
                <c:pt idx="2400">
                  <c:v>83.659374107484382</c:v>
                </c:pt>
                <c:pt idx="2401">
                  <c:v>83.659374107484382</c:v>
                </c:pt>
                <c:pt idx="2402">
                  <c:v>83.658967296852225</c:v>
                </c:pt>
                <c:pt idx="2403">
                  <c:v>83.658967296852225</c:v>
                </c:pt>
                <c:pt idx="2404">
                  <c:v>83.658560486220068</c:v>
                </c:pt>
                <c:pt idx="2405">
                  <c:v>83.658560486220068</c:v>
                </c:pt>
                <c:pt idx="2406">
                  <c:v>83.658165640606484</c:v>
                </c:pt>
                <c:pt idx="2407">
                  <c:v>83.658165640606484</c:v>
                </c:pt>
                <c:pt idx="2408">
                  <c:v>83.657758829974327</c:v>
                </c:pt>
                <c:pt idx="2409">
                  <c:v>83.657352019342184</c:v>
                </c:pt>
                <c:pt idx="2410">
                  <c:v>83.657352019342184</c:v>
                </c:pt>
                <c:pt idx="2411">
                  <c:v>83.657352019342184</c:v>
                </c:pt>
                <c:pt idx="2412">
                  <c:v>83.656957173728586</c:v>
                </c:pt>
                <c:pt idx="2413">
                  <c:v>83.656957173728586</c:v>
                </c:pt>
                <c:pt idx="2414">
                  <c:v>83.656957173728586</c:v>
                </c:pt>
                <c:pt idx="2415">
                  <c:v>83.656550363096443</c:v>
                </c:pt>
                <c:pt idx="2416">
                  <c:v>83.656550363096443</c:v>
                </c:pt>
                <c:pt idx="2417">
                  <c:v>83.656143552464272</c:v>
                </c:pt>
                <c:pt idx="2418">
                  <c:v>83.655748706850702</c:v>
                </c:pt>
                <c:pt idx="2419">
                  <c:v>83.655748706850702</c:v>
                </c:pt>
                <c:pt idx="2420">
                  <c:v>83.655341896218545</c:v>
                </c:pt>
                <c:pt idx="2421">
                  <c:v>83.655341896218545</c:v>
                </c:pt>
                <c:pt idx="2422">
                  <c:v>83.654935085586374</c:v>
                </c:pt>
                <c:pt idx="2423">
                  <c:v>83.654935085586374</c:v>
                </c:pt>
                <c:pt idx="2424">
                  <c:v>83.654935085586374</c:v>
                </c:pt>
                <c:pt idx="2425">
                  <c:v>83.654935085586374</c:v>
                </c:pt>
                <c:pt idx="2426">
                  <c:v>83.654935085586374</c:v>
                </c:pt>
                <c:pt idx="2427">
                  <c:v>83.654935085586374</c:v>
                </c:pt>
                <c:pt idx="2428">
                  <c:v>83.654935085586374</c:v>
                </c:pt>
                <c:pt idx="2429">
                  <c:v>83.654935085586374</c:v>
                </c:pt>
                <c:pt idx="2430">
                  <c:v>83.655341896218545</c:v>
                </c:pt>
                <c:pt idx="2431">
                  <c:v>83.655341896218545</c:v>
                </c:pt>
                <c:pt idx="2432">
                  <c:v>83.655341896218545</c:v>
                </c:pt>
                <c:pt idx="2433">
                  <c:v>83.655341896218545</c:v>
                </c:pt>
                <c:pt idx="2434">
                  <c:v>83.655341896218545</c:v>
                </c:pt>
                <c:pt idx="2435">
                  <c:v>83.655341896218545</c:v>
                </c:pt>
                <c:pt idx="2436">
                  <c:v>83.655341896218545</c:v>
                </c:pt>
                <c:pt idx="2437">
                  <c:v>83.655341896218545</c:v>
                </c:pt>
                <c:pt idx="2438">
                  <c:v>83.655341896218545</c:v>
                </c:pt>
                <c:pt idx="2439">
                  <c:v>83.655341896218545</c:v>
                </c:pt>
                <c:pt idx="2440">
                  <c:v>83.655341896218545</c:v>
                </c:pt>
                <c:pt idx="2441">
                  <c:v>83.655341896218545</c:v>
                </c:pt>
                <c:pt idx="2442">
                  <c:v>83.655341896218545</c:v>
                </c:pt>
                <c:pt idx="2443">
                  <c:v>83.655341896218545</c:v>
                </c:pt>
                <c:pt idx="2444">
                  <c:v>83.655748706850702</c:v>
                </c:pt>
                <c:pt idx="2445">
                  <c:v>83.655748706850702</c:v>
                </c:pt>
                <c:pt idx="2446">
                  <c:v>83.655748706850702</c:v>
                </c:pt>
                <c:pt idx="2447">
                  <c:v>83.655748706850702</c:v>
                </c:pt>
                <c:pt idx="2448">
                  <c:v>83.655748706850702</c:v>
                </c:pt>
                <c:pt idx="2449">
                  <c:v>83.655748706850702</c:v>
                </c:pt>
                <c:pt idx="2450">
                  <c:v>83.655341896218545</c:v>
                </c:pt>
                <c:pt idx="2451">
                  <c:v>83.655341896218545</c:v>
                </c:pt>
                <c:pt idx="2452">
                  <c:v>83.655341896218545</c:v>
                </c:pt>
                <c:pt idx="2453">
                  <c:v>83.655341896218545</c:v>
                </c:pt>
                <c:pt idx="2454">
                  <c:v>83.655341896218545</c:v>
                </c:pt>
                <c:pt idx="2455">
                  <c:v>83.654935085586374</c:v>
                </c:pt>
                <c:pt idx="2456">
                  <c:v>83.654935085586374</c:v>
                </c:pt>
                <c:pt idx="2457">
                  <c:v>83.654935085586374</c:v>
                </c:pt>
                <c:pt idx="2458">
                  <c:v>83.654935085586374</c:v>
                </c:pt>
                <c:pt idx="2459">
                  <c:v>83.654935085586374</c:v>
                </c:pt>
                <c:pt idx="2460">
                  <c:v>83.654935085586374</c:v>
                </c:pt>
                <c:pt idx="2461">
                  <c:v>83.654935085586374</c:v>
                </c:pt>
                <c:pt idx="2462">
                  <c:v>83.654935085586374</c:v>
                </c:pt>
                <c:pt idx="2463">
                  <c:v>83.654540239972803</c:v>
                </c:pt>
                <c:pt idx="2464">
                  <c:v>83.654540239972803</c:v>
                </c:pt>
                <c:pt idx="2465">
                  <c:v>83.654133429340632</c:v>
                </c:pt>
                <c:pt idx="2466">
                  <c:v>83.654133429340632</c:v>
                </c:pt>
                <c:pt idx="2467">
                  <c:v>83.654133429340632</c:v>
                </c:pt>
                <c:pt idx="2468">
                  <c:v>83.654133429340632</c:v>
                </c:pt>
                <c:pt idx="2469">
                  <c:v>83.654133429340632</c:v>
                </c:pt>
                <c:pt idx="2470">
                  <c:v>83.654540239972803</c:v>
                </c:pt>
                <c:pt idx="2471">
                  <c:v>83.654540239972803</c:v>
                </c:pt>
                <c:pt idx="2472">
                  <c:v>83.654540239972803</c:v>
                </c:pt>
                <c:pt idx="2473">
                  <c:v>83.654540239972803</c:v>
                </c:pt>
                <c:pt idx="2474">
                  <c:v>83.654540239972803</c:v>
                </c:pt>
                <c:pt idx="2475">
                  <c:v>83.654540239972803</c:v>
                </c:pt>
                <c:pt idx="2476">
                  <c:v>83.654540239972803</c:v>
                </c:pt>
                <c:pt idx="2477">
                  <c:v>84.691261240985412</c:v>
                </c:pt>
                <c:pt idx="2478">
                  <c:v>84.684010439718023</c:v>
                </c:pt>
                <c:pt idx="2479">
                  <c:v>84.676759638450633</c:v>
                </c:pt>
                <c:pt idx="2480">
                  <c:v>84.669903682796829</c:v>
                </c:pt>
                <c:pt idx="2481">
                  <c:v>84.662652881529425</c:v>
                </c:pt>
                <c:pt idx="2482">
                  <c:v>84.655808890894207</c:v>
                </c:pt>
                <c:pt idx="2483">
                  <c:v>84.648558089626832</c:v>
                </c:pt>
                <c:pt idx="2484">
                  <c:v>84.641702133973041</c:v>
                </c:pt>
                <c:pt idx="2485">
                  <c:v>84.634451332705652</c:v>
                </c:pt>
                <c:pt idx="2486">
                  <c:v>84.627595377051833</c:v>
                </c:pt>
                <c:pt idx="2487">
                  <c:v>84.620344575784458</c:v>
                </c:pt>
                <c:pt idx="2488">
                  <c:v>84.613500585149239</c:v>
                </c:pt>
                <c:pt idx="2489">
                  <c:v>84.606249783881836</c:v>
                </c:pt>
                <c:pt idx="2490">
                  <c:v>84.599393828228031</c:v>
                </c:pt>
                <c:pt idx="2491">
                  <c:v>84.59214302696067</c:v>
                </c:pt>
                <c:pt idx="2492">
                  <c:v>84.585299036325438</c:v>
                </c:pt>
                <c:pt idx="2493">
                  <c:v>84.578443080671619</c:v>
                </c:pt>
                <c:pt idx="2494">
                  <c:v>84.571599090036415</c:v>
                </c:pt>
                <c:pt idx="2495">
                  <c:v>84.564743134382596</c:v>
                </c:pt>
                <c:pt idx="2496">
                  <c:v>84.557899143747377</c:v>
                </c:pt>
                <c:pt idx="2497">
                  <c:v>84.551449998725715</c:v>
                </c:pt>
                <c:pt idx="2498">
                  <c:v>84.544594043071925</c:v>
                </c:pt>
                <c:pt idx="2499">
                  <c:v>84.537750052436678</c:v>
                </c:pt>
                <c:pt idx="2500">
                  <c:v>84.530894096782859</c:v>
                </c:pt>
                <c:pt idx="2501">
                  <c:v>84.524050106147669</c:v>
                </c:pt>
                <c:pt idx="2502">
                  <c:v>84.51679930488028</c:v>
                </c:pt>
                <c:pt idx="2503">
                  <c:v>84.509943349226475</c:v>
                </c:pt>
                <c:pt idx="2504">
                  <c:v>84.503099358591243</c:v>
                </c:pt>
                <c:pt idx="2505">
                  <c:v>84.496243402937438</c:v>
                </c:pt>
                <c:pt idx="2506">
                  <c:v>84.48939941230222</c:v>
                </c:pt>
                <c:pt idx="2507">
                  <c:v>84.482543456648401</c:v>
                </c:pt>
                <c:pt idx="2508">
                  <c:v>84.475699466013182</c:v>
                </c:pt>
                <c:pt idx="2509">
                  <c:v>84.468843510359363</c:v>
                </c:pt>
                <c:pt idx="2510">
                  <c:v>84.462406330356316</c:v>
                </c:pt>
                <c:pt idx="2511">
                  <c:v>84.455957185334668</c:v>
                </c:pt>
                <c:pt idx="2512">
                  <c:v>84.449101229680849</c:v>
                </c:pt>
                <c:pt idx="2513">
                  <c:v>84.442652084659215</c:v>
                </c:pt>
                <c:pt idx="2514">
                  <c:v>84.43660975026971</c:v>
                </c:pt>
                <c:pt idx="2515">
                  <c:v>84.430172570266663</c:v>
                </c:pt>
                <c:pt idx="2516">
                  <c:v>84.423723425245029</c:v>
                </c:pt>
                <c:pt idx="2517">
                  <c:v>84.417274280223367</c:v>
                </c:pt>
                <c:pt idx="2518">
                  <c:v>84.410418324569548</c:v>
                </c:pt>
                <c:pt idx="2519">
                  <c:v>84.40357433393433</c:v>
                </c:pt>
                <c:pt idx="2520">
                  <c:v>84.396718378280511</c:v>
                </c:pt>
                <c:pt idx="2521">
                  <c:v>84.38907273139958</c:v>
                </c:pt>
                <c:pt idx="2522">
                  <c:v>84.381008308867862</c:v>
                </c:pt>
                <c:pt idx="2523">
                  <c:v>84.372549040722575</c:v>
                </c:pt>
                <c:pt idx="2524">
                  <c:v>84.362881305699418</c:v>
                </c:pt>
                <c:pt idx="2525">
                  <c:v>84.352399949411904</c:v>
                </c:pt>
                <c:pt idx="2526">
                  <c:v>84.340315280632922</c:v>
                </c:pt>
                <c:pt idx="2527">
                  <c:v>84.32741699058964</c:v>
                </c:pt>
                <c:pt idx="2528">
                  <c:v>84.312508577422705</c:v>
                </c:pt>
                <c:pt idx="2529">
                  <c:v>84.295996851764315</c:v>
                </c:pt>
                <c:pt idx="2530">
                  <c:v>84.277463037963699</c:v>
                </c:pt>
                <c:pt idx="2531">
                  <c:v>84.257313946652999</c:v>
                </c:pt>
                <c:pt idx="2532">
                  <c:v>84.235154732218703</c:v>
                </c:pt>
                <c:pt idx="2533">
                  <c:v>84.210973429642152</c:v>
                </c:pt>
                <c:pt idx="2534">
                  <c:v>84.185188814574147</c:v>
                </c:pt>
                <c:pt idx="2535">
                  <c:v>84.158195732628243</c:v>
                </c:pt>
                <c:pt idx="2536">
                  <c:v>84.129982218785869</c:v>
                </c:pt>
                <c:pt idx="2537">
                  <c:v>84.100979013716341</c:v>
                </c:pt>
                <c:pt idx="2538">
                  <c:v>84.071568998014641</c:v>
                </c:pt>
                <c:pt idx="2539">
                  <c:v>84.042553827926525</c:v>
                </c:pt>
                <c:pt idx="2540">
                  <c:v>84.013945468470553</c:v>
                </c:pt>
                <c:pt idx="2541">
                  <c:v>83.986138765260336</c:v>
                </c:pt>
                <c:pt idx="2542">
                  <c:v>83.959552493946603</c:v>
                </c:pt>
                <c:pt idx="2543">
                  <c:v>83.934976345756482</c:v>
                </c:pt>
                <c:pt idx="2544">
                  <c:v>83.912003510057858</c:v>
                </c:pt>
                <c:pt idx="2545">
                  <c:v>83.890645951869274</c:v>
                </c:pt>
                <c:pt idx="2546">
                  <c:v>83.87090367119076</c:v>
                </c:pt>
                <c:pt idx="2547">
                  <c:v>83.852776668022301</c:v>
                </c:pt>
                <c:pt idx="2548">
                  <c:v>83.836659787977482</c:v>
                </c:pt>
                <c:pt idx="2549">
                  <c:v>83.821344564178375</c:v>
                </c:pt>
                <c:pt idx="2550">
                  <c:v>83.807249772275782</c:v>
                </c:pt>
                <c:pt idx="2551">
                  <c:v>83.794351482232486</c:v>
                </c:pt>
                <c:pt idx="2552">
                  <c:v>83.782266813453504</c:v>
                </c:pt>
                <c:pt idx="2553">
                  <c:v>83.770983800920277</c:v>
                </c:pt>
                <c:pt idx="2554">
                  <c:v>83.760107599019207</c:v>
                </c:pt>
                <c:pt idx="2555">
                  <c:v>83.750033053363865</c:v>
                </c:pt>
                <c:pt idx="2556">
                  <c:v>83.740760163954249</c:v>
                </c:pt>
                <c:pt idx="2557">
                  <c:v>83.732300895808962</c:v>
                </c:pt>
                <c:pt idx="2558">
                  <c:v>83.724236473277259</c:v>
                </c:pt>
                <c:pt idx="2559">
                  <c:v>83.71739248264204</c:v>
                </c:pt>
                <c:pt idx="2560">
                  <c:v>83.710943337620392</c:v>
                </c:pt>
                <c:pt idx="2561">
                  <c:v>83.705307813863072</c:v>
                </c:pt>
                <c:pt idx="2562">
                  <c:v>83.70047394635148</c:v>
                </c:pt>
                <c:pt idx="2563">
                  <c:v>83.696034924453471</c:v>
                </c:pt>
                <c:pt idx="2564">
                  <c:v>83.692409523819776</c:v>
                </c:pt>
                <c:pt idx="2565">
                  <c:v>83.689190933818253</c:v>
                </c:pt>
                <c:pt idx="2566">
                  <c:v>83.686367189430285</c:v>
                </c:pt>
                <c:pt idx="2567">
                  <c:v>83.683950255674503</c:v>
                </c:pt>
                <c:pt idx="2568">
                  <c:v>83.681940132550864</c:v>
                </c:pt>
                <c:pt idx="2569">
                  <c:v>83.679918044408637</c:v>
                </c:pt>
                <c:pt idx="2570">
                  <c:v>83.677907921285012</c:v>
                </c:pt>
                <c:pt idx="2571">
                  <c:v>83.676292643774957</c:v>
                </c:pt>
                <c:pt idx="2572">
                  <c:v>83.674677366264888</c:v>
                </c:pt>
                <c:pt idx="2573">
                  <c:v>83.67346889938699</c:v>
                </c:pt>
                <c:pt idx="2574">
                  <c:v>83.672260432509105</c:v>
                </c:pt>
                <c:pt idx="2575">
                  <c:v>83.671458776263364</c:v>
                </c:pt>
                <c:pt idx="2576">
                  <c:v>83.670657120017623</c:v>
                </c:pt>
                <c:pt idx="2577">
                  <c:v>83.669448653139739</c:v>
                </c:pt>
                <c:pt idx="2578">
                  <c:v>83.669041842507568</c:v>
                </c:pt>
                <c:pt idx="2579">
                  <c:v>83.668240186261826</c:v>
                </c:pt>
                <c:pt idx="2580">
                  <c:v>83.667426564997513</c:v>
                </c:pt>
                <c:pt idx="2581">
                  <c:v>83.667031719383942</c:v>
                </c:pt>
                <c:pt idx="2582">
                  <c:v>83.666624908751771</c:v>
                </c:pt>
                <c:pt idx="2583">
                  <c:v>83.666218098119614</c:v>
                </c:pt>
                <c:pt idx="2584">
                  <c:v>83.665416441873887</c:v>
                </c:pt>
                <c:pt idx="2585">
                  <c:v>83.665009631241702</c:v>
                </c:pt>
                <c:pt idx="2586">
                  <c:v>83.664614785628146</c:v>
                </c:pt>
                <c:pt idx="2587">
                  <c:v>83.664207974995989</c:v>
                </c:pt>
                <c:pt idx="2588">
                  <c:v>83.663394353731661</c:v>
                </c:pt>
                <c:pt idx="2589">
                  <c:v>83.662999508118091</c:v>
                </c:pt>
                <c:pt idx="2590">
                  <c:v>83.66259269748592</c:v>
                </c:pt>
                <c:pt idx="2591">
                  <c:v>83.662185886853763</c:v>
                </c:pt>
                <c:pt idx="2592">
                  <c:v>83.661791041240193</c:v>
                </c:pt>
                <c:pt idx="2593">
                  <c:v>83.661791041240193</c:v>
                </c:pt>
                <c:pt idx="2594">
                  <c:v>83.661384230608022</c:v>
                </c:pt>
                <c:pt idx="2595">
                  <c:v>83.661384230608022</c:v>
                </c:pt>
                <c:pt idx="2596">
                  <c:v>83.661384230608022</c:v>
                </c:pt>
                <c:pt idx="2597">
                  <c:v>83.66097741997585</c:v>
                </c:pt>
                <c:pt idx="2598">
                  <c:v>83.66097741997585</c:v>
                </c:pt>
                <c:pt idx="2599">
                  <c:v>83.660582574362294</c:v>
                </c:pt>
                <c:pt idx="2600">
                  <c:v>83.660582574362294</c:v>
                </c:pt>
                <c:pt idx="2601">
                  <c:v>83.660582574362294</c:v>
                </c:pt>
                <c:pt idx="2602">
                  <c:v>83.660175763730123</c:v>
                </c:pt>
                <c:pt idx="2603">
                  <c:v>83.660175763730123</c:v>
                </c:pt>
                <c:pt idx="2604">
                  <c:v>83.660175763730123</c:v>
                </c:pt>
                <c:pt idx="2605">
                  <c:v>83.660175763730123</c:v>
                </c:pt>
                <c:pt idx="2606">
                  <c:v>83.659768953097952</c:v>
                </c:pt>
                <c:pt idx="2607">
                  <c:v>83.659768953097952</c:v>
                </c:pt>
                <c:pt idx="2608">
                  <c:v>83.659768953097952</c:v>
                </c:pt>
                <c:pt idx="2609">
                  <c:v>83.659768953097952</c:v>
                </c:pt>
                <c:pt idx="2610">
                  <c:v>83.659374107484382</c:v>
                </c:pt>
                <c:pt idx="2611">
                  <c:v>83.659374107484382</c:v>
                </c:pt>
                <c:pt idx="2612">
                  <c:v>83.659374107484382</c:v>
                </c:pt>
                <c:pt idx="2613">
                  <c:v>83.658967296852225</c:v>
                </c:pt>
                <c:pt idx="2614">
                  <c:v>83.658967296852225</c:v>
                </c:pt>
                <c:pt idx="2615">
                  <c:v>83.658560486220068</c:v>
                </c:pt>
                <c:pt idx="2616">
                  <c:v>83.658560486220068</c:v>
                </c:pt>
                <c:pt idx="2617">
                  <c:v>83.658165640606484</c:v>
                </c:pt>
                <c:pt idx="2618">
                  <c:v>83.658165640606484</c:v>
                </c:pt>
                <c:pt idx="2619">
                  <c:v>83.657758829974327</c:v>
                </c:pt>
                <c:pt idx="2620">
                  <c:v>83.657352019342184</c:v>
                </c:pt>
                <c:pt idx="2621">
                  <c:v>83.657352019342184</c:v>
                </c:pt>
                <c:pt idx="2622">
                  <c:v>83.657352019342184</c:v>
                </c:pt>
                <c:pt idx="2623">
                  <c:v>83.656957173728586</c:v>
                </c:pt>
                <c:pt idx="2624">
                  <c:v>83.656957173728586</c:v>
                </c:pt>
                <c:pt idx="2625">
                  <c:v>83.656957173728586</c:v>
                </c:pt>
                <c:pt idx="2626">
                  <c:v>83.656550363096443</c:v>
                </c:pt>
                <c:pt idx="2627">
                  <c:v>83.656550363096443</c:v>
                </c:pt>
                <c:pt idx="2628">
                  <c:v>83.656143552464272</c:v>
                </c:pt>
                <c:pt idx="2629">
                  <c:v>83.655748706850702</c:v>
                </c:pt>
                <c:pt idx="2630">
                  <c:v>83.655748706850702</c:v>
                </c:pt>
                <c:pt idx="2631">
                  <c:v>83.655341896218545</c:v>
                </c:pt>
                <c:pt idx="2632">
                  <c:v>83.655341896218545</c:v>
                </c:pt>
                <c:pt idx="2633">
                  <c:v>83.654935085586374</c:v>
                </c:pt>
                <c:pt idx="2634">
                  <c:v>83.654935085586374</c:v>
                </c:pt>
                <c:pt idx="2635">
                  <c:v>83.654935085586374</c:v>
                </c:pt>
                <c:pt idx="2636">
                  <c:v>83.654935085586374</c:v>
                </c:pt>
                <c:pt idx="2637">
                  <c:v>83.654935085586374</c:v>
                </c:pt>
                <c:pt idx="2638">
                  <c:v>83.654935085586374</c:v>
                </c:pt>
                <c:pt idx="2639">
                  <c:v>83.654935085586374</c:v>
                </c:pt>
                <c:pt idx="2640">
                  <c:v>83.654935085586374</c:v>
                </c:pt>
                <c:pt idx="2641">
                  <c:v>83.655341896218545</c:v>
                </c:pt>
                <c:pt idx="2642">
                  <c:v>83.655341896218545</c:v>
                </c:pt>
                <c:pt idx="2643">
                  <c:v>83.655341896218545</c:v>
                </c:pt>
                <c:pt idx="2644">
                  <c:v>83.655341896218545</c:v>
                </c:pt>
                <c:pt idx="2645">
                  <c:v>83.655341896218545</c:v>
                </c:pt>
                <c:pt idx="2646">
                  <c:v>83.655341896218545</c:v>
                </c:pt>
                <c:pt idx="2647">
                  <c:v>83.655341896218545</c:v>
                </c:pt>
                <c:pt idx="2648">
                  <c:v>83.655341896218545</c:v>
                </c:pt>
                <c:pt idx="2649">
                  <c:v>83.655341896218545</c:v>
                </c:pt>
                <c:pt idx="2650">
                  <c:v>83.655341896218545</c:v>
                </c:pt>
                <c:pt idx="2651">
                  <c:v>83.655341896218545</c:v>
                </c:pt>
                <c:pt idx="2652">
                  <c:v>83.655341896218545</c:v>
                </c:pt>
                <c:pt idx="2653">
                  <c:v>83.655341896218545</c:v>
                </c:pt>
                <c:pt idx="2654">
                  <c:v>83.655341896218545</c:v>
                </c:pt>
                <c:pt idx="2655">
                  <c:v>83.655748706850702</c:v>
                </c:pt>
                <c:pt idx="2656">
                  <c:v>83.655748706850702</c:v>
                </c:pt>
                <c:pt idx="2657">
                  <c:v>83.655748706850702</c:v>
                </c:pt>
                <c:pt idx="2658">
                  <c:v>83.655748706850702</c:v>
                </c:pt>
                <c:pt idx="2659">
                  <c:v>83.655748706850702</c:v>
                </c:pt>
                <c:pt idx="2660">
                  <c:v>83.655748706850702</c:v>
                </c:pt>
                <c:pt idx="2661">
                  <c:v>83.655341896218545</c:v>
                </c:pt>
                <c:pt idx="2662">
                  <c:v>83.655341896218545</c:v>
                </c:pt>
                <c:pt idx="2663">
                  <c:v>83.655341896218545</c:v>
                </c:pt>
                <c:pt idx="2664">
                  <c:v>83.655341896218545</c:v>
                </c:pt>
                <c:pt idx="2665">
                  <c:v>83.655341896218545</c:v>
                </c:pt>
                <c:pt idx="2666">
                  <c:v>83.654935085586374</c:v>
                </c:pt>
                <c:pt idx="2667">
                  <c:v>83.654935085586374</c:v>
                </c:pt>
                <c:pt idx="2668">
                  <c:v>83.654935085586374</c:v>
                </c:pt>
                <c:pt idx="2669">
                  <c:v>83.654935085586374</c:v>
                </c:pt>
                <c:pt idx="2670">
                  <c:v>83.654935085586374</c:v>
                </c:pt>
                <c:pt idx="2671">
                  <c:v>83.654935085586374</c:v>
                </c:pt>
                <c:pt idx="2672">
                  <c:v>83.654935085586374</c:v>
                </c:pt>
                <c:pt idx="2673">
                  <c:v>83.654935085586374</c:v>
                </c:pt>
                <c:pt idx="2674">
                  <c:v>83.654540239972803</c:v>
                </c:pt>
                <c:pt idx="2675">
                  <c:v>83.654540239972803</c:v>
                </c:pt>
                <c:pt idx="2676">
                  <c:v>83.654133429340632</c:v>
                </c:pt>
                <c:pt idx="2677">
                  <c:v>83.654133429340632</c:v>
                </c:pt>
                <c:pt idx="2678">
                  <c:v>83.654133429340632</c:v>
                </c:pt>
                <c:pt idx="2679">
                  <c:v>83.654133429340632</c:v>
                </c:pt>
                <c:pt idx="2680">
                  <c:v>83.654133429340632</c:v>
                </c:pt>
                <c:pt idx="2681">
                  <c:v>83.654540239972803</c:v>
                </c:pt>
                <c:pt idx="2682">
                  <c:v>83.654540239972803</c:v>
                </c:pt>
                <c:pt idx="2683">
                  <c:v>83.654540239972803</c:v>
                </c:pt>
                <c:pt idx="2684">
                  <c:v>83.654540239972803</c:v>
                </c:pt>
                <c:pt idx="2685">
                  <c:v>83.654540239972803</c:v>
                </c:pt>
                <c:pt idx="2686">
                  <c:v>83.654540239972803</c:v>
                </c:pt>
                <c:pt idx="2687">
                  <c:v>83.654540239972803</c:v>
                </c:pt>
                <c:pt idx="2688">
                  <c:v>83.654540239972803</c:v>
                </c:pt>
                <c:pt idx="2689">
                  <c:v>83.654540239972803</c:v>
                </c:pt>
                <c:pt idx="2690">
                  <c:v>83.654540239972803</c:v>
                </c:pt>
                <c:pt idx="2691">
                  <c:v>83.654540239972803</c:v>
                </c:pt>
                <c:pt idx="2692">
                  <c:v>83.654540239972803</c:v>
                </c:pt>
                <c:pt idx="2693">
                  <c:v>83.654540239972803</c:v>
                </c:pt>
                <c:pt idx="2694">
                  <c:v>83.654540239972803</c:v>
                </c:pt>
                <c:pt idx="2695">
                  <c:v>83.654935085586374</c:v>
                </c:pt>
                <c:pt idx="2696">
                  <c:v>83.654935085586374</c:v>
                </c:pt>
                <c:pt idx="2697">
                  <c:v>83.654935085586374</c:v>
                </c:pt>
                <c:pt idx="2698">
                  <c:v>83.654935085586374</c:v>
                </c:pt>
                <c:pt idx="2699">
                  <c:v>83.655341896218545</c:v>
                </c:pt>
                <c:pt idx="2700">
                  <c:v>83.655341896218545</c:v>
                </c:pt>
                <c:pt idx="2701">
                  <c:v>83.655341896218545</c:v>
                </c:pt>
                <c:pt idx="2702">
                  <c:v>83.655341896218545</c:v>
                </c:pt>
                <c:pt idx="2703">
                  <c:v>83.655341896218545</c:v>
                </c:pt>
                <c:pt idx="2704">
                  <c:v>83.655341896218545</c:v>
                </c:pt>
                <c:pt idx="2705">
                  <c:v>83.655341896218545</c:v>
                </c:pt>
                <c:pt idx="2706">
                  <c:v>83.655341896218545</c:v>
                </c:pt>
                <c:pt idx="2707">
                  <c:v>83.655341896218545</c:v>
                </c:pt>
                <c:pt idx="2708">
                  <c:v>83.655341896218545</c:v>
                </c:pt>
                <c:pt idx="2709">
                  <c:v>83.655341896218545</c:v>
                </c:pt>
                <c:pt idx="2710">
                  <c:v>83.655748706850702</c:v>
                </c:pt>
                <c:pt idx="2711">
                  <c:v>83.655748706850702</c:v>
                </c:pt>
                <c:pt idx="2712">
                  <c:v>83.655748706850702</c:v>
                </c:pt>
                <c:pt idx="2713">
                  <c:v>83.655748706850702</c:v>
                </c:pt>
                <c:pt idx="2714">
                  <c:v>83.655748706850702</c:v>
                </c:pt>
                <c:pt idx="2715">
                  <c:v>83.655748706850702</c:v>
                </c:pt>
                <c:pt idx="2716">
                  <c:v>83.655748706850702</c:v>
                </c:pt>
                <c:pt idx="2717">
                  <c:v>83.655748706850702</c:v>
                </c:pt>
                <c:pt idx="2718">
                  <c:v>83.655341896218545</c:v>
                </c:pt>
                <c:pt idx="2719">
                  <c:v>83.655341896218545</c:v>
                </c:pt>
                <c:pt idx="2720">
                  <c:v>83.655341896218545</c:v>
                </c:pt>
                <c:pt idx="2721">
                  <c:v>83.654935085586374</c:v>
                </c:pt>
                <c:pt idx="2722">
                  <c:v>83.654935085586374</c:v>
                </c:pt>
                <c:pt idx="2723">
                  <c:v>83.654935085586374</c:v>
                </c:pt>
                <c:pt idx="2724">
                  <c:v>83.654935085586374</c:v>
                </c:pt>
                <c:pt idx="2725">
                  <c:v>83.654935085586374</c:v>
                </c:pt>
                <c:pt idx="2726">
                  <c:v>83.654935085586374</c:v>
                </c:pt>
                <c:pt idx="2727">
                  <c:v>83.654935085586374</c:v>
                </c:pt>
                <c:pt idx="2728">
                  <c:v>83.654540239972803</c:v>
                </c:pt>
                <c:pt idx="2729">
                  <c:v>83.654540239972803</c:v>
                </c:pt>
                <c:pt idx="2730">
                  <c:v>83.654935085586374</c:v>
                </c:pt>
                <c:pt idx="2731">
                  <c:v>83.654935085586374</c:v>
                </c:pt>
                <c:pt idx="2732">
                  <c:v>83.654935085586374</c:v>
                </c:pt>
                <c:pt idx="2733">
                  <c:v>83.655341896218545</c:v>
                </c:pt>
                <c:pt idx="2734">
                  <c:v>83.655341896218545</c:v>
                </c:pt>
                <c:pt idx="2735">
                  <c:v>83.655341896218545</c:v>
                </c:pt>
                <c:pt idx="2736">
                  <c:v>83.655341896218545</c:v>
                </c:pt>
                <c:pt idx="2737">
                  <c:v>83.655341896218545</c:v>
                </c:pt>
                <c:pt idx="2738">
                  <c:v>83.655748706850702</c:v>
                </c:pt>
                <c:pt idx="2739">
                  <c:v>83.655748706850702</c:v>
                </c:pt>
                <c:pt idx="2740">
                  <c:v>83.655748706850702</c:v>
                </c:pt>
                <c:pt idx="2741">
                  <c:v>83.655341896218545</c:v>
                </c:pt>
                <c:pt idx="2742">
                  <c:v>83.655341896218545</c:v>
                </c:pt>
                <c:pt idx="2743">
                  <c:v>83.655748706850702</c:v>
                </c:pt>
                <c:pt idx="2744">
                  <c:v>83.655748706850702</c:v>
                </c:pt>
                <c:pt idx="2745">
                  <c:v>83.655748706850702</c:v>
                </c:pt>
                <c:pt idx="2746">
                  <c:v>83.655748706850702</c:v>
                </c:pt>
                <c:pt idx="2747">
                  <c:v>83.655748706850702</c:v>
                </c:pt>
                <c:pt idx="2748">
                  <c:v>83.656143552464272</c:v>
                </c:pt>
                <c:pt idx="2749">
                  <c:v>83.656143552464272</c:v>
                </c:pt>
                <c:pt idx="2750">
                  <c:v>83.656143552464272</c:v>
                </c:pt>
                <c:pt idx="2751">
                  <c:v>83.656143552464272</c:v>
                </c:pt>
                <c:pt idx="2752">
                  <c:v>83.656550363096443</c:v>
                </c:pt>
                <c:pt idx="2753">
                  <c:v>83.656550363096443</c:v>
                </c:pt>
                <c:pt idx="2754">
                  <c:v>83.656550363096443</c:v>
                </c:pt>
                <c:pt idx="2755">
                  <c:v>83.656550363096443</c:v>
                </c:pt>
                <c:pt idx="2756">
                  <c:v>83.656143552464272</c:v>
                </c:pt>
                <c:pt idx="2757">
                  <c:v>83.656143552464272</c:v>
                </c:pt>
                <c:pt idx="2758">
                  <c:v>83.655748706850702</c:v>
                </c:pt>
                <c:pt idx="2759">
                  <c:v>83.655341896218545</c:v>
                </c:pt>
                <c:pt idx="2760">
                  <c:v>83.655341896218545</c:v>
                </c:pt>
                <c:pt idx="2761">
                  <c:v>83.654935085586374</c:v>
                </c:pt>
                <c:pt idx="2762">
                  <c:v>83.654540239972803</c:v>
                </c:pt>
                <c:pt idx="2763">
                  <c:v>83.654540239972803</c:v>
                </c:pt>
                <c:pt idx="2764">
                  <c:v>83.654133429340632</c:v>
                </c:pt>
                <c:pt idx="2765">
                  <c:v>83.654133429340632</c:v>
                </c:pt>
                <c:pt idx="2766">
                  <c:v>83.654133429340632</c:v>
                </c:pt>
                <c:pt idx="2767">
                  <c:v>83.654133429340632</c:v>
                </c:pt>
                <c:pt idx="2768">
                  <c:v>83.654133429340632</c:v>
                </c:pt>
                <c:pt idx="2769">
                  <c:v>83.654133429340632</c:v>
                </c:pt>
                <c:pt idx="2770">
                  <c:v>83.654133429340632</c:v>
                </c:pt>
                <c:pt idx="2771">
                  <c:v>83.65372661870849</c:v>
                </c:pt>
                <c:pt idx="2772">
                  <c:v>83.65372661870849</c:v>
                </c:pt>
                <c:pt idx="2773">
                  <c:v>83.65372661870849</c:v>
                </c:pt>
                <c:pt idx="2774">
                  <c:v>83.65372661870849</c:v>
                </c:pt>
                <c:pt idx="2775">
                  <c:v>83.65372661870849</c:v>
                </c:pt>
                <c:pt idx="2776">
                  <c:v>83.65372661870849</c:v>
                </c:pt>
                <c:pt idx="2777">
                  <c:v>83.65372661870849</c:v>
                </c:pt>
                <c:pt idx="2778">
                  <c:v>83.65372661870849</c:v>
                </c:pt>
                <c:pt idx="2779">
                  <c:v>83.65372661870849</c:v>
                </c:pt>
                <c:pt idx="2780">
                  <c:v>83.65372661870849</c:v>
                </c:pt>
                <c:pt idx="2781">
                  <c:v>83.65372661870849</c:v>
                </c:pt>
                <c:pt idx="2782">
                  <c:v>83.65372661870849</c:v>
                </c:pt>
                <c:pt idx="2783">
                  <c:v>83.65372661870849</c:v>
                </c:pt>
                <c:pt idx="2784">
                  <c:v>83.654133429340632</c:v>
                </c:pt>
                <c:pt idx="2785">
                  <c:v>83.654133429340632</c:v>
                </c:pt>
                <c:pt idx="2786">
                  <c:v>83.654133429340632</c:v>
                </c:pt>
                <c:pt idx="2787">
                  <c:v>83.654133429340632</c:v>
                </c:pt>
                <c:pt idx="2788">
                  <c:v>83.654133429340632</c:v>
                </c:pt>
                <c:pt idx="2789">
                  <c:v>83.654133429340632</c:v>
                </c:pt>
                <c:pt idx="2790">
                  <c:v>83.654133429340632</c:v>
                </c:pt>
                <c:pt idx="2791">
                  <c:v>83.654133429340632</c:v>
                </c:pt>
                <c:pt idx="2792">
                  <c:v>83.654133429340632</c:v>
                </c:pt>
                <c:pt idx="2793">
                  <c:v>83.654540239972803</c:v>
                </c:pt>
                <c:pt idx="2794">
                  <c:v>83.654540239972803</c:v>
                </c:pt>
                <c:pt idx="2795">
                  <c:v>83.654540239972803</c:v>
                </c:pt>
                <c:pt idx="2796">
                  <c:v>83.654540239972803</c:v>
                </c:pt>
                <c:pt idx="2797">
                  <c:v>83.654540239972803</c:v>
                </c:pt>
                <c:pt idx="2798">
                  <c:v>83.654133429340632</c:v>
                </c:pt>
                <c:pt idx="2799">
                  <c:v>83.654133429340632</c:v>
                </c:pt>
                <c:pt idx="2800">
                  <c:v>83.65372661870849</c:v>
                </c:pt>
                <c:pt idx="2801">
                  <c:v>83.65372661870849</c:v>
                </c:pt>
                <c:pt idx="2802">
                  <c:v>83.6533317730949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026B-4393-93C8-5ACB5ADF4DBC}"/>
            </c:ext>
          </c:extLst>
        </c:ser>
        <c:ser>
          <c:idx val="0"/>
          <c:order val="4"/>
          <c:tx>
            <c:strRef>
              <c:f>'Fig 6'!$J$7</c:f>
              <c:strCache>
                <c:ptCount val="1"/>
                <c:pt idx="0">
                  <c:v>25BE0LU-TA</c:v>
                </c:pt>
              </c:strCache>
            </c:strRef>
          </c:tx>
          <c:spPr>
            <a:ln w="15875">
              <a:solidFill>
                <a:srgbClr val="4472C4">
                  <a:lumMod val="50000"/>
                </a:srgbClr>
              </a:solidFill>
              <a:prstDash val="lgDashDot"/>
            </a:ln>
          </c:spPr>
          <c:marker>
            <c:symbol val="none"/>
          </c:marker>
          <c:xVal>
            <c:numRef>
              <c:f>'Fig 6'!$K$9:$K$2512</c:f>
              <c:numCache>
                <c:formatCode>General</c:formatCode>
                <c:ptCount val="2504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1</c:v>
                </c:pt>
                <c:pt idx="4">
                  <c:v>101</c:v>
                </c:pt>
                <c:pt idx="5">
                  <c:v>101</c:v>
                </c:pt>
                <c:pt idx="6">
                  <c:v>102</c:v>
                </c:pt>
                <c:pt idx="7">
                  <c:v>102</c:v>
                </c:pt>
                <c:pt idx="8">
                  <c:v>102</c:v>
                </c:pt>
                <c:pt idx="9">
                  <c:v>103</c:v>
                </c:pt>
                <c:pt idx="10">
                  <c:v>103</c:v>
                </c:pt>
                <c:pt idx="11">
                  <c:v>103</c:v>
                </c:pt>
                <c:pt idx="12">
                  <c:v>104</c:v>
                </c:pt>
                <c:pt idx="13">
                  <c:v>104</c:v>
                </c:pt>
                <c:pt idx="14">
                  <c:v>104</c:v>
                </c:pt>
                <c:pt idx="15">
                  <c:v>105</c:v>
                </c:pt>
                <c:pt idx="16">
                  <c:v>105</c:v>
                </c:pt>
                <c:pt idx="17">
                  <c:v>105</c:v>
                </c:pt>
                <c:pt idx="18">
                  <c:v>106</c:v>
                </c:pt>
                <c:pt idx="19">
                  <c:v>106</c:v>
                </c:pt>
                <c:pt idx="20">
                  <c:v>106</c:v>
                </c:pt>
                <c:pt idx="21">
                  <c:v>107</c:v>
                </c:pt>
                <c:pt idx="22">
                  <c:v>107</c:v>
                </c:pt>
                <c:pt idx="23">
                  <c:v>107</c:v>
                </c:pt>
                <c:pt idx="24">
                  <c:v>108</c:v>
                </c:pt>
                <c:pt idx="25">
                  <c:v>108</c:v>
                </c:pt>
                <c:pt idx="26">
                  <c:v>108</c:v>
                </c:pt>
                <c:pt idx="27">
                  <c:v>109</c:v>
                </c:pt>
                <c:pt idx="28">
                  <c:v>109</c:v>
                </c:pt>
                <c:pt idx="29">
                  <c:v>109</c:v>
                </c:pt>
                <c:pt idx="30">
                  <c:v>110</c:v>
                </c:pt>
                <c:pt idx="31">
                  <c:v>110</c:v>
                </c:pt>
                <c:pt idx="32">
                  <c:v>110</c:v>
                </c:pt>
                <c:pt idx="33">
                  <c:v>111</c:v>
                </c:pt>
                <c:pt idx="34">
                  <c:v>111</c:v>
                </c:pt>
                <c:pt idx="35">
                  <c:v>111</c:v>
                </c:pt>
                <c:pt idx="36">
                  <c:v>112</c:v>
                </c:pt>
                <c:pt idx="37">
                  <c:v>112</c:v>
                </c:pt>
                <c:pt idx="38">
                  <c:v>112</c:v>
                </c:pt>
                <c:pt idx="39">
                  <c:v>113</c:v>
                </c:pt>
                <c:pt idx="40">
                  <c:v>113</c:v>
                </c:pt>
                <c:pt idx="41">
                  <c:v>113</c:v>
                </c:pt>
                <c:pt idx="42">
                  <c:v>114</c:v>
                </c:pt>
                <c:pt idx="43">
                  <c:v>114</c:v>
                </c:pt>
                <c:pt idx="44">
                  <c:v>114</c:v>
                </c:pt>
                <c:pt idx="45">
                  <c:v>115</c:v>
                </c:pt>
                <c:pt idx="46">
                  <c:v>115</c:v>
                </c:pt>
                <c:pt idx="47">
                  <c:v>115</c:v>
                </c:pt>
                <c:pt idx="48">
                  <c:v>116</c:v>
                </c:pt>
                <c:pt idx="49">
                  <c:v>116</c:v>
                </c:pt>
                <c:pt idx="50">
                  <c:v>116</c:v>
                </c:pt>
                <c:pt idx="51">
                  <c:v>117</c:v>
                </c:pt>
                <c:pt idx="52">
                  <c:v>117</c:v>
                </c:pt>
                <c:pt idx="53">
                  <c:v>117</c:v>
                </c:pt>
                <c:pt idx="54">
                  <c:v>118</c:v>
                </c:pt>
                <c:pt idx="55">
                  <c:v>118</c:v>
                </c:pt>
                <c:pt idx="56">
                  <c:v>118</c:v>
                </c:pt>
                <c:pt idx="57">
                  <c:v>119</c:v>
                </c:pt>
                <c:pt idx="58">
                  <c:v>119</c:v>
                </c:pt>
                <c:pt idx="59">
                  <c:v>119</c:v>
                </c:pt>
                <c:pt idx="60">
                  <c:v>120</c:v>
                </c:pt>
                <c:pt idx="61">
                  <c:v>120</c:v>
                </c:pt>
                <c:pt idx="62">
                  <c:v>120</c:v>
                </c:pt>
                <c:pt idx="63">
                  <c:v>120</c:v>
                </c:pt>
                <c:pt idx="64">
                  <c:v>120</c:v>
                </c:pt>
                <c:pt idx="65">
                  <c:v>120</c:v>
                </c:pt>
                <c:pt idx="66">
                  <c:v>120</c:v>
                </c:pt>
                <c:pt idx="67">
                  <c:v>120</c:v>
                </c:pt>
                <c:pt idx="68">
                  <c:v>120</c:v>
                </c:pt>
                <c:pt idx="69">
                  <c:v>120</c:v>
                </c:pt>
                <c:pt idx="70">
                  <c:v>120</c:v>
                </c:pt>
                <c:pt idx="71">
                  <c:v>120</c:v>
                </c:pt>
                <c:pt idx="72">
                  <c:v>120</c:v>
                </c:pt>
                <c:pt idx="73">
                  <c:v>120</c:v>
                </c:pt>
                <c:pt idx="74">
                  <c:v>120</c:v>
                </c:pt>
                <c:pt idx="75">
                  <c:v>120</c:v>
                </c:pt>
                <c:pt idx="76">
                  <c:v>120</c:v>
                </c:pt>
                <c:pt idx="77">
                  <c:v>120</c:v>
                </c:pt>
                <c:pt idx="78">
                  <c:v>120</c:v>
                </c:pt>
                <c:pt idx="79">
                  <c:v>120</c:v>
                </c:pt>
                <c:pt idx="80">
                  <c:v>120</c:v>
                </c:pt>
                <c:pt idx="81">
                  <c:v>120</c:v>
                </c:pt>
                <c:pt idx="82">
                  <c:v>120</c:v>
                </c:pt>
                <c:pt idx="83">
                  <c:v>120</c:v>
                </c:pt>
                <c:pt idx="84">
                  <c:v>120</c:v>
                </c:pt>
                <c:pt idx="85">
                  <c:v>120</c:v>
                </c:pt>
                <c:pt idx="86">
                  <c:v>120</c:v>
                </c:pt>
                <c:pt idx="87">
                  <c:v>120</c:v>
                </c:pt>
                <c:pt idx="88">
                  <c:v>120</c:v>
                </c:pt>
                <c:pt idx="89">
                  <c:v>120</c:v>
                </c:pt>
                <c:pt idx="90">
                  <c:v>120</c:v>
                </c:pt>
                <c:pt idx="91">
                  <c:v>120</c:v>
                </c:pt>
                <c:pt idx="92">
                  <c:v>120</c:v>
                </c:pt>
                <c:pt idx="93">
                  <c:v>120</c:v>
                </c:pt>
                <c:pt idx="94">
                  <c:v>120</c:v>
                </c:pt>
                <c:pt idx="95">
                  <c:v>120</c:v>
                </c:pt>
                <c:pt idx="96">
                  <c:v>120</c:v>
                </c:pt>
                <c:pt idx="97">
                  <c:v>120</c:v>
                </c:pt>
                <c:pt idx="98">
                  <c:v>120</c:v>
                </c:pt>
                <c:pt idx="99">
                  <c:v>120</c:v>
                </c:pt>
                <c:pt idx="100">
                  <c:v>120</c:v>
                </c:pt>
                <c:pt idx="101">
                  <c:v>120</c:v>
                </c:pt>
                <c:pt idx="102">
                  <c:v>120</c:v>
                </c:pt>
                <c:pt idx="103">
                  <c:v>120</c:v>
                </c:pt>
                <c:pt idx="104">
                  <c:v>120</c:v>
                </c:pt>
                <c:pt idx="105">
                  <c:v>120</c:v>
                </c:pt>
                <c:pt idx="106">
                  <c:v>120</c:v>
                </c:pt>
                <c:pt idx="107">
                  <c:v>120</c:v>
                </c:pt>
                <c:pt idx="108">
                  <c:v>120</c:v>
                </c:pt>
                <c:pt idx="109">
                  <c:v>120</c:v>
                </c:pt>
                <c:pt idx="110">
                  <c:v>120</c:v>
                </c:pt>
                <c:pt idx="111">
                  <c:v>120</c:v>
                </c:pt>
                <c:pt idx="112">
                  <c:v>120</c:v>
                </c:pt>
                <c:pt idx="113">
                  <c:v>120</c:v>
                </c:pt>
                <c:pt idx="114">
                  <c:v>120</c:v>
                </c:pt>
                <c:pt idx="115">
                  <c:v>120</c:v>
                </c:pt>
                <c:pt idx="116">
                  <c:v>120</c:v>
                </c:pt>
                <c:pt idx="117">
                  <c:v>120</c:v>
                </c:pt>
                <c:pt idx="118">
                  <c:v>120</c:v>
                </c:pt>
                <c:pt idx="119">
                  <c:v>120</c:v>
                </c:pt>
                <c:pt idx="120">
                  <c:v>120</c:v>
                </c:pt>
                <c:pt idx="121">
                  <c:v>120</c:v>
                </c:pt>
                <c:pt idx="122">
                  <c:v>120</c:v>
                </c:pt>
                <c:pt idx="123">
                  <c:v>120</c:v>
                </c:pt>
                <c:pt idx="124">
                  <c:v>120</c:v>
                </c:pt>
                <c:pt idx="125">
                  <c:v>120</c:v>
                </c:pt>
                <c:pt idx="126">
                  <c:v>120</c:v>
                </c:pt>
                <c:pt idx="127">
                  <c:v>120</c:v>
                </c:pt>
                <c:pt idx="128">
                  <c:v>120</c:v>
                </c:pt>
                <c:pt idx="129">
                  <c:v>120</c:v>
                </c:pt>
                <c:pt idx="130">
                  <c:v>120</c:v>
                </c:pt>
                <c:pt idx="131">
                  <c:v>120</c:v>
                </c:pt>
                <c:pt idx="132">
                  <c:v>120</c:v>
                </c:pt>
                <c:pt idx="133">
                  <c:v>120</c:v>
                </c:pt>
                <c:pt idx="134">
                  <c:v>120</c:v>
                </c:pt>
                <c:pt idx="135">
                  <c:v>120</c:v>
                </c:pt>
                <c:pt idx="136">
                  <c:v>120</c:v>
                </c:pt>
                <c:pt idx="137">
                  <c:v>120</c:v>
                </c:pt>
                <c:pt idx="138">
                  <c:v>120</c:v>
                </c:pt>
                <c:pt idx="139">
                  <c:v>120</c:v>
                </c:pt>
                <c:pt idx="140">
                  <c:v>120</c:v>
                </c:pt>
                <c:pt idx="141">
                  <c:v>120</c:v>
                </c:pt>
                <c:pt idx="142">
                  <c:v>120</c:v>
                </c:pt>
                <c:pt idx="143">
                  <c:v>120</c:v>
                </c:pt>
                <c:pt idx="144">
                  <c:v>120</c:v>
                </c:pt>
                <c:pt idx="145">
                  <c:v>120</c:v>
                </c:pt>
                <c:pt idx="146">
                  <c:v>120</c:v>
                </c:pt>
                <c:pt idx="147">
                  <c:v>120</c:v>
                </c:pt>
                <c:pt idx="148">
                  <c:v>120</c:v>
                </c:pt>
                <c:pt idx="149">
                  <c:v>120</c:v>
                </c:pt>
                <c:pt idx="150">
                  <c:v>120</c:v>
                </c:pt>
                <c:pt idx="151">
                  <c:v>120</c:v>
                </c:pt>
                <c:pt idx="152">
                  <c:v>120</c:v>
                </c:pt>
                <c:pt idx="153">
                  <c:v>120</c:v>
                </c:pt>
                <c:pt idx="154">
                  <c:v>120</c:v>
                </c:pt>
                <c:pt idx="155">
                  <c:v>120</c:v>
                </c:pt>
                <c:pt idx="156">
                  <c:v>120</c:v>
                </c:pt>
                <c:pt idx="157">
                  <c:v>120</c:v>
                </c:pt>
                <c:pt idx="158">
                  <c:v>120</c:v>
                </c:pt>
                <c:pt idx="159">
                  <c:v>120</c:v>
                </c:pt>
                <c:pt idx="160">
                  <c:v>120</c:v>
                </c:pt>
                <c:pt idx="161">
                  <c:v>120</c:v>
                </c:pt>
                <c:pt idx="162">
                  <c:v>120</c:v>
                </c:pt>
                <c:pt idx="163">
                  <c:v>120</c:v>
                </c:pt>
                <c:pt idx="164">
                  <c:v>120</c:v>
                </c:pt>
                <c:pt idx="165">
                  <c:v>120</c:v>
                </c:pt>
                <c:pt idx="166">
                  <c:v>120</c:v>
                </c:pt>
                <c:pt idx="167">
                  <c:v>120</c:v>
                </c:pt>
                <c:pt idx="168">
                  <c:v>120</c:v>
                </c:pt>
                <c:pt idx="169">
                  <c:v>120</c:v>
                </c:pt>
                <c:pt idx="170">
                  <c:v>120</c:v>
                </c:pt>
                <c:pt idx="171">
                  <c:v>120</c:v>
                </c:pt>
                <c:pt idx="172">
                  <c:v>120</c:v>
                </c:pt>
                <c:pt idx="173">
                  <c:v>120</c:v>
                </c:pt>
                <c:pt idx="174">
                  <c:v>120</c:v>
                </c:pt>
                <c:pt idx="175">
                  <c:v>120</c:v>
                </c:pt>
                <c:pt idx="176">
                  <c:v>120</c:v>
                </c:pt>
                <c:pt idx="177">
                  <c:v>120</c:v>
                </c:pt>
                <c:pt idx="178">
                  <c:v>120</c:v>
                </c:pt>
                <c:pt idx="179">
                  <c:v>120</c:v>
                </c:pt>
                <c:pt idx="180">
                  <c:v>120</c:v>
                </c:pt>
                <c:pt idx="181">
                  <c:v>120</c:v>
                </c:pt>
                <c:pt idx="182">
                  <c:v>120</c:v>
                </c:pt>
                <c:pt idx="183">
                  <c:v>120</c:v>
                </c:pt>
                <c:pt idx="184">
                  <c:v>120</c:v>
                </c:pt>
                <c:pt idx="185">
                  <c:v>120</c:v>
                </c:pt>
                <c:pt idx="186">
                  <c:v>120</c:v>
                </c:pt>
                <c:pt idx="187">
                  <c:v>120</c:v>
                </c:pt>
                <c:pt idx="188">
                  <c:v>120</c:v>
                </c:pt>
                <c:pt idx="189">
                  <c:v>120</c:v>
                </c:pt>
                <c:pt idx="190">
                  <c:v>120</c:v>
                </c:pt>
                <c:pt idx="191">
                  <c:v>120</c:v>
                </c:pt>
                <c:pt idx="192">
                  <c:v>120</c:v>
                </c:pt>
                <c:pt idx="193">
                  <c:v>120</c:v>
                </c:pt>
                <c:pt idx="194">
                  <c:v>120</c:v>
                </c:pt>
                <c:pt idx="195">
                  <c:v>120</c:v>
                </c:pt>
                <c:pt idx="196">
                  <c:v>120</c:v>
                </c:pt>
                <c:pt idx="197">
                  <c:v>120</c:v>
                </c:pt>
                <c:pt idx="198">
                  <c:v>120</c:v>
                </c:pt>
                <c:pt idx="199">
                  <c:v>120</c:v>
                </c:pt>
                <c:pt idx="200">
                  <c:v>120</c:v>
                </c:pt>
                <c:pt idx="201">
                  <c:v>120</c:v>
                </c:pt>
                <c:pt idx="202">
                  <c:v>120</c:v>
                </c:pt>
                <c:pt idx="203">
                  <c:v>120</c:v>
                </c:pt>
                <c:pt idx="204">
                  <c:v>120</c:v>
                </c:pt>
                <c:pt idx="205">
                  <c:v>120</c:v>
                </c:pt>
                <c:pt idx="206">
                  <c:v>120</c:v>
                </c:pt>
                <c:pt idx="207">
                  <c:v>120</c:v>
                </c:pt>
                <c:pt idx="208">
                  <c:v>120</c:v>
                </c:pt>
                <c:pt idx="209">
                  <c:v>120</c:v>
                </c:pt>
                <c:pt idx="210">
                  <c:v>120</c:v>
                </c:pt>
                <c:pt idx="211">
                  <c:v>120</c:v>
                </c:pt>
                <c:pt idx="212">
                  <c:v>120</c:v>
                </c:pt>
                <c:pt idx="213">
                  <c:v>120</c:v>
                </c:pt>
                <c:pt idx="214">
                  <c:v>120</c:v>
                </c:pt>
                <c:pt idx="215">
                  <c:v>120</c:v>
                </c:pt>
                <c:pt idx="216">
                  <c:v>120</c:v>
                </c:pt>
                <c:pt idx="217">
                  <c:v>120</c:v>
                </c:pt>
                <c:pt idx="218">
                  <c:v>120</c:v>
                </c:pt>
                <c:pt idx="219">
                  <c:v>120</c:v>
                </c:pt>
                <c:pt idx="220">
                  <c:v>120</c:v>
                </c:pt>
                <c:pt idx="221">
                  <c:v>120</c:v>
                </c:pt>
                <c:pt idx="222">
                  <c:v>120</c:v>
                </c:pt>
                <c:pt idx="223">
                  <c:v>120</c:v>
                </c:pt>
                <c:pt idx="224">
                  <c:v>120</c:v>
                </c:pt>
                <c:pt idx="225">
                  <c:v>120</c:v>
                </c:pt>
                <c:pt idx="226">
                  <c:v>120</c:v>
                </c:pt>
                <c:pt idx="227">
                  <c:v>120</c:v>
                </c:pt>
                <c:pt idx="228">
                  <c:v>120</c:v>
                </c:pt>
                <c:pt idx="229">
                  <c:v>120</c:v>
                </c:pt>
                <c:pt idx="230">
                  <c:v>120</c:v>
                </c:pt>
                <c:pt idx="231">
                  <c:v>120</c:v>
                </c:pt>
                <c:pt idx="232">
                  <c:v>120</c:v>
                </c:pt>
                <c:pt idx="233">
                  <c:v>120</c:v>
                </c:pt>
                <c:pt idx="234">
                  <c:v>120</c:v>
                </c:pt>
                <c:pt idx="235">
                  <c:v>120</c:v>
                </c:pt>
                <c:pt idx="236">
                  <c:v>120</c:v>
                </c:pt>
                <c:pt idx="237">
                  <c:v>120</c:v>
                </c:pt>
                <c:pt idx="238">
                  <c:v>120</c:v>
                </c:pt>
                <c:pt idx="239">
                  <c:v>120</c:v>
                </c:pt>
                <c:pt idx="240">
                  <c:v>120</c:v>
                </c:pt>
                <c:pt idx="241">
                  <c:v>120</c:v>
                </c:pt>
                <c:pt idx="242">
                  <c:v>120</c:v>
                </c:pt>
                <c:pt idx="243">
                  <c:v>120</c:v>
                </c:pt>
                <c:pt idx="244">
                  <c:v>120</c:v>
                </c:pt>
                <c:pt idx="245">
                  <c:v>120</c:v>
                </c:pt>
                <c:pt idx="246">
                  <c:v>120</c:v>
                </c:pt>
                <c:pt idx="247">
                  <c:v>120</c:v>
                </c:pt>
                <c:pt idx="248">
                  <c:v>120</c:v>
                </c:pt>
                <c:pt idx="249">
                  <c:v>120</c:v>
                </c:pt>
                <c:pt idx="250">
                  <c:v>120</c:v>
                </c:pt>
                <c:pt idx="251">
                  <c:v>120</c:v>
                </c:pt>
                <c:pt idx="252">
                  <c:v>120</c:v>
                </c:pt>
                <c:pt idx="253">
                  <c:v>120</c:v>
                </c:pt>
                <c:pt idx="254">
                  <c:v>120</c:v>
                </c:pt>
                <c:pt idx="255">
                  <c:v>120</c:v>
                </c:pt>
                <c:pt idx="256">
                  <c:v>120</c:v>
                </c:pt>
                <c:pt idx="257">
                  <c:v>120</c:v>
                </c:pt>
                <c:pt idx="258">
                  <c:v>120</c:v>
                </c:pt>
                <c:pt idx="259">
                  <c:v>120</c:v>
                </c:pt>
                <c:pt idx="260">
                  <c:v>120</c:v>
                </c:pt>
                <c:pt idx="261">
                  <c:v>120</c:v>
                </c:pt>
                <c:pt idx="262">
                  <c:v>120</c:v>
                </c:pt>
                <c:pt idx="263">
                  <c:v>120</c:v>
                </c:pt>
                <c:pt idx="264">
                  <c:v>120</c:v>
                </c:pt>
                <c:pt idx="265">
                  <c:v>120</c:v>
                </c:pt>
                <c:pt idx="266">
                  <c:v>120</c:v>
                </c:pt>
                <c:pt idx="267">
                  <c:v>120</c:v>
                </c:pt>
                <c:pt idx="268">
                  <c:v>120</c:v>
                </c:pt>
                <c:pt idx="269">
                  <c:v>120</c:v>
                </c:pt>
                <c:pt idx="270">
                  <c:v>120</c:v>
                </c:pt>
                <c:pt idx="271">
                  <c:v>120</c:v>
                </c:pt>
                <c:pt idx="272">
                  <c:v>120</c:v>
                </c:pt>
                <c:pt idx="273">
                  <c:v>120</c:v>
                </c:pt>
                <c:pt idx="274">
                  <c:v>120</c:v>
                </c:pt>
                <c:pt idx="275">
                  <c:v>120</c:v>
                </c:pt>
                <c:pt idx="276">
                  <c:v>120</c:v>
                </c:pt>
                <c:pt idx="277">
                  <c:v>120</c:v>
                </c:pt>
                <c:pt idx="278">
                  <c:v>120</c:v>
                </c:pt>
                <c:pt idx="279">
                  <c:v>120</c:v>
                </c:pt>
                <c:pt idx="280">
                  <c:v>120</c:v>
                </c:pt>
                <c:pt idx="281">
                  <c:v>120</c:v>
                </c:pt>
                <c:pt idx="282">
                  <c:v>120</c:v>
                </c:pt>
                <c:pt idx="283">
                  <c:v>120</c:v>
                </c:pt>
                <c:pt idx="284">
                  <c:v>120</c:v>
                </c:pt>
                <c:pt idx="285">
                  <c:v>120</c:v>
                </c:pt>
                <c:pt idx="286">
                  <c:v>120</c:v>
                </c:pt>
                <c:pt idx="287">
                  <c:v>120</c:v>
                </c:pt>
                <c:pt idx="288">
                  <c:v>120</c:v>
                </c:pt>
                <c:pt idx="289">
                  <c:v>120</c:v>
                </c:pt>
                <c:pt idx="290">
                  <c:v>120</c:v>
                </c:pt>
                <c:pt idx="291">
                  <c:v>120</c:v>
                </c:pt>
                <c:pt idx="292">
                  <c:v>120</c:v>
                </c:pt>
                <c:pt idx="293">
                  <c:v>120</c:v>
                </c:pt>
                <c:pt idx="294">
                  <c:v>120</c:v>
                </c:pt>
                <c:pt idx="295">
                  <c:v>120</c:v>
                </c:pt>
                <c:pt idx="296">
                  <c:v>120</c:v>
                </c:pt>
                <c:pt idx="297">
                  <c:v>120</c:v>
                </c:pt>
                <c:pt idx="298">
                  <c:v>120</c:v>
                </c:pt>
                <c:pt idx="299">
                  <c:v>120</c:v>
                </c:pt>
                <c:pt idx="300">
                  <c:v>120</c:v>
                </c:pt>
                <c:pt idx="301">
                  <c:v>120</c:v>
                </c:pt>
                <c:pt idx="302">
                  <c:v>120</c:v>
                </c:pt>
                <c:pt idx="303">
                  <c:v>120</c:v>
                </c:pt>
                <c:pt idx="304">
                  <c:v>120</c:v>
                </c:pt>
                <c:pt idx="305">
                  <c:v>120</c:v>
                </c:pt>
                <c:pt idx="306">
                  <c:v>120</c:v>
                </c:pt>
                <c:pt idx="307">
                  <c:v>120</c:v>
                </c:pt>
                <c:pt idx="308">
                  <c:v>120</c:v>
                </c:pt>
                <c:pt idx="309">
                  <c:v>120</c:v>
                </c:pt>
                <c:pt idx="310">
                  <c:v>120</c:v>
                </c:pt>
                <c:pt idx="311">
                  <c:v>120</c:v>
                </c:pt>
                <c:pt idx="312">
                  <c:v>120</c:v>
                </c:pt>
                <c:pt idx="313">
                  <c:v>120</c:v>
                </c:pt>
                <c:pt idx="314">
                  <c:v>120</c:v>
                </c:pt>
                <c:pt idx="315">
                  <c:v>120</c:v>
                </c:pt>
                <c:pt idx="316">
                  <c:v>120</c:v>
                </c:pt>
                <c:pt idx="317">
                  <c:v>120</c:v>
                </c:pt>
                <c:pt idx="318">
                  <c:v>120</c:v>
                </c:pt>
                <c:pt idx="319">
                  <c:v>120</c:v>
                </c:pt>
                <c:pt idx="320">
                  <c:v>120</c:v>
                </c:pt>
                <c:pt idx="321">
                  <c:v>120</c:v>
                </c:pt>
                <c:pt idx="322">
                  <c:v>120</c:v>
                </c:pt>
                <c:pt idx="323">
                  <c:v>120</c:v>
                </c:pt>
                <c:pt idx="324">
                  <c:v>120</c:v>
                </c:pt>
                <c:pt idx="325">
                  <c:v>120</c:v>
                </c:pt>
                <c:pt idx="326">
                  <c:v>120</c:v>
                </c:pt>
                <c:pt idx="327">
                  <c:v>120</c:v>
                </c:pt>
                <c:pt idx="328">
                  <c:v>120</c:v>
                </c:pt>
                <c:pt idx="329">
                  <c:v>120</c:v>
                </c:pt>
                <c:pt idx="330">
                  <c:v>120</c:v>
                </c:pt>
                <c:pt idx="331">
                  <c:v>120</c:v>
                </c:pt>
                <c:pt idx="332">
                  <c:v>120</c:v>
                </c:pt>
                <c:pt idx="333">
                  <c:v>120</c:v>
                </c:pt>
                <c:pt idx="334">
                  <c:v>120</c:v>
                </c:pt>
                <c:pt idx="335">
                  <c:v>120</c:v>
                </c:pt>
                <c:pt idx="336">
                  <c:v>120</c:v>
                </c:pt>
                <c:pt idx="337">
                  <c:v>120</c:v>
                </c:pt>
                <c:pt idx="338">
                  <c:v>120</c:v>
                </c:pt>
                <c:pt idx="339">
                  <c:v>120</c:v>
                </c:pt>
                <c:pt idx="340">
                  <c:v>120</c:v>
                </c:pt>
                <c:pt idx="341">
                  <c:v>120</c:v>
                </c:pt>
                <c:pt idx="342">
                  <c:v>120</c:v>
                </c:pt>
                <c:pt idx="343">
                  <c:v>120</c:v>
                </c:pt>
                <c:pt idx="344">
                  <c:v>120</c:v>
                </c:pt>
                <c:pt idx="345">
                  <c:v>120</c:v>
                </c:pt>
                <c:pt idx="346">
                  <c:v>120</c:v>
                </c:pt>
                <c:pt idx="347">
                  <c:v>120</c:v>
                </c:pt>
                <c:pt idx="348">
                  <c:v>120</c:v>
                </c:pt>
                <c:pt idx="349">
                  <c:v>120</c:v>
                </c:pt>
                <c:pt idx="350">
                  <c:v>120</c:v>
                </c:pt>
                <c:pt idx="351">
                  <c:v>120</c:v>
                </c:pt>
                <c:pt idx="352">
                  <c:v>120</c:v>
                </c:pt>
                <c:pt idx="353">
                  <c:v>120</c:v>
                </c:pt>
                <c:pt idx="354">
                  <c:v>120</c:v>
                </c:pt>
                <c:pt idx="355">
                  <c:v>120</c:v>
                </c:pt>
                <c:pt idx="356">
                  <c:v>120</c:v>
                </c:pt>
                <c:pt idx="357">
                  <c:v>120</c:v>
                </c:pt>
                <c:pt idx="358">
                  <c:v>120</c:v>
                </c:pt>
                <c:pt idx="359">
                  <c:v>120</c:v>
                </c:pt>
                <c:pt idx="360">
                  <c:v>120</c:v>
                </c:pt>
                <c:pt idx="361">
                  <c:v>120</c:v>
                </c:pt>
                <c:pt idx="362">
                  <c:v>120</c:v>
                </c:pt>
                <c:pt idx="363">
                  <c:v>121</c:v>
                </c:pt>
                <c:pt idx="364">
                  <c:v>121</c:v>
                </c:pt>
                <c:pt idx="365">
                  <c:v>122</c:v>
                </c:pt>
                <c:pt idx="366">
                  <c:v>122</c:v>
                </c:pt>
                <c:pt idx="367">
                  <c:v>123</c:v>
                </c:pt>
                <c:pt idx="368">
                  <c:v>123</c:v>
                </c:pt>
                <c:pt idx="369">
                  <c:v>123</c:v>
                </c:pt>
                <c:pt idx="370">
                  <c:v>124</c:v>
                </c:pt>
                <c:pt idx="371">
                  <c:v>124</c:v>
                </c:pt>
                <c:pt idx="372">
                  <c:v>125</c:v>
                </c:pt>
                <c:pt idx="373">
                  <c:v>125</c:v>
                </c:pt>
                <c:pt idx="374">
                  <c:v>125</c:v>
                </c:pt>
                <c:pt idx="375">
                  <c:v>126</c:v>
                </c:pt>
                <c:pt idx="376">
                  <c:v>126</c:v>
                </c:pt>
                <c:pt idx="377">
                  <c:v>127</c:v>
                </c:pt>
                <c:pt idx="378">
                  <c:v>127</c:v>
                </c:pt>
                <c:pt idx="379">
                  <c:v>128</c:v>
                </c:pt>
                <c:pt idx="380">
                  <c:v>128</c:v>
                </c:pt>
                <c:pt idx="381">
                  <c:v>128</c:v>
                </c:pt>
                <c:pt idx="382">
                  <c:v>129</c:v>
                </c:pt>
                <c:pt idx="383">
                  <c:v>129</c:v>
                </c:pt>
                <c:pt idx="384">
                  <c:v>130</c:v>
                </c:pt>
                <c:pt idx="385">
                  <c:v>130</c:v>
                </c:pt>
                <c:pt idx="386">
                  <c:v>130</c:v>
                </c:pt>
                <c:pt idx="387">
                  <c:v>131</c:v>
                </c:pt>
                <c:pt idx="388">
                  <c:v>131</c:v>
                </c:pt>
                <c:pt idx="389">
                  <c:v>132</c:v>
                </c:pt>
                <c:pt idx="390">
                  <c:v>132</c:v>
                </c:pt>
                <c:pt idx="391">
                  <c:v>133</c:v>
                </c:pt>
                <c:pt idx="392">
                  <c:v>133</c:v>
                </c:pt>
                <c:pt idx="393">
                  <c:v>133</c:v>
                </c:pt>
                <c:pt idx="394">
                  <c:v>134</c:v>
                </c:pt>
                <c:pt idx="395">
                  <c:v>134</c:v>
                </c:pt>
                <c:pt idx="396">
                  <c:v>135</c:v>
                </c:pt>
                <c:pt idx="397">
                  <c:v>135</c:v>
                </c:pt>
                <c:pt idx="398">
                  <c:v>135</c:v>
                </c:pt>
                <c:pt idx="399">
                  <c:v>136</c:v>
                </c:pt>
                <c:pt idx="400">
                  <c:v>136</c:v>
                </c:pt>
                <c:pt idx="401">
                  <c:v>137</c:v>
                </c:pt>
                <c:pt idx="402">
                  <c:v>137</c:v>
                </c:pt>
                <c:pt idx="403">
                  <c:v>138</c:v>
                </c:pt>
                <c:pt idx="404">
                  <c:v>138</c:v>
                </c:pt>
                <c:pt idx="405">
                  <c:v>138</c:v>
                </c:pt>
                <c:pt idx="406">
                  <c:v>139</c:v>
                </c:pt>
                <c:pt idx="407">
                  <c:v>139</c:v>
                </c:pt>
                <c:pt idx="408">
                  <c:v>140</c:v>
                </c:pt>
                <c:pt idx="409">
                  <c:v>140</c:v>
                </c:pt>
                <c:pt idx="410">
                  <c:v>140</c:v>
                </c:pt>
                <c:pt idx="411">
                  <c:v>141</c:v>
                </c:pt>
                <c:pt idx="412">
                  <c:v>141</c:v>
                </c:pt>
                <c:pt idx="413">
                  <c:v>142</c:v>
                </c:pt>
                <c:pt idx="414">
                  <c:v>142</c:v>
                </c:pt>
                <c:pt idx="415">
                  <c:v>143</c:v>
                </c:pt>
                <c:pt idx="416">
                  <c:v>143</c:v>
                </c:pt>
                <c:pt idx="417">
                  <c:v>143</c:v>
                </c:pt>
                <c:pt idx="418">
                  <c:v>144</c:v>
                </c:pt>
                <c:pt idx="419">
                  <c:v>144</c:v>
                </c:pt>
                <c:pt idx="420">
                  <c:v>145</c:v>
                </c:pt>
                <c:pt idx="421">
                  <c:v>145</c:v>
                </c:pt>
                <c:pt idx="422">
                  <c:v>145</c:v>
                </c:pt>
                <c:pt idx="423">
                  <c:v>146</c:v>
                </c:pt>
                <c:pt idx="424">
                  <c:v>146</c:v>
                </c:pt>
                <c:pt idx="425">
                  <c:v>147</c:v>
                </c:pt>
                <c:pt idx="426">
                  <c:v>147</c:v>
                </c:pt>
                <c:pt idx="427">
                  <c:v>148</c:v>
                </c:pt>
                <c:pt idx="428">
                  <c:v>148</c:v>
                </c:pt>
                <c:pt idx="429">
                  <c:v>148</c:v>
                </c:pt>
                <c:pt idx="430">
                  <c:v>149</c:v>
                </c:pt>
                <c:pt idx="431">
                  <c:v>149</c:v>
                </c:pt>
                <c:pt idx="432">
                  <c:v>150</c:v>
                </c:pt>
                <c:pt idx="433">
                  <c:v>150</c:v>
                </c:pt>
                <c:pt idx="434">
                  <c:v>150</c:v>
                </c:pt>
                <c:pt idx="435">
                  <c:v>151</c:v>
                </c:pt>
                <c:pt idx="436">
                  <c:v>151</c:v>
                </c:pt>
                <c:pt idx="437">
                  <c:v>152</c:v>
                </c:pt>
                <c:pt idx="438">
                  <c:v>152</c:v>
                </c:pt>
                <c:pt idx="439">
                  <c:v>153</c:v>
                </c:pt>
                <c:pt idx="440">
                  <c:v>153</c:v>
                </c:pt>
                <c:pt idx="441">
                  <c:v>153</c:v>
                </c:pt>
                <c:pt idx="442">
                  <c:v>154</c:v>
                </c:pt>
                <c:pt idx="443">
                  <c:v>154</c:v>
                </c:pt>
                <c:pt idx="444">
                  <c:v>155</c:v>
                </c:pt>
                <c:pt idx="445">
                  <c:v>155</c:v>
                </c:pt>
                <c:pt idx="446">
                  <c:v>155</c:v>
                </c:pt>
                <c:pt idx="447">
                  <c:v>156</c:v>
                </c:pt>
                <c:pt idx="448">
                  <c:v>156</c:v>
                </c:pt>
                <c:pt idx="449">
                  <c:v>157</c:v>
                </c:pt>
                <c:pt idx="450">
                  <c:v>157</c:v>
                </c:pt>
                <c:pt idx="451">
                  <c:v>158</c:v>
                </c:pt>
                <c:pt idx="452">
                  <c:v>158</c:v>
                </c:pt>
                <c:pt idx="453">
                  <c:v>158</c:v>
                </c:pt>
                <c:pt idx="454">
                  <c:v>159</c:v>
                </c:pt>
                <c:pt idx="455">
                  <c:v>159</c:v>
                </c:pt>
                <c:pt idx="456">
                  <c:v>160</c:v>
                </c:pt>
                <c:pt idx="457">
                  <c:v>160</c:v>
                </c:pt>
                <c:pt idx="458">
                  <c:v>160</c:v>
                </c:pt>
                <c:pt idx="459">
                  <c:v>161</c:v>
                </c:pt>
                <c:pt idx="460">
                  <c:v>161</c:v>
                </c:pt>
                <c:pt idx="461">
                  <c:v>162</c:v>
                </c:pt>
                <c:pt idx="462">
                  <c:v>162</c:v>
                </c:pt>
                <c:pt idx="463">
                  <c:v>163</c:v>
                </c:pt>
                <c:pt idx="464">
                  <c:v>163</c:v>
                </c:pt>
                <c:pt idx="465">
                  <c:v>163</c:v>
                </c:pt>
                <c:pt idx="466">
                  <c:v>164</c:v>
                </c:pt>
                <c:pt idx="467">
                  <c:v>164</c:v>
                </c:pt>
                <c:pt idx="468">
                  <c:v>165</c:v>
                </c:pt>
                <c:pt idx="469">
                  <c:v>165</c:v>
                </c:pt>
                <c:pt idx="470">
                  <c:v>165</c:v>
                </c:pt>
                <c:pt idx="471">
                  <c:v>166</c:v>
                </c:pt>
                <c:pt idx="472">
                  <c:v>166</c:v>
                </c:pt>
                <c:pt idx="473">
                  <c:v>167</c:v>
                </c:pt>
                <c:pt idx="474">
                  <c:v>167</c:v>
                </c:pt>
                <c:pt idx="475">
                  <c:v>168</c:v>
                </c:pt>
                <c:pt idx="476">
                  <c:v>168</c:v>
                </c:pt>
                <c:pt idx="477">
                  <c:v>168</c:v>
                </c:pt>
                <c:pt idx="478">
                  <c:v>169</c:v>
                </c:pt>
                <c:pt idx="479">
                  <c:v>169</c:v>
                </c:pt>
                <c:pt idx="480">
                  <c:v>170</c:v>
                </c:pt>
                <c:pt idx="481">
                  <c:v>170</c:v>
                </c:pt>
                <c:pt idx="482">
                  <c:v>170</c:v>
                </c:pt>
                <c:pt idx="483">
                  <c:v>171</c:v>
                </c:pt>
                <c:pt idx="484">
                  <c:v>171</c:v>
                </c:pt>
                <c:pt idx="485">
                  <c:v>172</c:v>
                </c:pt>
                <c:pt idx="486">
                  <c:v>172</c:v>
                </c:pt>
                <c:pt idx="487">
                  <c:v>173</c:v>
                </c:pt>
                <c:pt idx="488">
                  <c:v>173</c:v>
                </c:pt>
                <c:pt idx="489">
                  <c:v>173</c:v>
                </c:pt>
                <c:pt idx="490">
                  <c:v>174</c:v>
                </c:pt>
                <c:pt idx="491">
                  <c:v>174</c:v>
                </c:pt>
                <c:pt idx="492">
                  <c:v>175</c:v>
                </c:pt>
                <c:pt idx="493">
                  <c:v>175</c:v>
                </c:pt>
                <c:pt idx="494">
                  <c:v>175</c:v>
                </c:pt>
                <c:pt idx="495">
                  <c:v>176</c:v>
                </c:pt>
                <c:pt idx="496">
                  <c:v>176</c:v>
                </c:pt>
                <c:pt idx="497">
                  <c:v>177</c:v>
                </c:pt>
                <c:pt idx="498">
                  <c:v>177</c:v>
                </c:pt>
                <c:pt idx="499">
                  <c:v>178</c:v>
                </c:pt>
                <c:pt idx="500">
                  <c:v>178</c:v>
                </c:pt>
                <c:pt idx="501">
                  <c:v>178</c:v>
                </c:pt>
                <c:pt idx="502">
                  <c:v>179</c:v>
                </c:pt>
                <c:pt idx="503">
                  <c:v>179</c:v>
                </c:pt>
                <c:pt idx="504">
                  <c:v>180</c:v>
                </c:pt>
                <c:pt idx="505">
                  <c:v>180</c:v>
                </c:pt>
                <c:pt idx="506">
                  <c:v>180</c:v>
                </c:pt>
                <c:pt idx="507">
                  <c:v>181</c:v>
                </c:pt>
                <c:pt idx="508">
                  <c:v>181</c:v>
                </c:pt>
                <c:pt idx="509">
                  <c:v>182</c:v>
                </c:pt>
                <c:pt idx="510">
                  <c:v>182</c:v>
                </c:pt>
                <c:pt idx="511">
                  <c:v>183</c:v>
                </c:pt>
                <c:pt idx="512">
                  <c:v>183</c:v>
                </c:pt>
                <c:pt idx="513">
                  <c:v>183</c:v>
                </c:pt>
                <c:pt idx="514">
                  <c:v>184</c:v>
                </c:pt>
                <c:pt idx="515">
                  <c:v>184</c:v>
                </c:pt>
                <c:pt idx="516">
                  <c:v>185</c:v>
                </c:pt>
                <c:pt idx="517">
                  <c:v>185</c:v>
                </c:pt>
                <c:pt idx="518">
                  <c:v>185</c:v>
                </c:pt>
                <c:pt idx="519">
                  <c:v>186</c:v>
                </c:pt>
                <c:pt idx="520">
                  <c:v>186</c:v>
                </c:pt>
                <c:pt idx="521">
                  <c:v>187</c:v>
                </c:pt>
                <c:pt idx="522">
                  <c:v>187</c:v>
                </c:pt>
                <c:pt idx="523">
                  <c:v>188</c:v>
                </c:pt>
                <c:pt idx="524">
                  <c:v>188</c:v>
                </c:pt>
                <c:pt idx="525">
                  <c:v>188</c:v>
                </c:pt>
                <c:pt idx="526">
                  <c:v>189</c:v>
                </c:pt>
                <c:pt idx="527">
                  <c:v>189</c:v>
                </c:pt>
                <c:pt idx="528">
                  <c:v>190</c:v>
                </c:pt>
                <c:pt idx="529">
                  <c:v>190</c:v>
                </c:pt>
                <c:pt idx="530">
                  <c:v>190</c:v>
                </c:pt>
                <c:pt idx="531">
                  <c:v>191</c:v>
                </c:pt>
                <c:pt idx="532">
                  <c:v>191</c:v>
                </c:pt>
                <c:pt idx="533">
                  <c:v>192</c:v>
                </c:pt>
                <c:pt idx="534">
                  <c:v>192</c:v>
                </c:pt>
                <c:pt idx="535">
                  <c:v>193</c:v>
                </c:pt>
                <c:pt idx="536">
                  <c:v>193</c:v>
                </c:pt>
                <c:pt idx="537">
                  <c:v>193</c:v>
                </c:pt>
                <c:pt idx="538">
                  <c:v>194</c:v>
                </c:pt>
                <c:pt idx="539">
                  <c:v>194</c:v>
                </c:pt>
                <c:pt idx="540">
                  <c:v>195</c:v>
                </c:pt>
                <c:pt idx="541">
                  <c:v>195</c:v>
                </c:pt>
                <c:pt idx="542">
                  <c:v>195</c:v>
                </c:pt>
                <c:pt idx="543">
                  <c:v>196</c:v>
                </c:pt>
                <c:pt idx="544">
                  <c:v>196</c:v>
                </c:pt>
                <c:pt idx="545">
                  <c:v>197</c:v>
                </c:pt>
                <c:pt idx="546">
                  <c:v>197</c:v>
                </c:pt>
                <c:pt idx="547">
                  <c:v>198</c:v>
                </c:pt>
                <c:pt idx="548">
                  <c:v>198</c:v>
                </c:pt>
                <c:pt idx="549">
                  <c:v>198</c:v>
                </c:pt>
                <c:pt idx="550">
                  <c:v>199</c:v>
                </c:pt>
                <c:pt idx="551">
                  <c:v>199</c:v>
                </c:pt>
                <c:pt idx="552">
                  <c:v>200</c:v>
                </c:pt>
                <c:pt idx="553">
                  <c:v>200</c:v>
                </c:pt>
                <c:pt idx="554">
                  <c:v>200</c:v>
                </c:pt>
                <c:pt idx="555">
                  <c:v>201</c:v>
                </c:pt>
                <c:pt idx="556">
                  <c:v>201</c:v>
                </c:pt>
                <c:pt idx="557">
                  <c:v>202</c:v>
                </c:pt>
                <c:pt idx="558">
                  <c:v>202</c:v>
                </c:pt>
                <c:pt idx="559">
                  <c:v>203</c:v>
                </c:pt>
                <c:pt idx="560">
                  <c:v>203</c:v>
                </c:pt>
                <c:pt idx="561">
                  <c:v>203</c:v>
                </c:pt>
                <c:pt idx="562">
                  <c:v>204</c:v>
                </c:pt>
                <c:pt idx="563">
                  <c:v>204</c:v>
                </c:pt>
                <c:pt idx="564">
                  <c:v>205</c:v>
                </c:pt>
                <c:pt idx="565">
                  <c:v>205</c:v>
                </c:pt>
                <c:pt idx="566">
                  <c:v>205</c:v>
                </c:pt>
                <c:pt idx="567">
                  <c:v>206</c:v>
                </c:pt>
                <c:pt idx="568">
                  <c:v>206</c:v>
                </c:pt>
                <c:pt idx="569">
                  <c:v>207</c:v>
                </c:pt>
                <c:pt idx="570">
                  <c:v>207</c:v>
                </c:pt>
                <c:pt idx="571">
                  <c:v>208</c:v>
                </c:pt>
                <c:pt idx="572">
                  <c:v>208</c:v>
                </c:pt>
                <c:pt idx="573">
                  <c:v>208</c:v>
                </c:pt>
                <c:pt idx="574">
                  <c:v>209</c:v>
                </c:pt>
                <c:pt idx="575">
                  <c:v>209</c:v>
                </c:pt>
                <c:pt idx="576">
                  <c:v>210</c:v>
                </c:pt>
                <c:pt idx="577">
                  <c:v>210</c:v>
                </c:pt>
                <c:pt idx="578">
                  <c:v>210</c:v>
                </c:pt>
                <c:pt idx="579">
                  <c:v>211</c:v>
                </c:pt>
                <c:pt idx="580">
                  <c:v>211</c:v>
                </c:pt>
                <c:pt idx="581">
                  <c:v>212</c:v>
                </c:pt>
                <c:pt idx="582">
                  <c:v>212</c:v>
                </c:pt>
                <c:pt idx="583">
                  <c:v>213</c:v>
                </c:pt>
                <c:pt idx="584">
                  <c:v>213</c:v>
                </c:pt>
                <c:pt idx="585">
                  <c:v>213</c:v>
                </c:pt>
                <c:pt idx="586">
                  <c:v>214</c:v>
                </c:pt>
                <c:pt idx="587">
                  <c:v>214</c:v>
                </c:pt>
                <c:pt idx="588">
                  <c:v>215</c:v>
                </c:pt>
                <c:pt idx="589">
                  <c:v>215</c:v>
                </c:pt>
                <c:pt idx="590">
                  <c:v>215</c:v>
                </c:pt>
                <c:pt idx="591">
                  <c:v>216</c:v>
                </c:pt>
                <c:pt idx="592">
                  <c:v>216</c:v>
                </c:pt>
                <c:pt idx="593">
                  <c:v>217</c:v>
                </c:pt>
                <c:pt idx="594">
                  <c:v>217</c:v>
                </c:pt>
                <c:pt idx="595">
                  <c:v>218</c:v>
                </c:pt>
                <c:pt idx="596">
                  <c:v>218</c:v>
                </c:pt>
                <c:pt idx="597">
                  <c:v>218</c:v>
                </c:pt>
                <c:pt idx="598">
                  <c:v>219</c:v>
                </c:pt>
                <c:pt idx="599">
                  <c:v>219</c:v>
                </c:pt>
                <c:pt idx="600">
                  <c:v>220</c:v>
                </c:pt>
                <c:pt idx="601">
                  <c:v>220</c:v>
                </c:pt>
                <c:pt idx="602">
                  <c:v>220</c:v>
                </c:pt>
                <c:pt idx="603">
                  <c:v>221</c:v>
                </c:pt>
                <c:pt idx="604">
                  <c:v>221</c:v>
                </c:pt>
                <c:pt idx="605">
                  <c:v>222</c:v>
                </c:pt>
                <c:pt idx="606">
                  <c:v>222</c:v>
                </c:pt>
                <c:pt idx="607">
                  <c:v>223</c:v>
                </c:pt>
                <c:pt idx="608">
                  <c:v>223</c:v>
                </c:pt>
                <c:pt idx="609">
                  <c:v>223</c:v>
                </c:pt>
                <c:pt idx="610">
                  <c:v>224</c:v>
                </c:pt>
                <c:pt idx="611">
                  <c:v>224</c:v>
                </c:pt>
                <c:pt idx="612">
                  <c:v>225</c:v>
                </c:pt>
                <c:pt idx="613">
                  <c:v>225</c:v>
                </c:pt>
                <c:pt idx="614">
                  <c:v>225</c:v>
                </c:pt>
                <c:pt idx="615">
                  <c:v>226</c:v>
                </c:pt>
                <c:pt idx="616">
                  <c:v>226</c:v>
                </c:pt>
                <c:pt idx="617">
                  <c:v>227</c:v>
                </c:pt>
                <c:pt idx="618">
                  <c:v>227</c:v>
                </c:pt>
                <c:pt idx="619">
                  <c:v>228</c:v>
                </c:pt>
                <c:pt idx="620">
                  <c:v>228</c:v>
                </c:pt>
                <c:pt idx="621">
                  <c:v>228</c:v>
                </c:pt>
                <c:pt idx="622">
                  <c:v>229</c:v>
                </c:pt>
                <c:pt idx="623">
                  <c:v>229</c:v>
                </c:pt>
                <c:pt idx="624">
                  <c:v>230</c:v>
                </c:pt>
                <c:pt idx="625">
                  <c:v>230</c:v>
                </c:pt>
                <c:pt idx="626">
                  <c:v>230</c:v>
                </c:pt>
                <c:pt idx="627">
                  <c:v>231</c:v>
                </c:pt>
                <c:pt idx="628">
                  <c:v>231</c:v>
                </c:pt>
                <c:pt idx="629">
                  <c:v>232</c:v>
                </c:pt>
                <c:pt idx="630">
                  <c:v>232</c:v>
                </c:pt>
                <c:pt idx="631">
                  <c:v>233</c:v>
                </c:pt>
                <c:pt idx="632">
                  <c:v>233</c:v>
                </c:pt>
                <c:pt idx="633">
                  <c:v>233</c:v>
                </c:pt>
                <c:pt idx="634">
                  <c:v>234</c:v>
                </c:pt>
                <c:pt idx="635">
                  <c:v>234</c:v>
                </c:pt>
                <c:pt idx="636">
                  <c:v>235</c:v>
                </c:pt>
                <c:pt idx="637">
                  <c:v>235</c:v>
                </c:pt>
                <c:pt idx="638">
                  <c:v>235</c:v>
                </c:pt>
                <c:pt idx="639">
                  <c:v>236</c:v>
                </c:pt>
                <c:pt idx="640">
                  <c:v>236</c:v>
                </c:pt>
                <c:pt idx="641">
                  <c:v>237</c:v>
                </c:pt>
                <c:pt idx="642">
                  <c:v>237</c:v>
                </c:pt>
                <c:pt idx="643">
                  <c:v>238</c:v>
                </c:pt>
                <c:pt idx="644">
                  <c:v>238</c:v>
                </c:pt>
                <c:pt idx="645">
                  <c:v>238</c:v>
                </c:pt>
                <c:pt idx="646">
                  <c:v>239</c:v>
                </c:pt>
                <c:pt idx="647">
                  <c:v>239</c:v>
                </c:pt>
                <c:pt idx="648">
                  <c:v>240</c:v>
                </c:pt>
                <c:pt idx="649">
                  <c:v>240</c:v>
                </c:pt>
                <c:pt idx="650">
                  <c:v>240</c:v>
                </c:pt>
                <c:pt idx="651">
                  <c:v>241</c:v>
                </c:pt>
                <c:pt idx="652">
                  <c:v>241</c:v>
                </c:pt>
                <c:pt idx="653">
                  <c:v>242</c:v>
                </c:pt>
                <c:pt idx="654">
                  <c:v>242</c:v>
                </c:pt>
                <c:pt idx="655">
                  <c:v>243</c:v>
                </c:pt>
                <c:pt idx="656">
                  <c:v>243</c:v>
                </c:pt>
                <c:pt idx="657">
                  <c:v>243</c:v>
                </c:pt>
                <c:pt idx="658">
                  <c:v>244</c:v>
                </c:pt>
                <c:pt idx="659">
                  <c:v>244</c:v>
                </c:pt>
                <c:pt idx="660">
                  <c:v>245</c:v>
                </c:pt>
                <c:pt idx="661">
                  <c:v>245</c:v>
                </c:pt>
                <c:pt idx="662">
                  <c:v>245</c:v>
                </c:pt>
                <c:pt idx="663">
                  <c:v>246</c:v>
                </c:pt>
                <c:pt idx="664">
                  <c:v>246</c:v>
                </c:pt>
                <c:pt idx="665">
                  <c:v>247</c:v>
                </c:pt>
                <c:pt idx="666">
                  <c:v>247</c:v>
                </c:pt>
                <c:pt idx="667">
                  <c:v>248</c:v>
                </c:pt>
                <c:pt idx="668">
                  <c:v>248</c:v>
                </c:pt>
                <c:pt idx="669">
                  <c:v>248</c:v>
                </c:pt>
                <c:pt idx="670">
                  <c:v>249</c:v>
                </c:pt>
                <c:pt idx="671">
                  <c:v>249</c:v>
                </c:pt>
                <c:pt idx="672">
                  <c:v>250</c:v>
                </c:pt>
                <c:pt idx="673">
                  <c:v>250</c:v>
                </c:pt>
                <c:pt idx="674">
                  <c:v>250</c:v>
                </c:pt>
                <c:pt idx="675">
                  <c:v>251</c:v>
                </c:pt>
                <c:pt idx="676">
                  <c:v>251</c:v>
                </c:pt>
                <c:pt idx="677">
                  <c:v>252</c:v>
                </c:pt>
                <c:pt idx="678">
                  <c:v>252</c:v>
                </c:pt>
                <c:pt idx="679">
                  <c:v>253</c:v>
                </c:pt>
                <c:pt idx="680">
                  <c:v>253</c:v>
                </c:pt>
                <c:pt idx="681">
                  <c:v>253</c:v>
                </c:pt>
                <c:pt idx="682">
                  <c:v>254</c:v>
                </c:pt>
                <c:pt idx="683">
                  <c:v>254</c:v>
                </c:pt>
                <c:pt idx="684">
                  <c:v>255</c:v>
                </c:pt>
                <c:pt idx="685">
                  <c:v>255</c:v>
                </c:pt>
                <c:pt idx="686">
                  <c:v>255</c:v>
                </c:pt>
                <c:pt idx="687">
                  <c:v>256</c:v>
                </c:pt>
                <c:pt idx="688">
                  <c:v>256</c:v>
                </c:pt>
                <c:pt idx="689">
                  <c:v>257</c:v>
                </c:pt>
                <c:pt idx="690">
                  <c:v>257</c:v>
                </c:pt>
                <c:pt idx="691">
                  <c:v>258</c:v>
                </c:pt>
                <c:pt idx="692">
                  <c:v>258</c:v>
                </c:pt>
                <c:pt idx="693">
                  <c:v>258</c:v>
                </c:pt>
                <c:pt idx="694">
                  <c:v>259</c:v>
                </c:pt>
                <c:pt idx="695">
                  <c:v>259</c:v>
                </c:pt>
                <c:pt idx="696">
                  <c:v>260</c:v>
                </c:pt>
                <c:pt idx="697">
                  <c:v>260</c:v>
                </c:pt>
                <c:pt idx="698">
                  <c:v>260</c:v>
                </c:pt>
                <c:pt idx="699">
                  <c:v>261</c:v>
                </c:pt>
                <c:pt idx="700">
                  <c:v>261</c:v>
                </c:pt>
                <c:pt idx="701">
                  <c:v>262</c:v>
                </c:pt>
                <c:pt idx="702">
                  <c:v>262</c:v>
                </c:pt>
                <c:pt idx="703">
                  <c:v>263</c:v>
                </c:pt>
                <c:pt idx="704">
                  <c:v>263</c:v>
                </c:pt>
                <c:pt idx="705">
                  <c:v>263</c:v>
                </c:pt>
                <c:pt idx="706">
                  <c:v>264</c:v>
                </c:pt>
                <c:pt idx="707">
                  <c:v>264</c:v>
                </c:pt>
                <c:pt idx="708">
                  <c:v>265</c:v>
                </c:pt>
                <c:pt idx="709">
                  <c:v>265</c:v>
                </c:pt>
                <c:pt idx="710">
                  <c:v>265</c:v>
                </c:pt>
                <c:pt idx="711">
                  <c:v>266</c:v>
                </c:pt>
                <c:pt idx="712">
                  <c:v>266</c:v>
                </c:pt>
                <c:pt idx="713">
                  <c:v>267</c:v>
                </c:pt>
                <c:pt idx="714">
                  <c:v>267</c:v>
                </c:pt>
                <c:pt idx="715">
                  <c:v>268</c:v>
                </c:pt>
                <c:pt idx="716">
                  <c:v>268</c:v>
                </c:pt>
                <c:pt idx="717">
                  <c:v>268</c:v>
                </c:pt>
                <c:pt idx="718">
                  <c:v>269</c:v>
                </c:pt>
                <c:pt idx="719">
                  <c:v>269</c:v>
                </c:pt>
                <c:pt idx="720">
                  <c:v>270</c:v>
                </c:pt>
                <c:pt idx="721">
                  <c:v>270</c:v>
                </c:pt>
                <c:pt idx="722">
                  <c:v>270</c:v>
                </c:pt>
                <c:pt idx="723">
                  <c:v>271</c:v>
                </c:pt>
                <c:pt idx="724">
                  <c:v>271</c:v>
                </c:pt>
                <c:pt idx="725">
                  <c:v>272</c:v>
                </c:pt>
                <c:pt idx="726">
                  <c:v>272</c:v>
                </c:pt>
                <c:pt idx="727">
                  <c:v>273</c:v>
                </c:pt>
                <c:pt idx="728">
                  <c:v>273</c:v>
                </c:pt>
                <c:pt idx="729">
                  <c:v>273</c:v>
                </c:pt>
                <c:pt idx="730">
                  <c:v>274</c:v>
                </c:pt>
                <c:pt idx="731">
                  <c:v>274</c:v>
                </c:pt>
                <c:pt idx="732">
                  <c:v>275</c:v>
                </c:pt>
                <c:pt idx="733">
                  <c:v>275</c:v>
                </c:pt>
                <c:pt idx="734">
                  <c:v>275</c:v>
                </c:pt>
                <c:pt idx="735">
                  <c:v>276</c:v>
                </c:pt>
                <c:pt idx="736">
                  <c:v>276</c:v>
                </c:pt>
                <c:pt idx="737">
                  <c:v>277</c:v>
                </c:pt>
                <c:pt idx="738">
                  <c:v>277</c:v>
                </c:pt>
                <c:pt idx="739">
                  <c:v>278</c:v>
                </c:pt>
                <c:pt idx="740">
                  <c:v>278</c:v>
                </c:pt>
                <c:pt idx="741">
                  <c:v>278</c:v>
                </c:pt>
                <c:pt idx="742">
                  <c:v>279</c:v>
                </c:pt>
                <c:pt idx="743">
                  <c:v>279</c:v>
                </c:pt>
                <c:pt idx="744">
                  <c:v>280</c:v>
                </c:pt>
                <c:pt idx="745">
                  <c:v>280</c:v>
                </c:pt>
                <c:pt idx="746">
                  <c:v>280</c:v>
                </c:pt>
                <c:pt idx="747">
                  <c:v>281</c:v>
                </c:pt>
                <c:pt idx="748">
                  <c:v>281</c:v>
                </c:pt>
                <c:pt idx="749">
                  <c:v>282</c:v>
                </c:pt>
                <c:pt idx="750">
                  <c:v>282</c:v>
                </c:pt>
                <c:pt idx="751">
                  <c:v>283</c:v>
                </c:pt>
                <c:pt idx="752">
                  <c:v>283</c:v>
                </c:pt>
                <c:pt idx="753">
                  <c:v>283</c:v>
                </c:pt>
                <c:pt idx="754">
                  <c:v>284</c:v>
                </c:pt>
                <c:pt idx="755">
                  <c:v>284</c:v>
                </c:pt>
                <c:pt idx="756">
                  <c:v>285</c:v>
                </c:pt>
                <c:pt idx="757">
                  <c:v>285</c:v>
                </c:pt>
                <c:pt idx="758">
                  <c:v>285</c:v>
                </c:pt>
                <c:pt idx="759">
                  <c:v>286</c:v>
                </c:pt>
                <c:pt idx="760">
                  <c:v>286</c:v>
                </c:pt>
                <c:pt idx="761">
                  <c:v>287</c:v>
                </c:pt>
                <c:pt idx="762">
                  <c:v>287</c:v>
                </c:pt>
                <c:pt idx="763">
                  <c:v>288</c:v>
                </c:pt>
                <c:pt idx="764">
                  <c:v>288</c:v>
                </c:pt>
                <c:pt idx="765">
                  <c:v>288</c:v>
                </c:pt>
                <c:pt idx="766">
                  <c:v>289</c:v>
                </c:pt>
                <c:pt idx="767">
                  <c:v>289</c:v>
                </c:pt>
                <c:pt idx="768">
                  <c:v>290</c:v>
                </c:pt>
                <c:pt idx="769">
                  <c:v>290</c:v>
                </c:pt>
                <c:pt idx="770">
                  <c:v>290</c:v>
                </c:pt>
                <c:pt idx="771">
                  <c:v>291</c:v>
                </c:pt>
                <c:pt idx="772">
                  <c:v>291</c:v>
                </c:pt>
                <c:pt idx="773">
                  <c:v>292</c:v>
                </c:pt>
                <c:pt idx="774">
                  <c:v>292</c:v>
                </c:pt>
                <c:pt idx="775">
                  <c:v>293</c:v>
                </c:pt>
                <c:pt idx="776">
                  <c:v>293</c:v>
                </c:pt>
                <c:pt idx="777">
                  <c:v>293</c:v>
                </c:pt>
                <c:pt idx="778">
                  <c:v>294</c:v>
                </c:pt>
                <c:pt idx="779">
                  <c:v>294</c:v>
                </c:pt>
                <c:pt idx="780">
                  <c:v>295</c:v>
                </c:pt>
                <c:pt idx="781">
                  <c:v>295</c:v>
                </c:pt>
                <c:pt idx="782">
                  <c:v>295</c:v>
                </c:pt>
                <c:pt idx="783">
                  <c:v>296</c:v>
                </c:pt>
                <c:pt idx="784">
                  <c:v>296</c:v>
                </c:pt>
                <c:pt idx="785">
                  <c:v>297</c:v>
                </c:pt>
                <c:pt idx="786">
                  <c:v>297</c:v>
                </c:pt>
                <c:pt idx="787">
                  <c:v>298</c:v>
                </c:pt>
                <c:pt idx="788">
                  <c:v>298</c:v>
                </c:pt>
                <c:pt idx="789">
                  <c:v>298</c:v>
                </c:pt>
                <c:pt idx="790">
                  <c:v>299</c:v>
                </c:pt>
                <c:pt idx="791">
                  <c:v>299</c:v>
                </c:pt>
                <c:pt idx="792">
                  <c:v>300</c:v>
                </c:pt>
                <c:pt idx="793">
                  <c:v>300</c:v>
                </c:pt>
                <c:pt idx="794">
                  <c:v>300</c:v>
                </c:pt>
                <c:pt idx="795">
                  <c:v>301</c:v>
                </c:pt>
                <c:pt idx="796">
                  <c:v>301</c:v>
                </c:pt>
                <c:pt idx="797">
                  <c:v>302</c:v>
                </c:pt>
                <c:pt idx="798">
                  <c:v>302</c:v>
                </c:pt>
                <c:pt idx="799">
                  <c:v>303</c:v>
                </c:pt>
                <c:pt idx="800">
                  <c:v>303</c:v>
                </c:pt>
                <c:pt idx="801">
                  <c:v>303</c:v>
                </c:pt>
                <c:pt idx="802">
                  <c:v>304</c:v>
                </c:pt>
                <c:pt idx="803">
                  <c:v>304</c:v>
                </c:pt>
                <c:pt idx="804">
                  <c:v>305</c:v>
                </c:pt>
                <c:pt idx="805">
                  <c:v>305</c:v>
                </c:pt>
                <c:pt idx="806">
                  <c:v>305</c:v>
                </c:pt>
                <c:pt idx="807">
                  <c:v>306</c:v>
                </c:pt>
                <c:pt idx="808">
                  <c:v>306</c:v>
                </c:pt>
                <c:pt idx="809">
                  <c:v>307</c:v>
                </c:pt>
                <c:pt idx="810">
                  <c:v>307</c:v>
                </c:pt>
                <c:pt idx="811">
                  <c:v>308</c:v>
                </c:pt>
                <c:pt idx="812">
                  <c:v>308</c:v>
                </c:pt>
                <c:pt idx="813">
                  <c:v>308</c:v>
                </c:pt>
                <c:pt idx="814">
                  <c:v>309</c:v>
                </c:pt>
                <c:pt idx="815">
                  <c:v>309</c:v>
                </c:pt>
                <c:pt idx="816">
                  <c:v>310</c:v>
                </c:pt>
                <c:pt idx="817">
                  <c:v>310</c:v>
                </c:pt>
                <c:pt idx="818">
                  <c:v>310</c:v>
                </c:pt>
                <c:pt idx="819">
                  <c:v>311</c:v>
                </c:pt>
                <c:pt idx="820">
                  <c:v>311</c:v>
                </c:pt>
                <c:pt idx="821">
                  <c:v>312</c:v>
                </c:pt>
                <c:pt idx="822">
                  <c:v>312</c:v>
                </c:pt>
                <c:pt idx="823">
                  <c:v>313</c:v>
                </c:pt>
                <c:pt idx="824">
                  <c:v>313</c:v>
                </c:pt>
                <c:pt idx="825">
                  <c:v>313</c:v>
                </c:pt>
                <c:pt idx="826">
                  <c:v>314</c:v>
                </c:pt>
                <c:pt idx="827">
                  <c:v>314</c:v>
                </c:pt>
                <c:pt idx="828">
                  <c:v>315</c:v>
                </c:pt>
                <c:pt idx="829">
                  <c:v>315</c:v>
                </c:pt>
                <c:pt idx="830">
                  <c:v>315</c:v>
                </c:pt>
                <c:pt idx="831">
                  <c:v>316</c:v>
                </c:pt>
                <c:pt idx="832">
                  <c:v>316</c:v>
                </c:pt>
                <c:pt idx="833">
                  <c:v>317</c:v>
                </c:pt>
                <c:pt idx="834">
                  <c:v>317</c:v>
                </c:pt>
                <c:pt idx="835">
                  <c:v>318</c:v>
                </c:pt>
                <c:pt idx="836">
                  <c:v>318</c:v>
                </c:pt>
                <c:pt idx="837">
                  <c:v>318</c:v>
                </c:pt>
                <c:pt idx="838">
                  <c:v>319</c:v>
                </c:pt>
                <c:pt idx="839">
                  <c:v>319</c:v>
                </c:pt>
                <c:pt idx="840">
                  <c:v>320</c:v>
                </c:pt>
                <c:pt idx="841">
                  <c:v>320</c:v>
                </c:pt>
                <c:pt idx="842">
                  <c:v>320</c:v>
                </c:pt>
                <c:pt idx="843">
                  <c:v>321</c:v>
                </c:pt>
                <c:pt idx="844">
                  <c:v>321</c:v>
                </c:pt>
                <c:pt idx="845">
                  <c:v>322</c:v>
                </c:pt>
                <c:pt idx="846">
                  <c:v>322</c:v>
                </c:pt>
                <c:pt idx="847">
                  <c:v>323</c:v>
                </c:pt>
                <c:pt idx="848">
                  <c:v>323</c:v>
                </c:pt>
                <c:pt idx="849">
                  <c:v>323</c:v>
                </c:pt>
                <c:pt idx="850">
                  <c:v>324</c:v>
                </c:pt>
                <c:pt idx="851">
                  <c:v>324</c:v>
                </c:pt>
                <c:pt idx="852">
                  <c:v>325</c:v>
                </c:pt>
                <c:pt idx="853">
                  <c:v>325</c:v>
                </c:pt>
                <c:pt idx="854">
                  <c:v>325</c:v>
                </c:pt>
                <c:pt idx="855">
                  <c:v>326</c:v>
                </c:pt>
                <c:pt idx="856">
                  <c:v>326</c:v>
                </c:pt>
                <c:pt idx="857">
                  <c:v>327</c:v>
                </c:pt>
                <c:pt idx="858">
                  <c:v>327</c:v>
                </c:pt>
                <c:pt idx="859">
                  <c:v>328</c:v>
                </c:pt>
                <c:pt idx="860">
                  <c:v>328</c:v>
                </c:pt>
                <c:pt idx="861">
                  <c:v>328</c:v>
                </c:pt>
                <c:pt idx="862">
                  <c:v>329</c:v>
                </c:pt>
                <c:pt idx="863">
                  <c:v>329</c:v>
                </c:pt>
                <c:pt idx="864">
                  <c:v>330</c:v>
                </c:pt>
                <c:pt idx="865">
                  <c:v>330</c:v>
                </c:pt>
                <c:pt idx="866">
                  <c:v>330</c:v>
                </c:pt>
                <c:pt idx="867">
                  <c:v>331</c:v>
                </c:pt>
                <c:pt idx="868">
                  <c:v>331</c:v>
                </c:pt>
                <c:pt idx="869">
                  <c:v>332</c:v>
                </c:pt>
                <c:pt idx="870">
                  <c:v>332</c:v>
                </c:pt>
                <c:pt idx="871">
                  <c:v>333</c:v>
                </c:pt>
                <c:pt idx="872">
                  <c:v>333</c:v>
                </c:pt>
                <c:pt idx="873">
                  <c:v>333</c:v>
                </c:pt>
                <c:pt idx="874">
                  <c:v>334</c:v>
                </c:pt>
                <c:pt idx="875">
                  <c:v>334</c:v>
                </c:pt>
                <c:pt idx="876">
                  <c:v>335</c:v>
                </c:pt>
                <c:pt idx="877">
                  <c:v>335</c:v>
                </c:pt>
                <c:pt idx="878">
                  <c:v>335</c:v>
                </c:pt>
                <c:pt idx="879">
                  <c:v>336</c:v>
                </c:pt>
                <c:pt idx="880">
                  <c:v>336</c:v>
                </c:pt>
                <c:pt idx="881">
                  <c:v>337</c:v>
                </c:pt>
                <c:pt idx="882">
                  <c:v>337</c:v>
                </c:pt>
                <c:pt idx="883">
                  <c:v>338</c:v>
                </c:pt>
                <c:pt idx="884">
                  <c:v>338</c:v>
                </c:pt>
                <c:pt idx="885">
                  <c:v>338</c:v>
                </c:pt>
                <c:pt idx="886">
                  <c:v>339</c:v>
                </c:pt>
                <c:pt idx="887">
                  <c:v>339</c:v>
                </c:pt>
                <c:pt idx="888">
                  <c:v>340</c:v>
                </c:pt>
                <c:pt idx="889">
                  <c:v>340</c:v>
                </c:pt>
                <c:pt idx="890">
                  <c:v>340</c:v>
                </c:pt>
                <c:pt idx="891">
                  <c:v>341</c:v>
                </c:pt>
                <c:pt idx="892">
                  <c:v>341</c:v>
                </c:pt>
                <c:pt idx="893">
                  <c:v>342</c:v>
                </c:pt>
                <c:pt idx="894">
                  <c:v>342</c:v>
                </c:pt>
                <c:pt idx="895">
                  <c:v>343</c:v>
                </c:pt>
                <c:pt idx="896">
                  <c:v>343</c:v>
                </c:pt>
                <c:pt idx="897">
                  <c:v>343</c:v>
                </c:pt>
                <c:pt idx="898">
                  <c:v>344</c:v>
                </c:pt>
                <c:pt idx="899">
                  <c:v>344</c:v>
                </c:pt>
                <c:pt idx="900">
                  <c:v>345</c:v>
                </c:pt>
                <c:pt idx="901">
                  <c:v>345</c:v>
                </c:pt>
                <c:pt idx="902">
                  <c:v>345</c:v>
                </c:pt>
                <c:pt idx="903">
                  <c:v>346</c:v>
                </c:pt>
                <c:pt idx="904">
                  <c:v>346</c:v>
                </c:pt>
                <c:pt idx="905">
                  <c:v>347</c:v>
                </c:pt>
                <c:pt idx="906">
                  <c:v>347</c:v>
                </c:pt>
                <c:pt idx="907">
                  <c:v>348</c:v>
                </c:pt>
                <c:pt idx="908">
                  <c:v>348</c:v>
                </c:pt>
                <c:pt idx="909">
                  <c:v>348</c:v>
                </c:pt>
                <c:pt idx="910">
                  <c:v>349</c:v>
                </c:pt>
                <c:pt idx="911">
                  <c:v>349</c:v>
                </c:pt>
                <c:pt idx="912">
                  <c:v>350</c:v>
                </c:pt>
                <c:pt idx="913">
                  <c:v>350</c:v>
                </c:pt>
                <c:pt idx="914">
                  <c:v>350</c:v>
                </c:pt>
                <c:pt idx="915">
                  <c:v>351</c:v>
                </c:pt>
                <c:pt idx="916">
                  <c:v>351</c:v>
                </c:pt>
                <c:pt idx="917">
                  <c:v>352</c:v>
                </c:pt>
                <c:pt idx="918">
                  <c:v>352</c:v>
                </c:pt>
                <c:pt idx="919">
                  <c:v>353</c:v>
                </c:pt>
                <c:pt idx="920">
                  <c:v>353</c:v>
                </c:pt>
                <c:pt idx="921">
                  <c:v>353</c:v>
                </c:pt>
                <c:pt idx="922">
                  <c:v>354</c:v>
                </c:pt>
                <c:pt idx="923">
                  <c:v>354</c:v>
                </c:pt>
                <c:pt idx="924">
                  <c:v>355</c:v>
                </c:pt>
                <c:pt idx="925">
                  <c:v>355</c:v>
                </c:pt>
                <c:pt idx="926">
                  <c:v>355</c:v>
                </c:pt>
                <c:pt idx="927">
                  <c:v>356</c:v>
                </c:pt>
                <c:pt idx="928">
                  <c:v>356</c:v>
                </c:pt>
                <c:pt idx="929">
                  <c:v>357</c:v>
                </c:pt>
                <c:pt idx="930">
                  <c:v>357</c:v>
                </c:pt>
                <c:pt idx="931">
                  <c:v>358</c:v>
                </c:pt>
                <c:pt idx="932">
                  <c:v>358</c:v>
                </c:pt>
                <c:pt idx="933">
                  <c:v>358</c:v>
                </c:pt>
                <c:pt idx="934">
                  <c:v>359</c:v>
                </c:pt>
                <c:pt idx="935">
                  <c:v>359</c:v>
                </c:pt>
                <c:pt idx="936">
                  <c:v>360</c:v>
                </c:pt>
                <c:pt idx="937">
                  <c:v>360</c:v>
                </c:pt>
                <c:pt idx="938">
                  <c:v>360</c:v>
                </c:pt>
                <c:pt idx="939">
                  <c:v>361</c:v>
                </c:pt>
                <c:pt idx="940">
                  <c:v>361</c:v>
                </c:pt>
                <c:pt idx="941">
                  <c:v>362</c:v>
                </c:pt>
                <c:pt idx="942">
                  <c:v>362</c:v>
                </c:pt>
                <c:pt idx="943">
                  <c:v>363</c:v>
                </c:pt>
                <c:pt idx="944">
                  <c:v>363</c:v>
                </c:pt>
                <c:pt idx="945">
                  <c:v>363</c:v>
                </c:pt>
                <c:pt idx="946">
                  <c:v>364</c:v>
                </c:pt>
                <c:pt idx="947">
                  <c:v>364</c:v>
                </c:pt>
                <c:pt idx="948">
                  <c:v>365</c:v>
                </c:pt>
                <c:pt idx="949">
                  <c:v>365</c:v>
                </c:pt>
                <c:pt idx="950">
                  <c:v>365</c:v>
                </c:pt>
                <c:pt idx="951">
                  <c:v>366</c:v>
                </c:pt>
                <c:pt idx="952">
                  <c:v>366</c:v>
                </c:pt>
                <c:pt idx="953">
                  <c:v>367</c:v>
                </c:pt>
                <c:pt idx="954">
                  <c:v>367</c:v>
                </c:pt>
                <c:pt idx="955">
                  <c:v>368</c:v>
                </c:pt>
                <c:pt idx="956">
                  <c:v>368</c:v>
                </c:pt>
                <c:pt idx="957">
                  <c:v>368</c:v>
                </c:pt>
                <c:pt idx="958">
                  <c:v>369</c:v>
                </c:pt>
                <c:pt idx="959">
                  <c:v>369</c:v>
                </c:pt>
                <c:pt idx="960">
                  <c:v>370</c:v>
                </c:pt>
                <c:pt idx="961">
                  <c:v>370</c:v>
                </c:pt>
                <c:pt idx="962">
                  <c:v>370</c:v>
                </c:pt>
                <c:pt idx="963">
                  <c:v>371</c:v>
                </c:pt>
                <c:pt idx="964">
                  <c:v>371</c:v>
                </c:pt>
                <c:pt idx="965">
                  <c:v>372</c:v>
                </c:pt>
                <c:pt idx="966">
                  <c:v>372</c:v>
                </c:pt>
                <c:pt idx="967">
                  <c:v>373</c:v>
                </c:pt>
                <c:pt idx="968">
                  <c:v>373</c:v>
                </c:pt>
                <c:pt idx="969">
                  <c:v>373</c:v>
                </c:pt>
                <c:pt idx="970">
                  <c:v>374</c:v>
                </c:pt>
                <c:pt idx="971">
                  <c:v>374</c:v>
                </c:pt>
                <c:pt idx="972">
                  <c:v>375</c:v>
                </c:pt>
                <c:pt idx="973">
                  <c:v>375</c:v>
                </c:pt>
                <c:pt idx="974">
                  <c:v>375</c:v>
                </c:pt>
                <c:pt idx="975">
                  <c:v>376</c:v>
                </c:pt>
                <c:pt idx="976">
                  <c:v>376</c:v>
                </c:pt>
                <c:pt idx="977">
                  <c:v>377</c:v>
                </c:pt>
                <c:pt idx="978">
                  <c:v>377</c:v>
                </c:pt>
                <c:pt idx="979">
                  <c:v>378</c:v>
                </c:pt>
                <c:pt idx="980">
                  <c:v>378</c:v>
                </c:pt>
                <c:pt idx="981">
                  <c:v>378</c:v>
                </c:pt>
                <c:pt idx="982">
                  <c:v>379</c:v>
                </c:pt>
                <c:pt idx="983">
                  <c:v>379</c:v>
                </c:pt>
                <c:pt idx="984">
                  <c:v>380</c:v>
                </c:pt>
                <c:pt idx="985">
                  <c:v>380</c:v>
                </c:pt>
                <c:pt idx="986">
                  <c:v>380</c:v>
                </c:pt>
                <c:pt idx="987">
                  <c:v>381</c:v>
                </c:pt>
                <c:pt idx="988">
                  <c:v>381</c:v>
                </c:pt>
                <c:pt idx="989">
                  <c:v>382</c:v>
                </c:pt>
                <c:pt idx="990">
                  <c:v>382</c:v>
                </c:pt>
                <c:pt idx="991">
                  <c:v>383</c:v>
                </c:pt>
                <c:pt idx="992">
                  <c:v>383</c:v>
                </c:pt>
                <c:pt idx="993">
                  <c:v>383</c:v>
                </c:pt>
                <c:pt idx="994">
                  <c:v>384</c:v>
                </c:pt>
                <c:pt idx="995">
                  <c:v>384</c:v>
                </c:pt>
                <c:pt idx="996">
                  <c:v>385</c:v>
                </c:pt>
                <c:pt idx="997">
                  <c:v>385</c:v>
                </c:pt>
                <c:pt idx="998">
                  <c:v>385</c:v>
                </c:pt>
                <c:pt idx="999">
                  <c:v>386</c:v>
                </c:pt>
                <c:pt idx="1000">
                  <c:v>386</c:v>
                </c:pt>
                <c:pt idx="1001">
                  <c:v>387</c:v>
                </c:pt>
                <c:pt idx="1002">
                  <c:v>387</c:v>
                </c:pt>
                <c:pt idx="1003">
                  <c:v>388</c:v>
                </c:pt>
                <c:pt idx="1004">
                  <c:v>388</c:v>
                </c:pt>
                <c:pt idx="1005">
                  <c:v>388</c:v>
                </c:pt>
                <c:pt idx="1006">
                  <c:v>389</c:v>
                </c:pt>
                <c:pt idx="1007">
                  <c:v>389</c:v>
                </c:pt>
                <c:pt idx="1008">
                  <c:v>390</c:v>
                </c:pt>
                <c:pt idx="1009">
                  <c:v>390</c:v>
                </c:pt>
                <c:pt idx="1010">
                  <c:v>390</c:v>
                </c:pt>
                <c:pt idx="1011">
                  <c:v>391</c:v>
                </c:pt>
                <c:pt idx="1012">
                  <c:v>391</c:v>
                </c:pt>
                <c:pt idx="1013">
                  <c:v>392</c:v>
                </c:pt>
                <c:pt idx="1014">
                  <c:v>392</c:v>
                </c:pt>
                <c:pt idx="1015">
                  <c:v>393</c:v>
                </c:pt>
                <c:pt idx="1016">
                  <c:v>393</c:v>
                </c:pt>
                <c:pt idx="1017">
                  <c:v>393</c:v>
                </c:pt>
                <c:pt idx="1018">
                  <c:v>394</c:v>
                </c:pt>
                <c:pt idx="1019">
                  <c:v>394</c:v>
                </c:pt>
                <c:pt idx="1020">
                  <c:v>395</c:v>
                </c:pt>
                <c:pt idx="1021">
                  <c:v>395</c:v>
                </c:pt>
                <c:pt idx="1022">
                  <c:v>395</c:v>
                </c:pt>
                <c:pt idx="1023">
                  <c:v>396</c:v>
                </c:pt>
                <c:pt idx="1024">
                  <c:v>396</c:v>
                </c:pt>
                <c:pt idx="1025">
                  <c:v>397</c:v>
                </c:pt>
                <c:pt idx="1026">
                  <c:v>397</c:v>
                </c:pt>
                <c:pt idx="1027">
                  <c:v>398</c:v>
                </c:pt>
                <c:pt idx="1028">
                  <c:v>398</c:v>
                </c:pt>
                <c:pt idx="1029">
                  <c:v>398</c:v>
                </c:pt>
                <c:pt idx="1030">
                  <c:v>399</c:v>
                </c:pt>
                <c:pt idx="1031">
                  <c:v>399</c:v>
                </c:pt>
                <c:pt idx="1032">
                  <c:v>400</c:v>
                </c:pt>
                <c:pt idx="1033">
                  <c:v>400</c:v>
                </c:pt>
                <c:pt idx="1034">
                  <c:v>400</c:v>
                </c:pt>
                <c:pt idx="1035">
                  <c:v>401</c:v>
                </c:pt>
                <c:pt idx="1036">
                  <c:v>401</c:v>
                </c:pt>
                <c:pt idx="1037">
                  <c:v>402</c:v>
                </c:pt>
                <c:pt idx="1038">
                  <c:v>402</c:v>
                </c:pt>
                <c:pt idx="1039">
                  <c:v>403</c:v>
                </c:pt>
                <c:pt idx="1040">
                  <c:v>403</c:v>
                </c:pt>
                <c:pt idx="1041">
                  <c:v>403</c:v>
                </c:pt>
                <c:pt idx="1042">
                  <c:v>404</c:v>
                </c:pt>
                <c:pt idx="1043">
                  <c:v>404</c:v>
                </c:pt>
                <c:pt idx="1044">
                  <c:v>405</c:v>
                </c:pt>
                <c:pt idx="1045">
                  <c:v>405</c:v>
                </c:pt>
                <c:pt idx="1046">
                  <c:v>405</c:v>
                </c:pt>
                <c:pt idx="1047">
                  <c:v>406</c:v>
                </c:pt>
                <c:pt idx="1048">
                  <c:v>406</c:v>
                </c:pt>
                <c:pt idx="1049">
                  <c:v>407</c:v>
                </c:pt>
                <c:pt idx="1050">
                  <c:v>407</c:v>
                </c:pt>
                <c:pt idx="1051">
                  <c:v>408</c:v>
                </c:pt>
                <c:pt idx="1052">
                  <c:v>408</c:v>
                </c:pt>
                <c:pt idx="1053">
                  <c:v>408</c:v>
                </c:pt>
                <c:pt idx="1054">
                  <c:v>409</c:v>
                </c:pt>
                <c:pt idx="1055">
                  <c:v>409</c:v>
                </c:pt>
                <c:pt idx="1056">
                  <c:v>410</c:v>
                </c:pt>
                <c:pt idx="1057">
                  <c:v>410</c:v>
                </c:pt>
                <c:pt idx="1058">
                  <c:v>410</c:v>
                </c:pt>
                <c:pt idx="1059">
                  <c:v>411</c:v>
                </c:pt>
                <c:pt idx="1060">
                  <c:v>411</c:v>
                </c:pt>
                <c:pt idx="1061">
                  <c:v>412</c:v>
                </c:pt>
                <c:pt idx="1062">
                  <c:v>412</c:v>
                </c:pt>
                <c:pt idx="1063">
                  <c:v>413</c:v>
                </c:pt>
                <c:pt idx="1064">
                  <c:v>413</c:v>
                </c:pt>
                <c:pt idx="1065">
                  <c:v>413</c:v>
                </c:pt>
                <c:pt idx="1066">
                  <c:v>414</c:v>
                </c:pt>
                <c:pt idx="1067">
                  <c:v>414</c:v>
                </c:pt>
                <c:pt idx="1068">
                  <c:v>415</c:v>
                </c:pt>
                <c:pt idx="1069">
                  <c:v>415</c:v>
                </c:pt>
                <c:pt idx="1070">
                  <c:v>415</c:v>
                </c:pt>
                <c:pt idx="1071">
                  <c:v>416</c:v>
                </c:pt>
                <c:pt idx="1072">
                  <c:v>416</c:v>
                </c:pt>
                <c:pt idx="1073">
                  <c:v>417</c:v>
                </c:pt>
                <c:pt idx="1074">
                  <c:v>417</c:v>
                </c:pt>
                <c:pt idx="1075">
                  <c:v>418</c:v>
                </c:pt>
                <c:pt idx="1076">
                  <c:v>418</c:v>
                </c:pt>
                <c:pt idx="1077">
                  <c:v>418</c:v>
                </c:pt>
                <c:pt idx="1078">
                  <c:v>419</c:v>
                </c:pt>
                <c:pt idx="1079">
                  <c:v>419</c:v>
                </c:pt>
                <c:pt idx="1080">
                  <c:v>420</c:v>
                </c:pt>
                <c:pt idx="1081">
                  <c:v>420</c:v>
                </c:pt>
                <c:pt idx="1082">
                  <c:v>420</c:v>
                </c:pt>
                <c:pt idx="1083">
                  <c:v>421</c:v>
                </c:pt>
                <c:pt idx="1084">
                  <c:v>421</c:v>
                </c:pt>
                <c:pt idx="1085">
                  <c:v>422</c:v>
                </c:pt>
                <c:pt idx="1086">
                  <c:v>422</c:v>
                </c:pt>
                <c:pt idx="1087">
                  <c:v>423</c:v>
                </c:pt>
                <c:pt idx="1088">
                  <c:v>423</c:v>
                </c:pt>
                <c:pt idx="1089">
                  <c:v>423</c:v>
                </c:pt>
                <c:pt idx="1090">
                  <c:v>424</c:v>
                </c:pt>
                <c:pt idx="1091">
                  <c:v>424</c:v>
                </c:pt>
                <c:pt idx="1092">
                  <c:v>425</c:v>
                </c:pt>
                <c:pt idx="1093">
                  <c:v>425</c:v>
                </c:pt>
                <c:pt idx="1094">
                  <c:v>425</c:v>
                </c:pt>
                <c:pt idx="1095">
                  <c:v>426</c:v>
                </c:pt>
                <c:pt idx="1096">
                  <c:v>426</c:v>
                </c:pt>
                <c:pt idx="1097">
                  <c:v>427</c:v>
                </c:pt>
                <c:pt idx="1098">
                  <c:v>427</c:v>
                </c:pt>
                <c:pt idx="1099">
                  <c:v>428</c:v>
                </c:pt>
                <c:pt idx="1100">
                  <c:v>428</c:v>
                </c:pt>
                <c:pt idx="1101">
                  <c:v>428</c:v>
                </c:pt>
                <c:pt idx="1102">
                  <c:v>429</c:v>
                </c:pt>
                <c:pt idx="1103">
                  <c:v>429</c:v>
                </c:pt>
                <c:pt idx="1104">
                  <c:v>430</c:v>
                </c:pt>
                <c:pt idx="1105">
                  <c:v>430</c:v>
                </c:pt>
                <c:pt idx="1106">
                  <c:v>430</c:v>
                </c:pt>
                <c:pt idx="1107">
                  <c:v>431</c:v>
                </c:pt>
                <c:pt idx="1108">
                  <c:v>431</c:v>
                </c:pt>
                <c:pt idx="1109">
                  <c:v>432</c:v>
                </c:pt>
                <c:pt idx="1110">
                  <c:v>432</c:v>
                </c:pt>
                <c:pt idx="1111">
                  <c:v>433</c:v>
                </c:pt>
                <c:pt idx="1112">
                  <c:v>433</c:v>
                </c:pt>
                <c:pt idx="1113">
                  <c:v>433</c:v>
                </c:pt>
                <c:pt idx="1114">
                  <c:v>434</c:v>
                </c:pt>
                <c:pt idx="1115">
                  <c:v>434</c:v>
                </c:pt>
                <c:pt idx="1116">
                  <c:v>435</c:v>
                </c:pt>
                <c:pt idx="1117">
                  <c:v>435</c:v>
                </c:pt>
                <c:pt idx="1118">
                  <c:v>435</c:v>
                </c:pt>
                <c:pt idx="1119">
                  <c:v>436</c:v>
                </c:pt>
                <c:pt idx="1120">
                  <c:v>436</c:v>
                </c:pt>
                <c:pt idx="1121">
                  <c:v>437</c:v>
                </c:pt>
                <c:pt idx="1122">
                  <c:v>437</c:v>
                </c:pt>
                <c:pt idx="1123">
                  <c:v>438</c:v>
                </c:pt>
                <c:pt idx="1124">
                  <c:v>438</c:v>
                </c:pt>
                <c:pt idx="1125">
                  <c:v>438</c:v>
                </c:pt>
                <c:pt idx="1126">
                  <c:v>439</c:v>
                </c:pt>
                <c:pt idx="1127">
                  <c:v>439</c:v>
                </c:pt>
                <c:pt idx="1128">
                  <c:v>440</c:v>
                </c:pt>
                <c:pt idx="1129">
                  <c:v>440</c:v>
                </c:pt>
                <c:pt idx="1130">
                  <c:v>440</c:v>
                </c:pt>
                <c:pt idx="1131">
                  <c:v>441</c:v>
                </c:pt>
                <c:pt idx="1132">
                  <c:v>441</c:v>
                </c:pt>
                <c:pt idx="1133">
                  <c:v>442</c:v>
                </c:pt>
                <c:pt idx="1134">
                  <c:v>442</c:v>
                </c:pt>
                <c:pt idx="1135">
                  <c:v>443</c:v>
                </c:pt>
                <c:pt idx="1136">
                  <c:v>443</c:v>
                </c:pt>
                <c:pt idx="1137">
                  <c:v>443</c:v>
                </c:pt>
                <c:pt idx="1138">
                  <c:v>444</c:v>
                </c:pt>
                <c:pt idx="1139">
                  <c:v>444</c:v>
                </c:pt>
                <c:pt idx="1140">
                  <c:v>445</c:v>
                </c:pt>
                <c:pt idx="1141">
                  <c:v>445</c:v>
                </c:pt>
                <c:pt idx="1142">
                  <c:v>445</c:v>
                </c:pt>
                <c:pt idx="1143">
                  <c:v>446</c:v>
                </c:pt>
                <c:pt idx="1144">
                  <c:v>446</c:v>
                </c:pt>
                <c:pt idx="1145">
                  <c:v>447</c:v>
                </c:pt>
                <c:pt idx="1146">
                  <c:v>447</c:v>
                </c:pt>
                <c:pt idx="1147">
                  <c:v>448</c:v>
                </c:pt>
                <c:pt idx="1148">
                  <c:v>448</c:v>
                </c:pt>
                <c:pt idx="1149">
                  <c:v>448</c:v>
                </c:pt>
                <c:pt idx="1150">
                  <c:v>449</c:v>
                </c:pt>
                <c:pt idx="1151">
                  <c:v>449</c:v>
                </c:pt>
                <c:pt idx="1152">
                  <c:v>450</c:v>
                </c:pt>
                <c:pt idx="1153">
                  <c:v>450</c:v>
                </c:pt>
                <c:pt idx="1154">
                  <c:v>450</c:v>
                </c:pt>
                <c:pt idx="1155">
                  <c:v>451</c:v>
                </c:pt>
                <c:pt idx="1156">
                  <c:v>451</c:v>
                </c:pt>
                <c:pt idx="1157">
                  <c:v>452</c:v>
                </c:pt>
                <c:pt idx="1158">
                  <c:v>452</c:v>
                </c:pt>
                <c:pt idx="1159">
                  <c:v>453</c:v>
                </c:pt>
                <c:pt idx="1160">
                  <c:v>453</c:v>
                </c:pt>
                <c:pt idx="1161">
                  <c:v>453</c:v>
                </c:pt>
                <c:pt idx="1162">
                  <c:v>454</c:v>
                </c:pt>
                <c:pt idx="1163">
                  <c:v>454</c:v>
                </c:pt>
                <c:pt idx="1164">
                  <c:v>455</c:v>
                </c:pt>
                <c:pt idx="1165">
                  <c:v>455</c:v>
                </c:pt>
                <c:pt idx="1166">
                  <c:v>455</c:v>
                </c:pt>
                <c:pt idx="1167">
                  <c:v>456</c:v>
                </c:pt>
                <c:pt idx="1168">
                  <c:v>456</c:v>
                </c:pt>
                <c:pt idx="1169">
                  <c:v>457</c:v>
                </c:pt>
                <c:pt idx="1170">
                  <c:v>457</c:v>
                </c:pt>
                <c:pt idx="1171">
                  <c:v>458</c:v>
                </c:pt>
                <c:pt idx="1172">
                  <c:v>458</c:v>
                </c:pt>
                <c:pt idx="1173">
                  <c:v>458</c:v>
                </c:pt>
                <c:pt idx="1174">
                  <c:v>459</c:v>
                </c:pt>
                <c:pt idx="1175">
                  <c:v>459</c:v>
                </c:pt>
                <c:pt idx="1176">
                  <c:v>460</c:v>
                </c:pt>
                <c:pt idx="1177">
                  <c:v>460</c:v>
                </c:pt>
                <c:pt idx="1178">
                  <c:v>460</c:v>
                </c:pt>
                <c:pt idx="1179">
                  <c:v>461</c:v>
                </c:pt>
                <c:pt idx="1180">
                  <c:v>461</c:v>
                </c:pt>
                <c:pt idx="1181">
                  <c:v>462</c:v>
                </c:pt>
                <c:pt idx="1182">
                  <c:v>462</c:v>
                </c:pt>
                <c:pt idx="1183">
                  <c:v>463</c:v>
                </c:pt>
                <c:pt idx="1184">
                  <c:v>463</c:v>
                </c:pt>
                <c:pt idx="1185">
                  <c:v>463</c:v>
                </c:pt>
                <c:pt idx="1186">
                  <c:v>464</c:v>
                </c:pt>
                <c:pt idx="1187">
                  <c:v>464</c:v>
                </c:pt>
                <c:pt idx="1188">
                  <c:v>465</c:v>
                </c:pt>
                <c:pt idx="1189">
                  <c:v>465</c:v>
                </c:pt>
                <c:pt idx="1190">
                  <c:v>465</c:v>
                </c:pt>
                <c:pt idx="1191">
                  <c:v>466</c:v>
                </c:pt>
                <c:pt idx="1192">
                  <c:v>466</c:v>
                </c:pt>
                <c:pt idx="1193">
                  <c:v>467</c:v>
                </c:pt>
                <c:pt idx="1194">
                  <c:v>467</c:v>
                </c:pt>
                <c:pt idx="1195">
                  <c:v>468</c:v>
                </c:pt>
                <c:pt idx="1196">
                  <c:v>468</c:v>
                </c:pt>
                <c:pt idx="1197">
                  <c:v>468</c:v>
                </c:pt>
                <c:pt idx="1198">
                  <c:v>469</c:v>
                </c:pt>
                <c:pt idx="1199">
                  <c:v>469</c:v>
                </c:pt>
                <c:pt idx="1200">
                  <c:v>470</c:v>
                </c:pt>
                <c:pt idx="1201">
                  <c:v>470</c:v>
                </c:pt>
                <c:pt idx="1202">
                  <c:v>470</c:v>
                </c:pt>
                <c:pt idx="1203">
                  <c:v>471</c:v>
                </c:pt>
                <c:pt idx="1204">
                  <c:v>471</c:v>
                </c:pt>
                <c:pt idx="1205">
                  <c:v>472</c:v>
                </c:pt>
                <c:pt idx="1206">
                  <c:v>472</c:v>
                </c:pt>
                <c:pt idx="1207">
                  <c:v>473</c:v>
                </c:pt>
                <c:pt idx="1208">
                  <c:v>473</c:v>
                </c:pt>
                <c:pt idx="1209">
                  <c:v>473</c:v>
                </c:pt>
                <c:pt idx="1210">
                  <c:v>474</c:v>
                </c:pt>
                <c:pt idx="1211">
                  <c:v>474</c:v>
                </c:pt>
                <c:pt idx="1212">
                  <c:v>475</c:v>
                </c:pt>
                <c:pt idx="1213">
                  <c:v>475</c:v>
                </c:pt>
                <c:pt idx="1214">
                  <c:v>475</c:v>
                </c:pt>
                <c:pt idx="1215">
                  <c:v>476</c:v>
                </c:pt>
                <c:pt idx="1216">
                  <c:v>476</c:v>
                </c:pt>
                <c:pt idx="1217">
                  <c:v>477</c:v>
                </c:pt>
                <c:pt idx="1218">
                  <c:v>477</c:v>
                </c:pt>
                <c:pt idx="1219">
                  <c:v>478</c:v>
                </c:pt>
                <c:pt idx="1220">
                  <c:v>478</c:v>
                </c:pt>
                <c:pt idx="1221">
                  <c:v>478</c:v>
                </c:pt>
                <c:pt idx="1222">
                  <c:v>479</c:v>
                </c:pt>
                <c:pt idx="1223">
                  <c:v>479</c:v>
                </c:pt>
                <c:pt idx="1224">
                  <c:v>480</c:v>
                </c:pt>
                <c:pt idx="1225">
                  <c:v>480</c:v>
                </c:pt>
                <c:pt idx="1226">
                  <c:v>480</c:v>
                </c:pt>
                <c:pt idx="1227">
                  <c:v>481</c:v>
                </c:pt>
                <c:pt idx="1228">
                  <c:v>481</c:v>
                </c:pt>
                <c:pt idx="1229">
                  <c:v>482</c:v>
                </c:pt>
                <c:pt idx="1230">
                  <c:v>482</c:v>
                </c:pt>
                <c:pt idx="1231">
                  <c:v>483</c:v>
                </c:pt>
                <c:pt idx="1232">
                  <c:v>483</c:v>
                </c:pt>
                <c:pt idx="1233">
                  <c:v>483</c:v>
                </c:pt>
                <c:pt idx="1234">
                  <c:v>484</c:v>
                </c:pt>
                <c:pt idx="1235">
                  <c:v>484</c:v>
                </c:pt>
                <c:pt idx="1236">
                  <c:v>485</c:v>
                </c:pt>
                <c:pt idx="1237">
                  <c:v>485</c:v>
                </c:pt>
                <c:pt idx="1238">
                  <c:v>485</c:v>
                </c:pt>
                <c:pt idx="1239">
                  <c:v>486</c:v>
                </c:pt>
                <c:pt idx="1240">
                  <c:v>486</c:v>
                </c:pt>
                <c:pt idx="1241">
                  <c:v>487</c:v>
                </c:pt>
                <c:pt idx="1242">
                  <c:v>487</c:v>
                </c:pt>
                <c:pt idx="1243">
                  <c:v>488</c:v>
                </c:pt>
                <c:pt idx="1244">
                  <c:v>488</c:v>
                </c:pt>
                <c:pt idx="1245">
                  <c:v>488</c:v>
                </c:pt>
                <c:pt idx="1246">
                  <c:v>489</c:v>
                </c:pt>
                <c:pt idx="1247">
                  <c:v>489</c:v>
                </c:pt>
                <c:pt idx="1248">
                  <c:v>490</c:v>
                </c:pt>
                <c:pt idx="1249">
                  <c:v>490</c:v>
                </c:pt>
                <c:pt idx="1250">
                  <c:v>490</c:v>
                </c:pt>
                <c:pt idx="1251">
                  <c:v>491</c:v>
                </c:pt>
                <c:pt idx="1252">
                  <c:v>491</c:v>
                </c:pt>
                <c:pt idx="1253">
                  <c:v>492</c:v>
                </c:pt>
                <c:pt idx="1254">
                  <c:v>492</c:v>
                </c:pt>
                <c:pt idx="1255">
                  <c:v>493</c:v>
                </c:pt>
                <c:pt idx="1256">
                  <c:v>493</c:v>
                </c:pt>
                <c:pt idx="1257">
                  <c:v>493</c:v>
                </c:pt>
                <c:pt idx="1258">
                  <c:v>494</c:v>
                </c:pt>
                <c:pt idx="1259">
                  <c:v>494</c:v>
                </c:pt>
                <c:pt idx="1260">
                  <c:v>495</c:v>
                </c:pt>
                <c:pt idx="1261">
                  <c:v>495</c:v>
                </c:pt>
                <c:pt idx="1262">
                  <c:v>495</c:v>
                </c:pt>
                <c:pt idx="1263">
                  <c:v>496</c:v>
                </c:pt>
                <c:pt idx="1264">
                  <c:v>496</c:v>
                </c:pt>
                <c:pt idx="1265">
                  <c:v>497</c:v>
                </c:pt>
                <c:pt idx="1266">
                  <c:v>497</c:v>
                </c:pt>
                <c:pt idx="1267">
                  <c:v>498</c:v>
                </c:pt>
                <c:pt idx="1268">
                  <c:v>498</c:v>
                </c:pt>
                <c:pt idx="1269">
                  <c:v>498</c:v>
                </c:pt>
                <c:pt idx="1270">
                  <c:v>499</c:v>
                </c:pt>
                <c:pt idx="1271">
                  <c:v>499</c:v>
                </c:pt>
                <c:pt idx="1272">
                  <c:v>500</c:v>
                </c:pt>
                <c:pt idx="1273">
                  <c:v>500</c:v>
                </c:pt>
                <c:pt idx="1274">
                  <c:v>500</c:v>
                </c:pt>
                <c:pt idx="1275">
                  <c:v>501</c:v>
                </c:pt>
                <c:pt idx="1276">
                  <c:v>501</c:v>
                </c:pt>
                <c:pt idx="1277">
                  <c:v>502</c:v>
                </c:pt>
                <c:pt idx="1278">
                  <c:v>502</c:v>
                </c:pt>
                <c:pt idx="1279">
                  <c:v>503</c:v>
                </c:pt>
                <c:pt idx="1280">
                  <c:v>503</c:v>
                </c:pt>
                <c:pt idx="1281">
                  <c:v>503</c:v>
                </c:pt>
                <c:pt idx="1282">
                  <c:v>504</c:v>
                </c:pt>
                <c:pt idx="1283">
                  <c:v>504</c:v>
                </c:pt>
                <c:pt idx="1284">
                  <c:v>505</c:v>
                </c:pt>
                <c:pt idx="1285">
                  <c:v>505</c:v>
                </c:pt>
                <c:pt idx="1286">
                  <c:v>505</c:v>
                </c:pt>
                <c:pt idx="1287">
                  <c:v>506</c:v>
                </c:pt>
                <c:pt idx="1288">
                  <c:v>506</c:v>
                </c:pt>
                <c:pt idx="1289">
                  <c:v>507</c:v>
                </c:pt>
                <c:pt idx="1290">
                  <c:v>507</c:v>
                </c:pt>
                <c:pt idx="1291">
                  <c:v>508</c:v>
                </c:pt>
                <c:pt idx="1292">
                  <c:v>508</c:v>
                </c:pt>
                <c:pt idx="1293">
                  <c:v>508</c:v>
                </c:pt>
                <c:pt idx="1294">
                  <c:v>509</c:v>
                </c:pt>
                <c:pt idx="1295">
                  <c:v>509</c:v>
                </c:pt>
                <c:pt idx="1296">
                  <c:v>510</c:v>
                </c:pt>
                <c:pt idx="1297">
                  <c:v>510</c:v>
                </c:pt>
                <c:pt idx="1298">
                  <c:v>510</c:v>
                </c:pt>
                <c:pt idx="1299">
                  <c:v>511</c:v>
                </c:pt>
                <c:pt idx="1300">
                  <c:v>511</c:v>
                </c:pt>
                <c:pt idx="1301">
                  <c:v>512</c:v>
                </c:pt>
                <c:pt idx="1302">
                  <c:v>512</c:v>
                </c:pt>
                <c:pt idx="1303">
                  <c:v>513</c:v>
                </c:pt>
                <c:pt idx="1304">
                  <c:v>513</c:v>
                </c:pt>
                <c:pt idx="1305">
                  <c:v>513</c:v>
                </c:pt>
                <c:pt idx="1306">
                  <c:v>514</c:v>
                </c:pt>
                <c:pt idx="1307">
                  <c:v>514</c:v>
                </c:pt>
                <c:pt idx="1308">
                  <c:v>515</c:v>
                </c:pt>
                <c:pt idx="1309">
                  <c:v>515</c:v>
                </c:pt>
                <c:pt idx="1310">
                  <c:v>515</c:v>
                </c:pt>
                <c:pt idx="1311">
                  <c:v>516</c:v>
                </c:pt>
                <c:pt idx="1312">
                  <c:v>516</c:v>
                </c:pt>
                <c:pt idx="1313">
                  <c:v>517</c:v>
                </c:pt>
                <c:pt idx="1314">
                  <c:v>517</c:v>
                </c:pt>
                <c:pt idx="1315">
                  <c:v>518</c:v>
                </c:pt>
                <c:pt idx="1316">
                  <c:v>518</c:v>
                </c:pt>
                <c:pt idx="1317">
                  <c:v>518</c:v>
                </c:pt>
                <c:pt idx="1318">
                  <c:v>519</c:v>
                </c:pt>
                <c:pt idx="1319">
                  <c:v>519</c:v>
                </c:pt>
                <c:pt idx="1320">
                  <c:v>520</c:v>
                </c:pt>
                <c:pt idx="1321">
                  <c:v>520</c:v>
                </c:pt>
                <c:pt idx="1322">
                  <c:v>520</c:v>
                </c:pt>
                <c:pt idx="1323">
                  <c:v>521</c:v>
                </c:pt>
                <c:pt idx="1324">
                  <c:v>521</c:v>
                </c:pt>
                <c:pt idx="1325">
                  <c:v>522</c:v>
                </c:pt>
                <c:pt idx="1326">
                  <c:v>522</c:v>
                </c:pt>
                <c:pt idx="1327">
                  <c:v>523</c:v>
                </c:pt>
                <c:pt idx="1328">
                  <c:v>523</c:v>
                </c:pt>
                <c:pt idx="1329">
                  <c:v>523</c:v>
                </c:pt>
                <c:pt idx="1330">
                  <c:v>524</c:v>
                </c:pt>
                <c:pt idx="1331">
                  <c:v>524</c:v>
                </c:pt>
                <c:pt idx="1332">
                  <c:v>525</c:v>
                </c:pt>
                <c:pt idx="1333">
                  <c:v>525</c:v>
                </c:pt>
                <c:pt idx="1334">
                  <c:v>525</c:v>
                </c:pt>
                <c:pt idx="1335">
                  <c:v>526</c:v>
                </c:pt>
                <c:pt idx="1336">
                  <c:v>526</c:v>
                </c:pt>
                <c:pt idx="1337">
                  <c:v>527</c:v>
                </c:pt>
                <c:pt idx="1338">
                  <c:v>527</c:v>
                </c:pt>
                <c:pt idx="1339">
                  <c:v>528</c:v>
                </c:pt>
                <c:pt idx="1340">
                  <c:v>528</c:v>
                </c:pt>
                <c:pt idx="1341">
                  <c:v>528</c:v>
                </c:pt>
                <c:pt idx="1342">
                  <c:v>529</c:v>
                </c:pt>
                <c:pt idx="1343">
                  <c:v>529</c:v>
                </c:pt>
                <c:pt idx="1344">
                  <c:v>530</c:v>
                </c:pt>
                <c:pt idx="1345">
                  <c:v>530</c:v>
                </c:pt>
                <c:pt idx="1346">
                  <c:v>530</c:v>
                </c:pt>
                <c:pt idx="1347">
                  <c:v>531</c:v>
                </c:pt>
                <c:pt idx="1348">
                  <c:v>531</c:v>
                </c:pt>
                <c:pt idx="1349">
                  <c:v>532</c:v>
                </c:pt>
                <c:pt idx="1350">
                  <c:v>532</c:v>
                </c:pt>
                <c:pt idx="1351">
                  <c:v>533</c:v>
                </c:pt>
                <c:pt idx="1352">
                  <c:v>533</c:v>
                </c:pt>
                <c:pt idx="1353">
                  <c:v>533</c:v>
                </c:pt>
                <c:pt idx="1354">
                  <c:v>534</c:v>
                </c:pt>
                <c:pt idx="1355">
                  <c:v>534</c:v>
                </c:pt>
                <c:pt idx="1356">
                  <c:v>535</c:v>
                </c:pt>
                <c:pt idx="1357">
                  <c:v>535</c:v>
                </c:pt>
                <c:pt idx="1358">
                  <c:v>535</c:v>
                </c:pt>
                <c:pt idx="1359">
                  <c:v>536</c:v>
                </c:pt>
                <c:pt idx="1360">
                  <c:v>536</c:v>
                </c:pt>
                <c:pt idx="1361">
                  <c:v>537</c:v>
                </c:pt>
                <c:pt idx="1362">
                  <c:v>537</c:v>
                </c:pt>
                <c:pt idx="1363">
                  <c:v>538</c:v>
                </c:pt>
                <c:pt idx="1364">
                  <c:v>538</c:v>
                </c:pt>
                <c:pt idx="1365">
                  <c:v>538</c:v>
                </c:pt>
                <c:pt idx="1366">
                  <c:v>539</c:v>
                </c:pt>
                <c:pt idx="1367">
                  <c:v>539</c:v>
                </c:pt>
                <c:pt idx="1368">
                  <c:v>540</c:v>
                </c:pt>
                <c:pt idx="1369">
                  <c:v>540</c:v>
                </c:pt>
                <c:pt idx="1370">
                  <c:v>540</c:v>
                </c:pt>
                <c:pt idx="1371">
                  <c:v>541</c:v>
                </c:pt>
                <c:pt idx="1372">
                  <c:v>541</c:v>
                </c:pt>
                <c:pt idx="1373">
                  <c:v>542</c:v>
                </c:pt>
                <c:pt idx="1374">
                  <c:v>542</c:v>
                </c:pt>
                <c:pt idx="1375">
                  <c:v>543</c:v>
                </c:pt>
                <c:pt idx="1376">
                  <c:v>543</c:v>
                </c:pt>
                <c:pt idx="1377">
                  <c:v>543</c:v>
                </c:pt>
                <c:pt idx="1378">
                  <c:v>544</c:v>
                </c:pt>
                <c:pt idx="1379">
                  <c:v>544</c:v>
                </c:pt>
                <c:pt idx="1380">
                  <c:v>545</c:v>
                </c:pt>
                <c:pt idx="1381">
                  <c:v>545</c:v>
                </c:pt>
                <c:pt idx="1382">
                  <c:v>545</c:v>
                </c:pt>
                <c:pt idx="1383">
                  <c:v>546</c:v>
                </c:pt>
                <c:pt idx="1384">
                  <c:v>546</c:v>
                </c:pt>
                <c:pt idx="1385">
                  <c:v>547</c:v>
                </c:pt>
                <c:pt idx="1386">
                  <c:v>547</c:v>
                </c:pt>
                <c:pt idx="1387">
                  <c:v>548</c:v>
                </c:pt>
                <c:pt idx="1388">
                  <c:v>548</c:v>
                </c:pt>
                <c:pt idx="1389">
                  <c:v>548</c:v>
                </c:pt>
                <c:pt idx="1390">
                  <c:v>549</c:v>
                </c:pt>
                <c:pt idx="1391">
                  <c:v>549</c:v>
                </c:pt>
                <c:pt idx="1392">
                  <c:v>550</c:v>
                </c:pt>
                <c:pt idx="1393">
                  <c:v>550</c:v>
                </c:pt>
                <c:pt idx="1394">
                  <c:v>550</c:v>
                </c:pt>
                <c:pt idx="1395">
                  <c:v>551</c:v>
                </c:pt>
                <c:pt idx="1396">
                  <c:v>551</c:v>
                </c:pt>
                <c:pt idx="1397">
                  <c:v>552</c:v>
                </c:pt>
                <c:pt idx="1398">
                  <c:v>552</c:v>
                </c:pt>
                <c:pt idx="1399">
                  <c:v>553</c:v>
                </c:pt>
                <c:pt idx="1400">
                  <c:v>553</c:v>
                </c:pt>
                <c:pt idx="1401">
                  <c:v>553</c:v>
                </c:pt>
                <c:pt idx="1402">
                  <c:v>554</c:v>
                </c:pt>
                <c:pt idx="1403">
                  <c:v>554</c:v>
                </c:pt>
                <c:pt idx="1404">
                  <c:v>555</c:v>
                </c:pt>
                <c:pt idx="1405">
                  <c:v>555</c:v>
                </c:pt>
                <c:pt idx="1406">
                  <c:v>555</c:v>
                </c:pt>
                <c:pt idx="1407">
                  <c:v>556</c:v>
                </c:pt>
                <c:pt idx="1408">
                  <c:v>556</c:v>
                </c:pt>
                <c:pt idx="1409">
                  <c:v>557</c:v>
                </c:pt>
                <c:pt idx="1410">
                  <c:v>557</c:v>
                </c:pt>
                <c:pt idx="1411">
                  <c:v>558</c:v>
                </c:pt>
                <c:pt idx="1412">
                  <c:v>558</c:v>
                </c:pt>
                <c:pt idx="1413">
                  <c:v>558</c:v>
                </c:pt>
                <c:pt idx="1414">
                  <c:v>559</c:v>
                </c:pt>
                <c:pt idx="1415">
                  <c:v>559</c:v>
                </c:pt>
                <c:pt idx="1416">
                  <c:v>560</c:v>
                </c:pt>
                <c:pt idx="1417">
                  <c:v>560</c:v>
                </c:pt>
                <c:pt idx="1418">
                  <c:v>560</c:v>
                </c:pt>
                <c:pt idx="1419">
                  <c:v>561</c:v>
                </c:pt>
                <c:pt idx="1420">
                  <c:v>561</c:v>
                </c:pt>
                <c:pt idx="1421">
                  <c:v>562</c:v>
                </c:pt>
                <c:pt idx="1422">
                  <c:v>562</c:v>
                </c:pt>
                <c:pt idx="1423">
                  <c:v>563</c:v>
                </c:pt>
                <c:pt idx="1424">
                  <c:v>563</c:v>
                </c:pt>
                <c:pt idx="1425">
                  <c:v>563</c:v>
                </c:pt>
                <c:pt idx="1426">
                  <c:v>564</c:v>
                </c:pt>
                <c:pt idx="1427">
                  <c:v>564</c:v>
                </c:pt>
                <c:pt idx="1428">
                  <c:v>565</c:v>
                </c:pt>
                <c:pt idx="1429">
                  <c:v>565</c:v>
                </c:pt>
                <c:pt idx="1430">
                  <c:v>565</c:v>
                </c:pt>
                <c:pt idx="1431">
                  <c:v>566</c:v>
                </c:pt>
                <c:pt idx="1432">
                  <c:v>566</c:v>
                </c:pt>
                <c:pt idx="1433">
                  <c:v>567</c:v>
                </c:pt>
                <c:pt idx="1434">
                  <c:v>567</c:v>
                </c:pt>
                <c:pt idx="1435">
                  <c:v>568</c:v>
                </c:pt>
                <c:pt idx="1436">
                  <c:v>568</c:v>
                </c:pt>
                <c:pt idx="1437">
                  <c:v>568</c:v>
                </c:pt>
                <c:pt idx="1438">
                  <c:v>569</c:v>
                </c:pt>
                <c:pt idx="1439">
                  <c:v>569</c:v>
                </c:pt>
                <c:pt idx="1440">
                  <c:v>570</c:v>
                </c:pt>
                <c:pt idx="1441">
                  <c:v>570</c:v>
                </c:pt>
                <c:pt idx="1442">
                  <c:v>570</c:v>
                </c:pt>
                <c:pt idx="1443">
                  <c:v>571</c:v>
                </c:pt>
                <c:pt idx="1444">
                  <c:v>571</c:v>
                </c:pt>
                <c:pt idx="1445">
                  <c:v>572</c:v>
                </c:pt>
                <c:pt idx="1446">
                  <c:v>572</c:v>
                </c:pt>
                <c:pt idx="1447">
                  <c:v>573</c:v>
                </c:pt>
                <c:pt idx="1448">
                  <c:v>573</c:v>
                </c:pt>
                <c:pt idx="1449">
                  <c:v>573</c:v>
                </c:pt>
                <c:pt idx="1450">
                  <c:v>574</c:v>
                </c:pt>
                <c:pt idx="1451">
                  <c:v>574</c:v>
                </c:pt>
                <c:pt idx="1452">
                  <c:v>575</c:v>
                </c:pt>
                <c:pt idx="1453">
                  <c:v>575</c:v>
                </c:pt>
                <c:pt idx="1454">
                  <c:v>575</c:v>
                </c:pt>
                <c:pt idx="1455">
                  <c:v>576</c:v>
                </c:pt>
                <c:pt idx="1456">
                  <c:v>576</c:v>
                </c:pt>
                <c:pt idx="1457">
                  <c:v>577</c:v>
                </c:pt>
                <c:pt idx="1458">
                  <c:v>577</c:v>
                </c:pt>
                <c:pt idx="1459">
                  <c:v>578</c:v>
                </c:pt>
                <c:pt idx="1460">
                  <c:v>578</c:v>
                </c:pt>
                <c:pt idx="1461">
                  <c:v>578</c:v>
                </c:pt>
                <c:pt idx="1462">
                  <c:v>579</c:v>
                </c:pt>
                <c:pt idx="1463">
                  <c:v>579</c:v>
                </c:pt>
                <c:pt idx="1464">
                  <c:v>580</c:v>
                </c:pt>
                <c:pt idx="1465">
                  <c:v>580</c:v>
                </c:pt>
                <c:pt idx="1466">
                  <c:v>580</c:v>
                </c:pt>
                <c:pt idx="1467">
                  <c:v>581</c:v>
                </c:pt>
                <c:pt idx="1468">
                  <c:v>581</c:v>
                </c:pt>
                <c:pt idx="1469">
                  <c:v>582</c:v>
                </c:pt>
                <c:pt idx="1470">
                  <c:v>582</c:v>
                </c:pt>
                <c:pt idx="1471">
                  <c:v>583</c:v>
                </c:pt>
                <c:pt idx="1472">
                  <c:v>583</c:v>
                </c:pt>
                <c:pt idx="1473">
                  <c:v>583</c:v>
                </c:pt>
                <c:pt idx="1474">
                  <c:v>584</c:v>
                </c:pt>
                <c:pt idx="1475">
                  <c:v>584</c:v>
                </c:pt>
                <c:pt idx="1476">
                  <c:v>585</c:v>
                </c:pt>
                <c:pt idx="1477">
                  <c:v>585</c:v>
                </c:pt>
                <c:pt idx="1478">
                  <c:v>585</c:v>
                </c:pt>
                <c:pt idx="1479">
                  <c:v>586</c:v>
                </c:pt>
                <c:pt idx="1480">
                  <c:v>586</c:v>
                </c:pt>
                <c:pt idx="1481">
                  <c:v>587</c:v>
                </c:pt>
                <c:pt idx="1482">
                  <c:v>587</c:v>
                </c:pt>
                <c:pt idx="1483">
                  <c:v>588</c:v>
                </c:pt>
                <c:pt idx="1484">
                  <c:v>588</c:v>
                </c:pt>
                <c:pt idx="1485">
                  <c:v>588</c:v>
                </c:pt>
                <c:pt idx="1486">
                  <c:v>589</c:v>
                </c:pt>
                <c:pt idx="1487">
                  <c:v>589</c:v>
                </c:pt>
                <c:pt idx="1488">
                  <c:v>590</c:v>
                </c:pt>
                <c:pt idx="1489">
                  <c:v>590</c:v>
                </c:pt>
                <c:pt idx="1490">
                  <c:v>590</c:v>
                </c:pt>
                <c:pt idx="1491">
                  <c:v>591</c:v>
                </c:pt>
                <c:pt idx="1492">
                  <c:v>591</c:v>
                </c:pt>
                <c:pt idx="1493">
                  <c:v>592</c:v>
                </c:pt>
                <c:pt idx="1494">
                  <c:v>592</c:v>
                </c:pt>
                <c:pt idx="1495">
                  <c:v>593</c:v>
                </c:pt>
                <c:pt idx="1496">
                  <c:v>593</c:v>
                </c:pt>
                <c:pt idx="1497">
                  <c:v>593</c:v>
                </c:pt>
                <c:pt idx="1498">
                  <c:v>594</c:v>
                </c:pt>
                <c:pt idx="1499">
                  <c:v>594</c:v>
                </c:pt>
                <c:pt idx="1500">
                  <c:v>595</c:v>
                </c:pt>
                <c:pt idx="1501">
                  <c:v>595</c:v>
                </c:pt>
                <c:pt idx="1502">
                  <c:v>595</c:v>
                </c:pt>
                <c:pt idx="1503">
                  <c:v>596</c:v>
                </c:pt>
                <c:pt idx="1504">
                  <c:v>596</c:v>
                </c:pt>
                <c:pt idx="1505">
                  <c:v>597</c:v>
                </c:pt>
                <c:pt idx="1506">
                  <c:v>597</c:v>
                </c:pt>
                <c:pt idx="1507">
                  <c:v>598</c:v>
                </c:pt>
                <c:pt idx="1508">
                  <c:v>598</c:v>
                </c:pt>
                <c:pt idx="1509">
                  <c:v>598</c:v>
                </c:pt>
                <c:pt idx="1510">
                  <c:v>599</c:v>
                </c:pt>
                <c:pt idx="1511">
                  <c:v>599</c:v>
                </c:pt>
                <c:pt idx="1512">
                  <c:v>600</c:v>
                </c:pt>
                <c:pt idx="1513">
                  <c:v>600</c:v>
                </c:pt>
                <c:pt idx="1514">
                  <c:v>600</c:v>
                </c:pt>
                <c:pt idx="1515">
                  <c:v>601</c:v>
                </c:pt>
                <c:pt idx="1516">
                  <c:v>601</c:v>
                </c:pt>
                <c:pt idx="1517">
                  <c:v>602</c:v>
                </c:pt>
                <c:pt idx="1518">
                  <c:v>602</c:v>
                </c:pt>
                <c:pt idx="1519">
                  <c:v>603</c:v>
                </c:pt>
                <c:pt idx="1520">
                  <c:v>603</c:v>
                </c:pt>
                <c:pt idx="1521">
                  <c:v>603</c:v>
                </c:pt>
                <c:pt idx="1522">
                  <c:v>604</c:v>
                </c:pt>
                <c:pt idx="1523">
                  <c:v>604</c:v>
                </c:pt>
                <c:pt idx="1524">
                  <c:v>605</c:v>
                </c:pt>
                <c:pt idx="1525">
                  <c:v>605</c:v>
                </c:pt>
                <c:pt idx="1526">
                  <c:v>605</c:v>
                </c:pt>
                <c:pt idx="1527">
                  <c:v>606</c:v>
                </c:pt>
                <c:pt idx="1528">
                  <c:v>606</c:v>
                </c:pt>
                <c:pt idx="1529">
                  <c:v>607</c:v>
                </c:pt>
                <c:pt idx="1530">
                  <c:v>607</c:v>
                </c:pt>
                <c:pt idx="1531">
                  <c:v>608</c:v>
                </c:pt>
                <c:pt idx="1532">
                  <c:v>608</c:v>
                </c:pt>
                <c:pt idx="1533">
                  <c:v>608</c:v>
                </c:pt>
                <c:pt idx="1534">
                  <c:v>609</c:v>
                </c:pt>
                <c:pt idx="1535">
                  <c:v>609</c:v>
                </c:pt>
                <c:pt idx="1536">
                  <c:v>610</c:v>
                </c:pt>
                <c:pt idx="1537">
                  <c:v>610</c:v>
                </c:pt>
                <c:pt idx="1538">
                  <c:v>610</c:v>
                </c:pt>
                <c:pt idx="1539">
                  <c:v>611</c:v>
                </c:pt>
                <c:pt idx="1540">
                  <c:v>611</c:v>
                </c:pt>
                <c:pt idx="1541">
                  <c:v>612</c:v>
                </c:pt>
                <c:pt idx="1542">
                  <c:v>612</c:v>
                </c:pt>
                <c:pt idx="1543">
                  <c:v>613</c:v>
                </c:pt>
                <c:pt idx="1544">
                  <c:v>613</c:v>
                </c:pt>
                <c:pt idx="1545">
                  <c:v>613</c:v>
                </c:pt>
                <c:pt idx="1546">
                  <c:v>614</c:v>
                </c:pt>
                <c:pt idx="1547">
                  <c:v>614</c:v>
                </c:pt>
                <c:pt idx="1548">
                  <c:v>615</c:v>
                </c:pt>
                <c:pt idx="1549">
                  <c:v>615</c:v>
                </c:pt>
                <c:pt idx="1550">
                  <c:v>615</c:v>
                </c:pt>
                <c:pt idx="1551">
                  <c:v>616</c:v>
                </c:pt>
                <c:pt idx="1552">
                  <c:v>616</c:v>
                </c:pt>
                <c:pt idx="1553">
                  <c:v>617</c:v>
                </c:pt>
                <c:pt idx="1554">
                  <c:v>617</c:v>
                </c:pt>
                <c:pt idx="1555">
                  <c:v>618</c:v>
                </c:pt>
                <c:pt idx="1556">
                  <c:v>618</c:v>
                </c:pt>
                <c:pt idx="1557">
                  <c:v>618</c:v>
                </c:pt>
                <c:pt idx="1558">
                  <c:v>619</c:v>
                </c:pt>
                <c:pt idx="1559">
                  <c:v>619</c:v>
                </c:pt>
                <c:pt idx="1560">
                  <c:v>620</c:v>
                </c:pt>
                <c:pt idx="1561">
                  <c:v>620</c:v>
                </c:pt>
                <c:pt idx="1562">
                  <c:v>620</c:v>
                </c:pt>
                <c:pt idx="1563">
                  <c:v>621</c:v>
                </c:pt>
                <c:pt idx="1564">
                  <c:v>621</c:v>
                </c:pt>
                <c:pt idx="1565">
                  <c:v>622</c:v>
                </c:pt>
                <c:pt idx="1566">
                  <c:v>622</c:v>
                </c:pt>
                <c:pt idx="1567">
                  <c:v>623</c:v>
                </c:pt>
                <c:pt idx="1568">
                  <c:v>623</c:v>
                </c:pt>
                <c:pt idx="1569">
                  <c:v>623</c:v>
                </c:pt>
                <c:pt idx="1570">
                  <c:v>624</c:v>
                </c:pt>
                <c:pt idx="1571">
                  <c:v>624</c:v>
                </c:pt>
                <c:pt idx="1572">
                  <c:v>625</c:v>
                </c:pt>
                <c:pt idx="1573">
                  <c:v>625</c:v>
                </c:pt>
                <c:pt idx="1574">
                  <c:v>625</c:v>
                </c:pt>
                <c:pt idx="1575">
                  <c:v>626</c:v>
                </c:pt>
                <c:pt idx="1576">
                  <c:v>626</c:v>
                </c:pt>
                <c:pt idx="1577">
                  <c:v>627</c:v>
                </c:pt>
                <c:pt idx="1578">
                  <c:v>627</c:v>
                </c:pt>
                <c:pt idx="1579">
                  <c:v>628</c:v>
                </c:pt>
                <c:pt idx="1580">
                  <c:v>628</c:v>
                </c:pt>
                <c:pt idx="1581">
                  <c:v>628</c:v>
                </c:pt>
                <c:pt idx="1582">
                  <c:v>629</c:v>
                </c:pt>
                <c:pt idx="1583">
                  <c:v>629</c:v>
                </c:pt>
                <c:pt idx="1584">
                  <c:v>630</c:v>
                </c:pt>
                <c:pt idx="1585">
                  <c:v>630</c:v>
                </c:pt>
                <c:pt idx="1586">
                  <c:v>630</c:v>
                </c:pt>
                <c:pt idx="1587">
                  <c:v>631</c:v>
                </c:pt>
                <c:pt idx="1588">
                  <c:v>631</c:v>
                </c:pt>
                <c:pt idx="1589">
                  <c:v>632</c:v>
                </c:pt>
                <c:pt idx="1590">
                  <c:v>632</c:v>
                </c:pt>
                <c:pt idx="1591">
                  <c:v>633</c:v>
                </c:pt>
                <c:pt idx="1592">
                  <c:v>633</c:v>
                </c:pt>
                <c:pt idx="1593">
                  <c:v>633</c:v>
                </c:pt>
                <c:pt idx="1594">
                  <c:v>634</c:v>
                </c:pt>
                <c:pt idx="1595">
                  <c:v>634</c:v>
                </c:pt>
                <c:pt idx="1596">
                  <c:v>635</c:v>
                </c:pt>
                <c:pt idx="1597">
                  <c:v>635</c:v>
                </c:pt>
                <c:pt idx="1598">
                  <c:v>635</c:v>
                </c:pt>
                <c:pt idx="1599">
                  <c:v>636</c:v>
                </c:pt>
                <c:pt idx="1600">
                  <c:v>636</c:v>
                </c:pt>
                <c:pt idx="1601">
                  <c:v>637</c:v>
                </c:pt>
                <c:pt idx="1602">
                  <c:v>637</c:v>
                </c:pt>
                <c:pt idx="1603">
                  <c:v>638</c:v>
                </c:pt>
                <c:pt idx="1604">
                  <c:v>638</c:v>
                </c:pt>
                <c:pt idx="1605">
                  <c:v>638</c:v>
                </c:pt>
                <c:pt idx="1606">
                  <c:v>639</c:v>
                </c:pt>
                <c:pt idx="1607">
                  <c:v>639</c:v>
                </c:pt>
                <c:pt idx="1608">
                  <c:v>640</c:v>
                </c:pt>
                <c:pt idx="1609">
                  <c:v>640</c:v>
                </c:pt>
                <c:pt idx="1610">
                  <c:v>640</c:v>
                </c:pt>
                <c:pt idx="1611">
                  <c:v>641</c:v>
                </c:pt>
                <c:pt idx="1612">
                  <c:v>641</c:v>
                </c:pt>
                <c:pt idx="1613">
                  <c:v>642</c:v>
                </c:pt>
                <c:pt idx="1614">
                  <c:v>642</c:v>
                </c:pt>
                <c:pt idx="1615">
                  <c:v>643</c:v>
                </c:pt>
                <c:pt idx="1616">
                  <c:v>643</c:v>
                </c:pt>
                <c:pt idx="1617">
                  <c:v>643</c:v>
                </c:pt>
                <c:pt idx="1618">
                  <c:v>644</c:v>
                </c:pt>
                <c:pt idx="1619">
                  <c:v>644</c:v>
                </c:pt>
                <c:pt idx="1620">
                  <c:v>645</c:v>
                </c:pt>
                <c:pt idx="1621">
                  <c:v>645</c:v>
                </c:pt>
                <c:pt idx="1622">
                  <c:v>645</c:v>
                </c:pt>
                <c:pt idx="1623">
                  <c:v>646</c:v>
                </c:pt>
                <c:pt idx="1624">
                  <c:v>646</c:v>
                </c:pt>
                <c:pt idx="1625">
                  <c:v>647</c:v>
                </c:pt>
                <c:pt idx="1626">
                  <c:v>647</c:v>
                </c:pt>
                <c:pt idx="1627">
                  <c:v>648</c:v>
                </c:pt>
                <c:pt idx="1628">
                  <c:v>648</c:v>
                </c:pt>
                <c:pt idx="1629">
                  <c:v>648</c:v>
                </c:pt>
                <c:pt idx="1630">
                  <c:v>649</c:v>
                </c:pt>
                <c:pt idx="1631">
                  <c:v>649</c:v>
                </c:pt>
                <c:pt idx="1632">
                  <c:v>650</c:v>
                </c:pt>
                <c:pt idx="1633">
                  <c:v>650</c:v>
                </c:pt>
                <c:pt idx="1634">
                  <c:v>650</c:v>
                </c:pt>
                <c:pt idx="1635">
                  <c:v>651</c:v>
                </c:pt>
                <c:pt idx="1636">
                  <c:v>651</c:v>
                </c:pt>
                <c:pt idx="1637">
                  <c:v>652</c:v>
                </c:pt>
                <c:pt idx="1638">
                  <c:v>652</c:v>
                </c:pt>
                <c:pt idx="1639">
                  <c:v>653</c:v>
                </c:pt>
                <c:pt idx="1640">
                  <c:v>653</c:v>
                </c:pt>
                <c:pt idx="1641">
                  <c:v>653</c:v>
                </c:pt>
                <c:pt idx="1642">
                  <c:v>654</c:v>
                </c:pt>
                <c:pt idx="1643">
                  <c:v>654</c:v>
                </c:pt>
                <c:pt idx="1644">
                  <c:v>655</c:v>
                </c:pt>
                <c:pt idx="1645">
                  <c:v>655</c:v>
                </c:pt>
                <c:pt idx="1646">
                  <c:v>655</c:v>
                </c:pt>
                <c:pt idx="1647">
                  <c:v>656</c:v>
                </c:pt>
                <c:pt idx="1648">
                  <c:v>656</c:v>
                </c:pt>
                <c:pt idx="1649">
                  <c:v>657</c:v>
                </c:pt>
                <c:pt idx="1650">
                  <c:v>657</c:v>
                </c:pt>
                <c:pt idx="1651">
                  <c:v>658</c:v>
                </c:pt>
                <c:pt idx="1652">
                  <c:v>658</c:v>
                </c:pt>
                <c:pt idx="1653">
                  <c:v>658</c:v>
                </c:pt>
                <c:pt idx="1654">
                  <c:v>659</c:v>
                </c:pt>
                <c:pt idx="1655">
                  <c:v>659</c:v>
                </c:pt>
                <c:pt idx="1656">
                  <c:v>660</c:v>
                </c:pt>
                <c:pt idx="1657">
                  <c:v>660</c:v>
                </c:pt>
                <c:pt idx="1658">
                  <c:v>660</c:v>
                </c:pt>
                <c:pt idx="1659">
                  <c:v>661</c:v>
                </c:pt>
                <c:pt idx="1660">
                  <c:v>661</c:v>
                </c:pt>
                <c:pt idx="1661">
                  <c:v>662</c:v>
                </c:pt>
                <c:pt idx="1662">
                  <c:v>662</c:v>
                </c:pt>
                <c:pt idx="1663">
                  <c:v>663</c:v>
                </c:pt>
                <c:pt idx="1664">
                  <c:v>663</c:v>
                </c:pt>
                <c:pt idx="1665">
                  <c:v>663</c:v>
                </c:pt>
                <c:pt idx="1666">
                  <c:v>664</c:v>
                </c:pt>
                <c:pt idx="1667">
                  <c:v>664</c:v>
                </c:pt>
                <c:pt idx="1668">
                  <c:v>665</c:v>
                </c:pt>
                <c:pt idx="1669">
                  <c:v>665</c:v>
                </c:pt>
                <c:pt idx="1670">
                  <c:v>665</c:v>
                </c:pt>
                <c:pt idx="1671">
                  <c:v>666</c:v>
                </c:pt>
                <c:pt idx="1672">
                  <c:v>666</c:v>
                </c:pt>
                <c:pt idx="1673">
                  <c:v>667</c:v>
                </c:pt>
                <c:pt idx="1674">
                  <c:v>667</c:v>
                </c:pt>
                <c:pt idx="1675">
                  <c:v>668</c:v>
                </c:pt>
                <c:pt idx="1676">
                  <c:v>668</c:v>
                </c:pt>
                <c:pt idx="1677">
                  <c:v>668</c:v>
                </c:pt>
                <c:pt idx="1678">
                  <c:v>669</c:v>
                </c:pt>
                <c:pt idx="1679">
                  <c:v>669</c:v>
                </c:pt>
                <c:pt idx="1680">
                  <c:v>670</c:v>
                </c:pt>
                <c:pt idx="1681">
                  <c:v>670</c:v>
                </c:pt>
                <c:pt idx="1682">
                  <c:v>670</c:v>
                </c:pt>
                <c:pt idx="1683">
                  <c:v>671</c:v>
                </c:pt>
                <c:pt idx="1684">
                  <c:v>671</c:v>
                </c:pt>
                <c:pt idx="1685">
                  <c:v>672</c:v>
                </c:pt>
                <c:pt idx="1686">
                  <c:v>672</c:v>
                </c:pt>
                <c:pt idx="1687">
                  <c:v>673</c:v>
                </c:pt>
                <c:pt idx="1688">
                  <c:v>673</c:v>
                </c:pt>
                <c:pt idx="1689">
                  <c:v>673</c:v>
                </c:pt>
                <c:pt idx="1690">
                  <c:v>674</c:v>
                </c:pt>
                <c:pt idx="1691">
                  <c:v>674</c:v>
                </c:pt>
                <c:pt idx="1692">
                  <c:v>675</c:v>
                </c:pt>
                <c:pt idx="1693">
                  <c:v>675</c:v>
                </c:pt>
                <c:pt idx="1694">
                  <c:v>675</c:v>
                </c:pt>
                <c:pt idx="1695">
                  <c:v>676</c:v>
                </c:pt>
                <c:pt idx="1696">
                  <c:v>676</c:v>
                </c:pt>
                <c:pt idx="1697">
                  <c:v>677</c:v>
                </c:pt>
                <c:pt idx="1698">
                  <c:v>677</c:v>
                </c:pt>
                <c:pt idx="1699">
                  <c:v>678</c:v>
                </c:pt>
                <c:pt idx="1700">
                  <c:v>678</c:v>
                </c:pt>
                <c:pt idx="1701">
                  <c:v>678</c:v>
                </c:pt>
                <c:pt idx="1702">
                  <c:v>679</c:v>
                </c:pt>
                <c:pt idx="1703">
                  <c:v>679</c:v>
                </c:pt>
                <c:pt idx="1704">
                  <c:v>680</c:v>
                </c:pt>
                <c:pt idx="1705">
                  <c:v>680</c:v>
                </c:pt>
                <c:pt idx="1706">
                  <c:v>680</c:v>
                </c:pt>
                <c:pt idx="1707">
                  <c:v>681</c:v>
                </c:pt>
                <c:pt idx="1708">
                  <c:v>681</c:v>
                </c:pt>
                <c:pt idx="1709">
                  <c:v>682</c:v>
                </c:pt>
                <c:pt idx="1710">
                  <c:v>682</c:v>
                </c:pt>
                <c:pt idx="1711">
                  <c:v>683</c:v>
                </c:pt>
                <c:pt idx="1712">
                  <c:v>683</c:v>
                </c:pt>
                <c:pt idx="1713">
                  <c:v>683</c:v>
                </c:pt>
                <c:pt idx="1714">
                  <c:v>684</c:v>
                </c:pt>
                <c:pt idx="1715">
                  <c:v>684</c:v>
                </c:pt>
                <c:pt idx="1716">
                  <c:v>685</c:v>
                </c:pt>
                <c:pt idx="1717">
                  <c:v>685</c:v>
                </c:pt>
                <c:pt idx="1718">
                  <c:v>685</c:v>
                </c:pt>
                <c:pt idx="1719">
                  <c:v>686</c:v>
                </c:pt>
                <c:pt idx="1720">
                  <c:v>686</c:v>
                </c:pt>
                <c:pt idx="1721">
                  <c:v>687</c:v>
                </c:pt>
                <c:pt idx="1722">
                  <c:v>687</c:v>
                </c:pt>
                <c:pt idx="1723">
                  <c:v>688</c:v>
                </c:pt>
                <c:pt idx="1724">
                  <c:v>688</c:v>
                </c:pt>
                <c:pt idx="1725">
                  <c:v>688</c:v>
                </c:pt>
                <c:pt idx="1726">
                  <c:v>689</c:v>
                </c:pt>
                <c:pt idx="1727">
                  <c:v>689</c:v>
                </c:pt>
                <c:pt idx="1728">
                  <c:v>690</c:v>
                </c:pt>
                <c:pt idx="1729">
                  <c:v>690</c:v>
                </c:pt>
                <c:pt idx="1730">
                  <c:v>690</c:v>
                </c:pt>
                <c:pt idx="1731">
                  <c:v>691</c:v>
                </c:pt>
                <c:pt idx="1732">
                  <c:v>691</c:v>
                </c:pt>
                <c:pt idx="1733">
                  <c:v>692</c:v>
                </c:pt>
                <c:pt idx="1734">
                  <c:v>692</c:v>
                </c:pt>
                <c:pt idx="1735">
                  <c:v>693</c:v>
                </c:pt>
                <c:pt idx="1736">
                  <c:v>693</c:v>
                </c:pt>
                <c:pt idx="1737">
                  <c:v>693</c:v>
                </c:pt>
                <c:pt idx="1738">
                  <c:v>694</c:v>
                </c:pt>
                <c:pt idx="1739">
                  <c:v>694</c:v>
                </c:pt>
                <c:pt idx="1740">
                  <c:v>695</c:v>
                </c:pt>
                <c:pt idx="1741">
                  <c:v>695</c:v>
                </c:pt>
                <c:pt idx="1742">
                  <c:v>695</c:v>
                </c:pt>
                <c:pt idx="1743">
                  <c:v>696</c:v>
                </c:pt>
                <c:pt idx="1744">
                  <c:v>696</c:v>
                </c:pt>
                <c:pt idx="1745">
                  <c:v>697</c:v>
                </c:pt>
                <c:pt idx="1746">
                  <c:v>697</c:v>
                </c:pt>
                <c:pt idx="1747">
                  <c:v>698</c:v>
                </c:pt>
                <c:pt idx="1748">
                  <c:v>698</c:v>
                </c:pt>
                <c:pt idx="1749">
                  <c:v>698</c:v>
                </c:pt>
                <c:pt idx="1750">
                  <c:v>699</c:v>
                </c:pt>
                <c:pt idx="1751">
                  <c:v>699</c:v>
                </c:pt>
                <c:pt idx="1752">
                  <c:v>700</c:v>
                </c:pt>
                <c:pt idx="1753">
                  <c:v>700</c:v>
                </c:pt>
                <c:pt idx="1754">
                  <c:v>700</c:v>
                </c:pt>
                <c:pt idx="1755">
                  <c:v>701</c:v>
                </c:pt>
                <c:pt idx="1756">
                  <c:v>701</c:v>
                </c:pt>
                <c:pt idx="1757">
                  <c:v>702</c:v>
                </c:pt>
                <c:pt idx="1758">
                  <c:v>702</c:v>
                </c:pt>
                <c:pt idx="1759">
                  <c:v>703</c:v>
                </c:pt>
                <c:pt idx="1760">
                  <c:v>703</c:v>
                </c:pt>
                <c:pt idx="1761">
                  <c:v>703</c:v>
                </c:pt>
                <c:pt idx="1762">
                  <c:v>704</c:v>
                </c:pt>
                <c:pt idx="1763">
                  <c:v>704</c:v>
                </c:pt>
                <c:pt idx="1764">
                  <c:v>705</c:v>
                </c:pt>
                <c:pt idx="1765">
                  <c:v>705</c:v>
                </c:pt>
                <c:pt idx="1766">
                  <c:v>705</c:v>
                </c:pt>
                <c:pt idx="1767">
                  <c:v>706</c:v>
                </c:pt>
                <c:pt idx="1768">
                  <c:v>706</c:v>
                </c:pt>
                <c:pt idx="1769">
                  <c:v>707</c:v>
                </c:pt>
                <c:pt idx="1770">
                  <c:v>707</c:v>
                </c:pt>
                <c:pt idx="1771">
                  <c:v>708</c:v>
                </c:pt>
                <c:pt idx="1772">
                  <c:v>708</c:v>
                </c:pt>
                <c:pt idx="1773">
                  <c:v>708</c:v>
                </c:pt>
                <c:pt idx="1774">
                  <c:v>709</c:v>
                </c:pt>
                <c:pt idx="1775">
                  <c:v>709</c:v>
                </c:pt>
                <c:pt idx="1776">
                  <c:v>710</c:v>
                </c:pt>
                <c:pt idx="1777">
                  <c:v>710</c:v>
                </c:pt>
                <c:pt idx="1778">
                  <c:v>710</c:v>
                </c:pt>
                <c:pt idx="1779">
                  <c:v>711</c:v>
                </c:pt>
                <c:pt idx="1780">
                  <c:v>711</c:v>
                </c:pt>
                <c:pt idx="1781">
                  <c:v>712</c:v>
                </c:pt>
                <c:pt idx="1782">
                  <c:v>712</c:v>
                </c:pt>
                <c:pt idx="1783">
                  <c:v>713</c:v>
                </c:pt>
                <c:pt idx="1784">
                  <c:v>713</c:v>
                </c:pt>
                <c:pt idx="1785">
                  <c:v>713</c:v>
                </c:pt>
                <c:pt idx="1786">
                  <c:v>714</c:v>
                </c:pt>
                <c:pt idx="1787">
                  <c:v>714</c:v>
                </c:pt>
                <c:pt idx="1788">
                  <c:v>715</c:v>
                </c:pt>
                <c:pt idx="1789">
                  <c:v>715</c:v>
                </c:pt>
                <c:pt idx="1790">
                  <c:v>715</c:v>
                </c:pt>
                <c:pt idx="1791">
                  <c:v>716</c:v>
                </c:pt>
                <c:pt idx="1792">
                  <c:v>716</c:v>
                </c:pt>
                <c:pt idx="1793">
                  <c:v>717</c:v>
                </c:pt>
                <c:pt idx="1794">
                  <c:v>717</c:v>
                </c:pt>
                <c:pt idx="1795">
                  <c:v>718</c:v>
                </c:pt>
                <c:pt idx="1796">
                  <c:v>718</c:v>
                </c:pt>
                <c:pt idx="1797">
                  <c:v>718</c:v>
                </c:pt>
                <c:pt idx="1798">
                  <c:v>719</c:v>
                </c:pt>
                <c:pt idx="1799">
                  <c:v>719</c:v>
                </c:pt>
                <c:pt idx="1800">
                  <c:v>720</c:v>
                </c:pt>
                <c:pt idx="1801">
                  <c:v>720</c:v>
                </c:pt>
                <c:pt idx="1802">
                  <c:v>720</c:v>
                </c:pt>
                <c:pt idx="1803">
                  <c:v>721</c:v>
                </c:pt>
                <c:pt idx="1804">
                  <c:v>721</c:v>
                </c:pt>
                <c:pt idx="1805">
                  <c:v>722</c:v>
                </c:pt>
                <c:pt idx="1806">
                  <c:v>722</c:v>
                </c:pt>
                <c:pt idx="1807">
                  <c:v>723</c:v>
                </c:pt>
                <c:pt idx="1808">
                  <c:v>723</c:v>
                </c:pt>
                <c:pt idx="1809">
                  <c:v>723</c:v>
                </c:pt>
                <c:pt idx="1810">
                  <c:v>724</c:v>
                </c:pt>
                <c:pt idx="1811">
                  <c:v>724</c:v>
                </c:pt>
                <c:pt idx="1812">
                  <c:v>725</c:v>
                </c:pt>
                <c:pt idx="1813">
                  <c:v>725</c:v>
                </c:pt>
                <c:pt idx="1814">
                  <c:v>725</c:v>
                </c:pt>
                <c:pt idx="1815">
                  <c:v>726</c:v>
                </c:pt>
                <c:pt idx="1816">
                  <c:v>726</c:v>
                </c:pt>
                <c:pt idx="1817">
                  <c:v>727</c:v>
                </c:pt>
                <c:pt idx="1818">
                  <c:v>727</c:v>
                </c:pt>
                <c:pt idx="1819">
                  <c:v>728</c:v>
                </c:pt>
                <c:pt idx="1820">
                  <c:v>728</c:v>
                </c:pt>
                <c:pt idx="1821">
                  <c:v>728</c:v>
                </c:pt>
                <c:pt idx="1822">
                  <c:v>729</c:v>
                </c:pt>
                <c:pt idx="1823">
                  <c:v>729</c:v>
                </c:pt>
                <c:pt idx="1824">
                  <c:v>730</c:v>
                </c:pt>
                <c:pt idx="1825">
                  <c:v>730</c:v>
                </c:pt>
                <c:pt idx="1826">
                  <c:v>730</c:v>
                </c:pt>
                <c:pt idx="1827">
                  <c:v>731</c:v>
                </c:pt>
                <c:pt idx="1828">
                  <c:v>731</c:v>
                </c:pt>
                <c:pt idx="1829">
                  <c:v>732</c:v>
                </c:pt>
                <c:pt idx="1830">
                  <c:v>732</c:v>
                </c:pt>
                <c:pt idx="1831">
                  <c:v>733</c:v>
                </c:pt>
                <c:pt idx="1832">
                  <c:v>733</c:v>
                </c:pt>
                <c:pt idx="1833">
                  <c:v>733</c:v>
                </c:pt>
                <c:pt idx="1834">
                  <c:v>734</c:v>
                </c:pt>
                <c:pt idx="1835">
                  <c:v>734</c:v>
                </c:pt>
                <c:pt idx="1836">
                  <c:v>735</c:v>
                </c:pt>
                <c:pt idx="1837">
                  <c:v>735</c:v>
                </c:pt>
                <c:pt idx="1838">
                  <c:v>735</c:v>
                </c:pt>
                <c:pt idx="1839">
                  <c:v>736</c:v>
                </c:pt>
                <c:pt idx="1840">
                  <c:v>736</c:v>
                </c:pt>
                <c:pt idx="1841">
                  <c:v>737</c:v>
                </c:pt>
                <c:pt idx="1842">
                  <c:v>737</c:v>
                </c:pt>
                <c:pt idx="1843">
                  <c:v>738</c:v>
                </c:pt>
                <c:pt idx="1844">
                  <c:v>738</c:v>
                </c:pt>
                <c:pt idx="1845">
                  <c:v>738</c:v>
                </c:pt>
                <c:pt idx="1846">
                  <c:v>739</c:v>
                </c:pt>
                <c:pt idx="1847">
                  <c:v>739</c:v>
                </c:pt>
                <c:pt idx="1848">
                  <c:v>740</c:v>
                </c:pt>
                <c:pt idx="1849">
                  <c:v>740</c:v>
                </c:pt>
                <c:pt idx="1850">
                  <c:v>740</c:v>
                </c:pt>
                <c:pt idx="1851">
                  <c:v>741</c:v>
                </c:pt>
                <c:pt idx="1852">
                  <c:v>741</c:v>
                </c:pt>
                <c:pt idx="1853">
                  <c:v>742</c:v>
                </c:pt>
                <c:pt idx="1854">
                  <c:v>742</c:v>
                </c:pt>
                <c:pt idx="1855">
                  <c:v>743</c:v>
                </c:pt>
                <c:pt idx="1856">
                  <c:v>743</c:v>
                </c:pt>
                <c:pt idx="1857">
                  <c:v>743</c:v>
                </c:pt>
                <c:pt idx="1858">
                  <c:v>744</c:v>
                </c:pt>
                <c:pt idx="1859">
                  <c:v>744</c:v>
                </c:pt>
                <c:pt idx="1860">
                  <c:v>745</c:v>
                </c:pt>
                <c:pt idx="1861">
                  <c:v>745</c:v>
                </c:pt>
                <c:pt idx="1862">
                  <c:v>745</c:v>
                </c:pt>
                <c:pt idx="1863">
                  <c:v>746</c:v>
                </c:pt>
                <c:pt idx="1864">
                  <c:v>746</c:v>
                </c:pt>
                <c:pt idx="1865">
                  <c:v>747</c:v>
                </c:pt>
                <c:pt idx="1866">
                  <c:v>747</c:v>
                </c:pt>
                <c:pt idx="1867">
                  <c:v>748</c:v>
                </c:pt>
                <c:pt idx="1868">
                  <c:v>748</c:v>
                </c:pt>
                <c:pt idx="1869">
                  <c:v>748</c:v>
                </c:pt>
                <c:pt idx="1870">
                  <c:v>749</c:v>
                </c:pt>
                <c:pt idx="1871">
                  <c:v>749</c:v>
                </c:pt>
                <c:pt idx="1872">
                  <c:v>750</c:v>
                </c:pt>
                <c:pt idx="1873">
                  <c:v>750</c:v>
                </c:pt>
                <c:pt idx="1874">
                  <c:v>750</c:v>
                </c:pt>
                <c:pt idx="1875">
                  <c:v>751</c:v>
                </c:pt>
                <c:pt idx="1876">
                  <c:v>751</c:v>
                </c:pt>
                <c:pt idx="1877">
                  <c:v>752</c:v>
                </c:pt>
                <c:pt idx="1878">
                  <c:v>752</c:v>
                </c:pt>
                <c:pt idx="1879">
                  <c:v>753</c:v>
                </c:pt>
                <c:pt idx="1880">
                  <c:v>753</c:v>
                </c:pt>
                <c:pt idx="1881">
                  <c:v>753</c:v>
                </c:pt>
                <c:pt idx="1882">
                  <c:v>754</c:v>
                </c:pt>
                <c:pt idx="1883">
                  <c:v>754</c:v>
                </c:pt>
                <c:pt idx="1884">
                  <c:v>755</c:v>
                </c:pt>
                <c:pt idx="1885">
                  <c:v>755</c:v>
                </c:pt>
                <c:pt idx="1886">
                  <c:v>755</c:v>
                </c:pt>
                <c:pt idx="1887">
                  <c:v>756</c:v>
                </c:pt>
                <c:pt idx="1888">
                  <c:v>756</c:v>
                </c:pt>
                <c:pt idx="1889">
                  <c:v>757</c:v>
                </c:pt>
                <c:pt idx="1890">
                  <c:v>757</c:v>
                </c:pt>
                <c:pt idx="1891">
                  <c:v>758</c:v>
                </c:pt>
                <c:pt idx="1892">
                  <c:v>758</c:v>
                </c:pt>
                <c:pt idx="1893">
                  <c:v>758</c:v>
                </c:pt>
                <c:pt idx="1894">
                  <c:v>759</c:v>
                </c:pt>
                <c:pt idx="1895">
                  <c:v>759</c:v>
                </c:pt>
                <c:pt idx="1896">
                  <c:v>760</c:v>
                </c:pt>
                <c:pt idx="1897">
                  <c:v>760</c:v>
                </c:pt>
                <c:pt idx="1898">
                  <c:v>760</c:v>
                </c:pt>
                <c:pt idx="1899">
                  <c:v>761</c:v>
                </c:pt>
                <c:pt idx="1900">
                  <c:v>761</c:v>
                </c:pt>
                <c:pt idx="1901">
                  <c:v>762</c:v>
                </c:pt>
                <c:pt idx="1902">
                  <c:v>762</c:v>
                </c:pt>
                <c:pt idx="1903">
                  <c:v>763</c:v>
                </c:pt>
                <c:pt idx="1904">
                  <c:v>763</c:v>
                </c:pt>
                <c:pt idx="1905">
                  <c:v>763</c:v>
                </c:pt>
                <c:pt idx="1906">
                  <c:v>764</c:v>
                </c:pt>
                <c:pt idx="1907">
                  <c:v>764</c:v>
                </c:pt>
                <c:pt idx="1908">
                  <c:v>765</c:v>
                </c:pt>
                <c:pt idx="1909">
                  <c:v>765</c:v>
                </c:pt>
                <c:pt idx="1910">
                  <c:v>765</c:v>
                </c:pt>
                <c:pt idx="1911">
                  <c:v>766</c:v>
                </c:pt>
                <c:pt idx="1912">
                  <c:v>766</c:v>
                </c:pt>
                <c:pt idx="1913">
                  <c:v>767</c:v>
                </c:pt>
                <c:pt idx="1914">
                  <c:v>767</c:v>
                </c:pt>
                <c:pt idx="1915">
                  <c:v>768</c:v>
                </c:pt>
                <c:pt idx="1916">
                  <c:v>768</c:v>
                </c:pt>
                <c:pt idx="1917">
                  <c:v>768</c:v>
                </c:pt>
                <c:pt idx="1918">
                  <c:v>769</c:v>
                </c:pt>
                <c:pt idx="1919">
                  <c:v>769</c:v>
                </c:pt>
                <c:pt idx="1920">
                  <c:v>770</c:v>
                </c:pt>
                <c:pt idx="1921">
                  <c:v>770</c:v>
                </c:pt>
                <c:pt idx="1922">
                  <c:v>770</c:v>
                </c:pt>
                <c:pt idx="1923">
                  <c:v>771</c:v>
                </c:pt>
                <c:pt idx="1924">
                  <c:v>771</c:v>
                </c:pt>
                <c:pt idx="1925">
                  <c:v>772</c:v>
                </c:pt>
                <c:pt idx="1926">
                  <c:v>772</c:v>
                </c:pt>
                <c:pt idx="1927">
                  <c:v>773</c:v>
                </c:pt>
                <c:pt idx="1928">
                  <c:v>773</c:v>
                </c:pt>
                <c:pt idx="1929">
                  <c:v>773</c:v>
                </c:pt>
                <c:pt idx="1930">
                  <c:v>774</c:v>
                </c:pt>
                <c:pt idx="1931">
                  <c:v>774</c:v>
                </c:pt>
                <c:pt idx="1932">
                  <c:v>775</c:v>
                </c:pt>
                <c:pt idx="1933">
                  <c:v>775</c:v>
                </c:pt>
                <c:pt idx="1934">
                  <c:v>775</c:v>
                </c:pt>
                <c:pt idx="1935">
                  <c:v>776</c:v>
                </c:pt>
                <c:pt idx="1936">
                  <c:v>776</c:v>
                </c:pt>
                <c:pt idx="1937">
                  <c:v>777</c:v>
                </c:pt>
                <c:pt idx="1938">
                  <c:v>777</c:v>
                </c:pt>
                <c:pt idx="1939">
                  <c:v>778</c:v>
                </c:pt>
                <c:pt idx="1940">
                  <c:v>778</c:v>
                </c:pt>
                <c:pt idx="1941">
                  <c:v>778</c:v>
                </c:pt>
                <c:pt idx="1942">
                  <c:v>779</c:v>
                </c:pt>
                <c:pt idx="1943">
                  <c:v>779</c:v>
                </c:pt>
                <c:pt idx="1944">
                  <c:v>780</c:v>
                </c:pt>
                <c:pt idx="1945">
                  <c:v>780</c:v>
                </c:pt>
                <c:pt idx="1946">
                  <c:v>780</c:v>
                </c:pt>
                <c:pt idx="1947">
                  <c:v>781</c:v>
                </c:pt>
                <c:pt idx="1948">
                  <c:v>781</c:v>
                </c:pt>
                <c:pt idx="1949">
                  <c:v>782</c:v>
                </c:pt>
                <c:pt idx="1950">
                  <c:v>782</c:v>
                </c:pt>
                <c:pt idx="1951">
                  <c:v>783</c:v>
                </c:pt>
                <c:pt idx="1952">
                  <c:v>783</c:v>
                </c:pt>
                <c:pt idx="1953">
                  <c:v>783</c:v>
                </c:pt>
                <c:pt idx="1954">
                  <c:v>784</c:v>
                </c:pt>
                <c:pt idx="1955">
                  <c:v>784</c:v>
                </c:pt>
                <c:pt idx="1956">
                  <c:v>785</c:v>
                </c:pt>
                <c:pt idx="1957">
                  <c:v>785</c:v>
                </c:pt>
                <c:pt idx="1958">
                  <c:v>785</c:v>
                </c:pt>
                <c:pt idx="1959">
                  <c:v>786</c:v>
                </c:pt>
                <c:pt idx="1960">
                  <c:v>786</c:v>
                </c:pt>
                <c:pt idx="1961">
                  <c:v>787</c:v>
                </c:pt>
                <c:pt idx="1962">
                  <c:v>787</c:v>
                </c:pt>
                <c:pt idx="1963">
                  <c:v>788</c:v>
                </c:pt>
                <c:pt idx="1964">
                  <c:v>788</c:v>
                </c:pt>
                <c:pt idx="1965">
                  <c:v>788</c:v>
                </c:pt>
                <c:pt idx="1966">
                  <c:v>789</c:v>
                </c:pt>
                <c:pt idx="1967">
                  <c:v>789</c:v>
                </c:pt>
                <c:pt idx="1968">
                  <c:v>790</c:v>
                </c:pt>
                <c:pt idx="1969">
                  <c:v>790</c:v>
                </c:pt>
                <c:pt idx="1970">
                  <c:v>790</c:v>
                </c:pt>
                <c:pt idx="1971">
                  <c:v>791</c:v>
                </c:pt>
                <c:pt idx="1972">
                  <c:v>791</c:v>
                </c:pt>
                <c:pt idx="1973">
                  <c:v>792</c:v>
                </c:pt>
                <c:pt idx="1974">
                  <c:v>792</c:v>
                </c:pt>
                <c:pt idx="1975">
                  <c:v>793</c:v>
                </c:pt>
                <c:pt idx="1976">
                  <c:v>793</c:v>
                </c:pt>
                <c:pt idx="1977">
                  <c:v>793</c:v>
                </c:pt>
                <c:pt idx="1978">
                  <c:v>794</c:v>
                </c:pt>
                <c:pt idx="1979">
                  <c:v>794</c:v>
                </c:pt>
                <c:pt idx="1980">
                  <c:v>795</c:v>
                </c:pt>
                <c:pt idx="1981">
                  <c:v>795</c:v>
                </c:pt>
                <c:pt idx="1982">
                  <c:v>795</c:v>
                </c:pt>
                <c:pt idx="1983">
                  <c:v>796</c:v>
                </c:pt>
                <c:pt idx="1984">
                  <c:v>796</c:v>
                </c:pt>
                <c:pt idx="1985">
                  <c:v>797</c:v>
                </c:pt>
                <c:pt idx="1986">
                  <c:v>797</c:v>
                </c:pt>
                <c:pt idx="1987">
                  <c:v>798</c:v>
                </c:pt>
                <c:pt idx="1988">
                  <c:v>798</c:v>
                </c:pt>
                <c:pt idx="1989">
                  <c:v>798</c:v>
                </c:pt>
                <c:pt idx="1990">
                  <c:v>799</c:v>
                </c:pt>
                <c:pt idx="1991">
                  <c:v>799</c:v>
                </c:pt>
                <c:pt idx="1992">
                  <c:v>800</c:v>
                </c:pt>
                <c:pt idx="1993">
                  <c:v>800</c:v>
                </c:pt>
                <c:pt idx="1994">
                  <c:v>800</c:v>
                </c:pt>
                <c:pt idx="1995">
                  <c:v>800</c:v>
                </c:pt>
                <c:pt idx="1996">
                  <c:v>800</c:v>
                </c:pt>
                <c:pt idx="1997">
                  <c:v>800</c:v>
                </c:pt>
                <c:pt idx="1998">
                  <c:v>800</c:v>
                </c:pt>
                <c:pt idx="1999">
                  <c:v>800</c:v>
                </c:pt>
                <c:pt idx="2000">
                  <c:v>800</c:v>
                </c:pt>
                <c:pt idx="2001">
                  <c:v>800</c:v>
                </c:pt>
                <c:pt idx="2002">
                  <c:v>800</c:v>
                </c:pt>
                <c:pt idx="2003">
                  <c:v>800</c:v>
                </c:pt>
                <c:pt idx="2004">
                  <c:v>800</c:v>
                </c:pt>
                <c:pt idx="2005">
                  <c:v>800</c:v>
                </c:pt>
                <c:pt idx="2006">
                  <c:v>800</c:v>
                </c:pt>
                <c:pt idx="2007">
                  <c:v>800</c:v>
                </c:pt>
                <c:pt idx="2008">
                  <c:v>800</c:v>
                </c:pt>
                <c:pt idx="2009">
                  <c:v>800</c:v>
                </c:pt>
                <c:pt idx="2010">
                  <c:v>800</c:v>
                </c:pt>
                <c:pt idx="2011">
                  <c:v>800</c:v>
                </c:pt>
                <c:pt idx="2012">
                  <c:v>800</c:v>
                </c:pt>
                <c:pt idx="2013">
                  <c:v>800</c:v>
                </c:pt>
                <c:pt idx="2014">
                  <c:v>800</c:v>
                </c:pt>
                <c:pt idx="2015">
                  <c:v>800</c:v>
                </c:pt>
                <c:pt idx="2016">
                  <c:v>800</c:v>
                </c:pt>
                <c:pt idx="2017">
                  <c:v>800</c:v>
                </c:pt>
                <c:pt idx="2018">
                  <c:v>800</c:v>
                </c:pt>
                <c:pt idx="2019">
                  <c:v>800</c:v>
                </c:pt>
                <c:pt idx="2020">
                  <c:v>800</c:v>
                </c:pt>
                <c:pt idx="2021">
                  <c:v>800</c:v>
                </c:pt>
                <c:pt idx="2022">
                  <c:v>800</c:v>
                </c:pt>
                <c:pt idx="2023">
                  <c:v>800</c:v>
                </c:pt>
                <c:pt idx="2024">
                  <c:v>800</c:v>
                </c:pt>
                <c:pt idx="2025">
                  <c:v>800</c:v>
                </c:pt>
                <c:pt idx="2026">
                  <c:v>800</c:v>
                </c:pt>
                <c:pt idx="2027">
                  <c:v>800</c:v>
                </c:pt>
                <c:pt idx="2028">
                  <c:v>800</c:v>
                </c:pt>
                <c:pt idx="2029">
                  <c:v>800</c:v>
                </c:pt>
                <c:pt idx="2030">
                  <c:v>800</c:v>
                </c:pt>
                <c:pt idx="2031">
                  <c:v>800</c:v>
                </c:pt>
                <c:pt idx="2032">
                  <c:v>800</c:v>
                </c:pt>
                <c:pt idx="2033">
                  <c:v>800</c:v>
                </c:pt>
                <c:pt idx="2034">
                  <c:v>800</c:v>
                </c:pt>
                <c:pt idx="2035">
                  <c:v>800</c:v>
                </c:pt>
                <c:pt idx="2036">
                  <c:v>800</c:v>
                </c:pt>
                <c:pt idx="2037">
                  <c:v>800</c:v>
                </c:pt>
                <c:pt idx="2038">
                  <c:v>800</c:v>
                </c:pt>
                <c:pt idx="2039">
                  <c:v>800</c:v>
                </c:pt>
                <c:pt idx="2040">
                  <c:v>800</c:v>
                </c:pt>
                <c:pt idx="2041">
                  <c:v>800</c:v>
                </c:pt>
                <c:pt idx="2042">
                  <c:v>800</c:v>
                </c:pt>
                <c:pt idx="2043">
                  <c:v>800</c:v>
                </c:pt>
                <c:pt idx="2044">
                  <c:v>800</c:v>
                </c:pt>
                <c:pt idx="2045">
                  <c:v>800</c:v>
                </c:pt>
                <c:pt idx="2046">
                  <c:v>800</c:v>
                </c:pt>
                <c:pt idx="2047">
                  <c:v>800</c:v>
                </c:pt>
                <c:pt idx="2048">
                  <c:v>800</c:v>
                </c:pt>
                <c:pt idx="2049">
                  <c:v>800</c:v>
                </c:pt>
                <c:pt idx="2050">
                  <c:v>800</c:v>
                </c:pt>
                <c:pt idx="2051">
                  <c:v>800</c:v>
                </c:pt>
                <c:pt idx="2052">
                  <c:v>800</c:v>
                </c:pt>
                <c:pt idx="2053">
                  <c:v>800</c:v>
                </c:pt>
                <c:pt idx="2054">
                  <c:v>800</c:v>
                </c:pt>
                <c:pt idx="2055">
                  <c:v>800</c:v>
                </c:pt>
                <c:pt idx="2056">
                  <c:v>800</c:v>
                </c:pt>
                <c:pt idx="2057">
                  <c:v>800</c:v>
                </c:pt>
                <c:pt idx="2058">
                  <c:v>800</c:v>
                </c:pt>
                <c:pt idx="2059">
                  <c:v>800</c:v>
                </c:pt>
                <c:pt idx="2060">
                  <c:v>800</c:v>
                </c:pt>
                <c:pt idx="2061">
                  <c:v>800</c:v>
                </c:pt>
                <c:pt idx="2062">
                  <c:v>800</c:v>
                </c:pt>
                <c:pt idx="2063">
                  <c:v>800</c:v>
                </c:pt>
                <c:pt idx="2064">
                  <c:v>800</c:v>
                </c:pt>
                <c:pt idx="2065">
                  <c:v>800</c:v>
                </c:pt>
                <c:pt idx="2066">
                  <c:v>800</c:v>
                </c:pt>
                <c:pt idx="2067">
                  <c:v>800</c:v>
                </c:pt>
                <c:pt idx="2068">
                  <c:v>800</c:v>
                </c:pt>
                <c:pt idx="2069">
                  <c:v>800</c:v>
                </c:pt>
                <c:pt idx="2070">
                  <c:v>800</c:v>
                </c:pt>
                <c:pt idx="2071">
                  <c:v>800</c:v>
                </c:pt>
                <c:pt idx="2072">
                  <c:v>800</c:v>
                </c:pt>
                <c:pt idx="2073">
                  <c:v>800</c:v>
                </c:pt>
                <c:pt idx="2074">
                  <c:v>800</c:v>
                </c:pt>
                <c:pt idx="2075">
                  <c:v>800</c:v>
                </c:pt>
                <c:pt idx="2076">
                  <c:v>800</c:v>
                </c:pt>
                <c:pt idx="2077">
                  <c:v>800</c:v>
                </c:pt>
                <c:pt idx="2078">
                  <c:v>800</c:v>
                </c:pt>
                <c:pt idx="2079">
                  <c:v>800</c:v>
                </c:pt>
                <c:pt idx="2080">
                  <c:v>800</c:v>
                </c:pt>
                <c:pt idx="2081">
                  <c:v>800</c:v>
                </c:pt>
                <c:pt idx="2082">
                  <c:v>800</c:v>
                </c:pt>
                <c:pt idx="2083">
                  <c:v>800</c:v>
                </c:pt>
                <c:pt idx="2084">
                  <c:v>800</c:v>
                </c:pt>
                <c:pt idx="2085">
                  <c:v>800</c:v>
                </c:pt>
                <c:pt idx="2086">
                  <c:v>800</c:v>
                </c:pt>
                <c:pt idx="2087">
                  <c:v>800</c:v>
                </c:pt>
                <c:pt idx="2088">
                  <c:v>800</c:v>
                </c:pt>
                <c:pt idx="2089">
                  <c:v>800</c:v>
                </c:pt>
                <c:pt idx="2090">
                  <c:v>800</c:v>
                </c:pt>
                <c:pt idx="2091">
                  <c:v>800</c:v>
                </c:pt>
                <c:pt idx="2092">
                  <c:v>800</c:v>
                </c:pt>
                <c:pt idx="2093">
                  <c:v>800</c:v>
                </c:pt>
                <c:pt idx="2094">
                  <c:v>800</c:v>
                </c:pt>
                <c:pt idx="2095">
                  <c:v>800</c:v>
                </c:pt>
                <c:pt idx="2096">
                  <c:v>800</c:v>
                </c:pt>
                <c:pt idx="2097">
                  <c:v>800</c:v>
                </c:pt>
                <c:pt idx="2098">
                  <c:v>800</c:v>
                </c:pt>
                <c:pt idx="2099">
                  <c:v>800</c:v>
                </c:pt>
                <c:pt idx="2100">
                  <c:v>800</c:v>
                </c:pt>
                <c:pt idx="2101">
                  <c:v>800</c:v>
                </c:pt>
                <c:pt idx="2102">
                  <c:v>800</c:v>
                </c:pt>
                <c:pt idx="2103">
                  <c:v>800</c:v>
                </c:pt>
                <c:pt idx="2104">
                  <c:v>800</c:v>
                </c:pt>
                <c:pt idx="2105">
                  <c:v>800</c:v>
                </c:pt>
                <c:pt idx="2106">
                  <c:v>800</c:v>
                </c:pt>
                <c:pt idx="2107">
                  <c:v>800</c:v>
                </c:pt>
                <c:pt idx="2108">
                  <c:v>800</c:v>
                </c:pt>
                <c:pt idx="2109">
                  <c:v>800</c:v>
                </c:pt>
                <c:pt idx="2110">
                  <c:v>800</c:v>
                </c:pt>
                <c:pt idx="2111">
                  <c:v>800</c:v>
                </c:pt>
                <c:pt idx="2112">
                  <c:v>800</c:v>
                </c:pt>
                <c:pt idx="2113">
                  <c:v>800</c:v>
                </c:pt>
                <c:pt idx="2114">
                  <c:v>800</c:v>
                </c:pt>
                <c:pt idx="2115">
                  <c:v>800</c:v>
                </c:pt>
                <c:pt idx="2116">
                  <c:v>800</c:v>
                </c:pt>
                <c:pt idx="2117">
                  <c:v>800</c:v>
                </c:pt>
                <c:pt idx="2118">
                  <c:v>800</c:v>
                </c:pt>
                <c:pt idx="2119">
                  <c:v>800</c:v>
                </c:pt>
                <c:pt idx="2120">
                  <c:v>800</c:v>
                </c:pt>
                <c:pt idx="2121">
                  <c:v>800</c:v>
                </c:pt>
                <c:pt idx="2122">
                  <c:v>800</c:v>
                </c:pt>
                <c:pt idx="2123">
                  <c:v>800</c:v>
                </c:pt>
                <c:pt idx="2124">
                  <c:v>800</c:v>
                </c:pt>
                <c:pt idx="2125">
                  <c:v>800</c:v>
                </c:pt>
                <c:pt idx="2126">
                  <c:v>800</c:v>
                </c:pt>
                <c:pt idx="2127">
                  <c:v>800</c:v>
                </c:pt>
                <c:pt idx="2128">
                  <c:v>800</c:v>
                </c:pt>
                <c:pt idx="2129">
                  <c:v>800</c:v>
                </c:pt>
                <c:pt idx="2130">
                  <c:v>800</c:v>
                </c:pt>
                <c:pt idx="2131">
                  <c:v>800</c:v>
                </c:pt>
                <c:pt idx="2132">
                  <c:v>800</c:v>
                </c:pt>
                <c:pt idx="2133">
                  <c:v>800</c:v>
                </c:pt>
                <c:pt idx="2134">
                  <c:v>800</c:v>
                </c:pt>
                <c:pt idx="2135">
                  <c:v>800</c:v>
                </c:pt>
                <c:pt idx="2136">
                  <c:v>800</c:v>
                </c:pt>
                <c:pt idx="2137">
                  <c:v>800</c:v>
                </c:pt>
                <c:pt idx="2138">
                  <c:v>800</c:v>
                </c:pt>
                <c:pt idx="2139">
                  <c:v>800</c:v>
                </c:pt>
                <c:pt idx="2140">
                  <c:v>800</c:v>
                </c:pt>
                <c:pt idx="2141">
                  <c:v>800</c:v>
                </c:pt>
                <c:pt idx="2142">
                  <c:v>800</c:v>
                </c:pt>
                <c:pt idx="2143">
                  <c:v>800</c:v>
                </c:pt>
                <c:pt idx="2144">
                  <c:v>800</c:v>
                </c:pt>
                <c:pt idx="2145">
                  <c:v>800</c:v>
                </c:pt>
                <c:pt idx="2146">
                  <c:v>800</c:v>
                </c:pt>
                <c:pt idx="2147">
                  <c:v>800</c:v>
                </c:pt>
                <c:pt idx="2148">
                  <c:v>800</c:v>
                </c:pt>
                <c:pt idx="2149">
                  <c:v>800</c:v>
                </c:pt>
                <c:pt idx="2150">
                  <c:v>800</c:v>
                </c:pt>
                <c:pt idx="2151">
                  <c:v>800</c:v>
                </c:pt>
                <c:pt idx="2152">
                  <c:v>800</c:v>
                </c:pt>
                <c:pt idx="2153">
                  <c:v>800</c:v>
                </c:pt>
                <c:pt idx="2154">
                  <c:v>800</c:v>
                </c:pt>
                <c:pt idx="2155">
                  <c:v>800</c:v>
                </c:pt>
                <c:pt idx="2156">
                  <c:v>800</c:v>
                </c:pt>
                <c:pt idx="2157">
                  <c:v>800</c:v>
                </c:pt>
                <c:pt idx="2158">
                  <c:v>800</c:v>
                </c:pt>
                <c:pt idx="2159">
                  <c:v>800</c:v>
                </c:pt>
                <c:pt idx="2160">
                  <c:v>800</c:v>
                </c:pt>
                <c:pt idx="2161">
                  <c:v>800</c:v>
                </c:pt>
                <c:pt idx="2162">
                  <c:v>800</c:v>
                </c:pt>
                <c:pt idx="2163">
                  <c:v>800</c:v>
                </c:pt>
                <c:pt idx="2164">
                  <c:v>800</c:v>
                </c:pt>
                <c:pt idx="2165">
                  <c:v>800</c:v>
                </c:pt>
                <c:pt idx="2166">
                  <c:v>800</c:v>
                </c:pt>
                <c:pt idx="2167">
                  <c:v>800</c:v>
                </c:pt>
                <c:pt idx="2168">
                  <c:v>800</c:v>
                </c:pt>
                <c:pt idx="2169">
                  <c:v>800</c:v>
                </c:pt>
                <c:pt idx="2170">
                  <c:v>800</c:v>
                </c:pt>
                <c:pt idx="2171">
                  <c:v>800</c:v>
                </c:pt>
                <c:pt idx="2172">
                  <c:v>800</c:v>
                </c:pt>
                <c:pt idx="2173">
                  <c:v>800</c:v>
                </c:pt>
                <c:pt idx="2174">
                  <c:v>800</c:v>
                </c:pt>
                <c:pt idx="2175">
                  <c:v>800</c:v>
                </c:pt>
                <c:pt idx="2176">
                  <c:v>800</c:v>
                </c:pt>
                <c:pt idx="2177">
                  <c:v>800</c:v>
                </c:pt>
                <c:pt idx="2178">
                  <c:v>800</c:v>
                </c:pt>
                <c:pt idx="2179">
                  <c:v>800</c:v>
                </c:pt>
                <c:pt idx="2180">
                  <c:v>800</c:v>
                </c:pt>
                <c:pt idx="2181">
                  <c:v>800</c:v>
                </c:pt>
                <c:pt idx="2182">
                  <c:v>800</c:v>
                </c:pt>
                <c:pt idx="2183">
                  <c:v>800</c:v>
                </c:pt>
                <c:pt idx="2184">
                  <c:v>800</c:v>
                </c:pt>
                <c:pt idx="2185">
                  <c:v>800</c:v>
                </c:pt>
                <c:pt idx="2186">
                  <c:v>800</c:v>
                </c:pt>
                <c:pt idx="2187">
                  <c:v>800</c:v>
                </c:pt>
                <c:pt idx="2188">
                  <c:v>800</c:v>
                </c:pt>
                <c:pt idx="2189">
                  <c:v>800</c:v>
                </c:pt>
                <c:pt idx="2190">
                  <c:v>800</c:v>
                </c:pt>
                <c:pt idx="2191">
                  <c:v>800</c:v>
                </c:pt>
                <c:pt idx="2192">
                  <c:v>800</c:v>
                </c:pt>
                <c:pt idx="2193">
                  <c:v>800</c:v>
                </c:pt>
                <c:pt idx="2194">
                  <c:v>800</c:v>
                </c:pt>
                <c:pt idx="2195">
                  <c:v>800</c:v>
                </c:pt>
                <c:pt idx="2196">
                  <c:v>800</c:v>
                </c:pt>
                <c:pt idx="2197">
                  <c:v>800</c:v>
                </c:pt>
                <c:pt idx="2198">
                  <c:v>800</c:v>
                </c:pt>
                <c:pt idx="2199">
                  <c:v>800</c:v>
                </c:pt>
                <c:pt idx="2200">
                  <c:v>800</c:v>
                </c:pt>
                <c:pt idx="2201">
                  <c:v>800</c:v>
                </c:pt>
                <c:pt idx="2202">
                  <c:v>800</c:v>
                </c:pt>
                <c:pt idx="2203">
                  <c:v>800</c:v>
                </c:pt>
                <c:pt idx="2204">
                  <c:v>800</c:v>
                </c:pt>
                <c:pt idx="2205">
                  <c:v>800</c:v>
                </c:pt>
                <c:pt idx="2206">
                  <c:v>800</c:v>
                </c:pt>
                <c:pt idx="2207">
                  <c:v>800</c:v>
                </c:pt>
                <c:pt idx="2208">
                  <c:v>800</c:v>
                </c:pt>
                <c:pt idx="2209">
                  <c:v>800</c:v>
                </c:pt>
                <c:pt idx="2210">
                  <c:v>800</c:v>
                </c:pt>
                <c:pt idx="2211">
                  <c:v>800</c:v>
                </c:pt>
                <c:pt idx="2212">
                  <c:v>800</c:v>
                </c:pt>
                <c:pt idx="2213">
                  <c:v>800</c:v>
                </c:pt>
                <c:pt idx="2214">
                  <c:v>800</c:v>
                </c:pt>
                <c:pt idx="2215">
                  <c:v>800</c:v>
                </c:pt>
                <c:pt idx="2216">
                  <c:v>800</c:v>
                </c:pt>
                <c:pt idx="2217">
                  <c:v>800</c:v>
                </c:pt>
                <c:pt idx="2218">
                  <c:v>800</c:v>
                </c:pt>
                <c:pt idx="2219">
                  <c:v>800</c:v>
                </c:pt>
                <c:pt idx="2220">
                  <c:v>800</c:v>
                </c:pt>
                <c:pt idx="2221">
                  <c:v>800</c:v>
                </c:pt>
                <c:pt idx="2222">
                  <c:v>800</c:v>
                </c:pt>
                <c:pt idx="2223">
                  <c:v>800</c:v>
                </c:pt>
                <c:pt idx="2224">
                  <c:v>800</c:v>
                </c:pt>
                <c:pt idx="2225">
                  <c:v>800</c:v>
                </c:pt>
                <c:pt idx="2226">
                  <c:v>800</c:v>
                </c:pt>
                <c:pt idx="2227">
                  <c:v>800</c:v>
                </c:pt>
                <c:pt idx="2228">
                  <c:v>800</c:v>
                </c:pt>
                <c:pt idx="2229">
                  <c:v>800</c:v>
                </c:pt>
                <c:pt idx="2230">
                  <c:v>800</c:v>
                </c:pt>
                <c:pt idx="2231">
                  <c:v>800</c:v>
                </c:pt>
                <c:pt idx="2232">
                  <c:v>800</c:v>
                </c:pt>
                <c:pt idx="2233">
                  <c:v>800</c:v>
                </c:pt>
                <c:pt idx="2234">
                  <c:v>800</c:v>
                </c:pt>
                <c:pt idx="2235">
                  <c:v>800</c:v>
                </c:pt>
                <c:pt idx="2236">
                  <c:v>800</c:v>
                </c:pt>
                <c:pt idx="2237">
                  <c:v>800</c:v>
                </c:pt>
                <c:pt idx="2238">
                  <c:v>800</c:v>
                </c:pt>
                <c:pt idx="2239">
                  <c:v>800</c:v>
                </c:pt>
                <c:pt idx="2240">
                  <c:v>800</c:v>
                </c:pt>
                <c:pt idx="2241">
                  <c:v>800</c:v>
                </c:pt>
                <c:pt idx="2242">
                  <c:v>800</c:v>
                </c:pt>
                <c:pt idx="2243">
                  <c:v>800</c:v>
                </c:pt>
                <c:pt idx="2244">
                  <c:v>800</c:v>
                </c:pt>
                <c:pt idx="2245">
                  <c:v>800</c:v>
                </c:pt>
                <c:pt idx="2246">
                  <c:v>800</c:v>
                </c:pt>
                <c:pt idx="2247">
                  <c:v>800</c:v>
                </c:pt>
                <c:pt idx="2248">
                  <c:v>800</c:v>
                </c:pt>
                <c:pt idx="2249">
                  <c:v>800</c:v>
                </c:pt>
                <c:pt idx="2250">
                  <c:v>800</c:v>
                </c:pt>
                <c:pt idx="2251">
                  <c:v>800</c:v>
                </c:pt>
                <c:pt idx="2252">
                  <c:v>800</c:v>
                </c:pt>
                <c:pt idx="2253">
                  <c:v>800</c:v>
                </c:pt>
                <c:pt idx="2254">
                  <c:v>800</c:v>
                </c:pt>
                <c:pt idx="2255">
                  <c:v>800</c:v>
                </c:pt>
                <c:pt idx="2256">
                  <c:v>800</c:v>
                </c:pt>
                <c:pt idx="2257">
                  <c:v>800</c:v>
                </c:pt>
                <c:pt idx="2258">
                  <c:v>800</c:v>
                </c:pt>
                <c:pt idx="2259">
                  <c:v>800</c:v>
                </c:pt>
                <c:pt idx="2260">
                  <c:v>800</c:v>
                </c:pt>
                <c:pt idx="2261">
                  <c:v>800</c:v>
                </c:pt>
                <c:pt idx="2262">
                  <c:v>800</c:v>
                </c:pt>
                <c:pt idx="2263">
                  <c:v>800</c:v>
                </c:pt>
                <c:pt idx="2264">
                  <c:v>800</c:v>
                </c:pt>
                <c:pt idx="2265">
                  <c:v>800</c:v>
                </c:pt>
                <c:pt idx="2266">
                  <c:v>800</c:v>
                </c:pt>
                <c:pt idx="2267">
                  <c:v>800</c:v>
                </c:pt>
                <c:pt idx="2268">
                  <c:v>800</c:v>
                </c:pt>
                <c:pt idx="2269">
                  <c:v>800</c:v>
                </c:pt>
                <c:pt idx="2270">
                  <c:v>800</c:v>
                </c:pt>
                <c:pt idx="2271">
                  <c:v>800</c:v>
                </c:pt>
                <c:pt idx="2272">
                  <c:v>800</c:v>
                </c:pt>
                <c:pt idx="2273">
                  <c:v>800</c:v>
                </c:pt>
                <c:pt idx="2274">
                  <c:v>800</c:v>
                </c:pt>
                <c:pt idx="2275">
                  <c:v>800</c:v>
                </c:pt>
                <c:pt idx="2276">
                  <c:v>800</c:v>
                </c:pt>
                <c:pt idx="2277">
                  <c:v>800</c:v>
                </c:pt>
                <c:pt idx="2278">
                  <c:v>800</c:v>
                </c:pt>
                <c:pt idx="2279">
                  <c:v>800</c:v>
                </c:pt>
                <c:pt idx="2280">
                  <c:v>800</c:v>
                </c:pt>
                <c:pt idx="2281">
                  <c:v>800</c:v>
                </c:pt>
                <c:pt idx="2282">
                  <c:v>800</c:v>
                </c:pt>
                <c:pt idx="2283">
                  <c:v>800</c:v>
                </c:pt>
                <c:pt idx="2284">
                  <c:v>800</c:v>
                </c:pt>
                <c:pt idx="2285">
                  <c:v>800</c:v>
                </c:pt>
                <c:pt idx="2286">
                  <c:v>800</c:v>
                </c:pt>
                <c:pt idx="2287">
                  <c:v>800</c:v>
                </c:pt>
                <c:pt idx="2288">
                  <c:v>800</c:v>
                </c:pt>
                <c:pt idx="2289">
                  <c:v>800</c:v>
                </c:pt>
                <c:pt idx="2290">
                  <c:v>800</c:v>
                </c:pt>
                <c:pt idx="2291">
                  <c:v>800</c:v>
                </c:pt>
                <c:pt idx="2292">
                  <c:v>800</c:v>
                </c:pt>
              </c:numCache>
            </c:numRef>
          </c:xVal>
          <c:yVal>
            <c:numRef>
              <c:f>'Fig 6'!$J$9:$J$2512</c:f>
              <c:numCache>
                <c:formatCode>General</c:formatCode>
                <c:ptCount val="2504"/>
                <c:pt idx="0">
                  <c:v>100</c:v>
                </c:pt>
                <c:pt idx="1">
                  <c:v>99.990741686543231</c:v>
                </c:pt>
                <c:pt idx="2">
                  <c:v>99.981839462065537</c:v>
                </c:pt>
                <c:pt idx="3">
                  <c:v>99.972927063617036</c:v>
                </c:pt>
                <c:pt idx="4">
                  <c:v>99.964360580176788</c:v>
                </c:pt>
                <c:pt idx="5">
                  <c:v>99.955804270707389</c:v>
                </c:pt>
                <c:pt idx="6">
                  <c:v>99.947237787267156</c:v>
                </c:pt>
                <c:pt idx="7">
                  <c:v>99.93935295987265</c:v>
                </c:pt>
                <c:pt idx="8">
                  <c:v>99.931478306448966</c:v>
                </c:pt>
                <c:pt idx="9">
                  <c:v>99.923593479054446</c:v>
                </c:pt>
                <c:pt idx="10">
                  <c:v>99.916054566668194</c:v>
                </c:pt>
                <c:pt idx="11">
                  <c:v>99.908179913244524</c:v>
                </c:pt>
                <c:pt idx="12">
                  <c:v>99.900641000858286</c:v>
                </c:pt>
                <c:pt idx="13">
                  <c:v>99.893448003480316</c:v>
                </c:pt>
                <c:pt idx="14">
                  <c:v>99.885909091094078</c:v>
                </c:pt>
                <c:pt idx="15">
                  <c:v>99.878716093716108</c:v>
                </c:pt>
                <c:pt idx="16">
                  <c:v>99.871858837375598</c:v>
                </c:pt>
                <c:pt idx="17">
                  <c:v>99.864665839997627</c:v>
                </c:pt>
                <c:pt idx="18">
                  <c:v>99.857808583657103</c:v>
                </c:pt>
                <c:pt idx="19">
                  <c:v>99.850961501287429</c:v>
                </c:pt>
                <c:pt idx="20">
                  <c:v>99.844450159955187</c:v>
                </c:pt>
                <c:pt idx="21">
                  <c:v>99.837938818622916</c:v>
                </c:pt>
                <c:pt idx="22">
                  <c:v>99.831773392298956</c:v>
                </c:pt>
                <c:pt idx="23">
                  <c:v>99.82560796597501</c:v>
                </c:pt>
                <c:pt idx="24">
                  <c:v>99.819788454659303</c:v>
                </c:pt>
                <c:pt idx="25">
                  <c:v>99.813612854364507</c:v>
                </c:pt>
                <c:pt idx="26">
                  <c:v>99.807793343048814</c:v>
                </c:pt>
                <c:pt idx="27">
                  <c:v>99.80162791672484</c:v>
                </c:pt>
                <c:pt idx="28">
                  <c:v>99.795798231438297</c:v>
                </c:pt>
                <c:pt idx="29">
                  <c:v>99.789978720122619</c:v>
                </c:pt>
                <c:pt idx="30">
                  <c:v>99.784149034836105</c:v>
                </c:pt>
                <c:pt idx="31">
                  <c:v>99.778329523520398</c:v>
                </c:pt>
                <c:pt idx="32">
                  <c:v>99.772845753242152</c:v>
                </c:pt>
                <c:pt idx="33">
                  <c:v>99.767707897972173</c:v>
                </c:pt>
                <c:pt idx="34">
                  <c:v>99.762224127693926</c:v>
                </c:pt>
                <c:pt idx="35">
                  <c:v>99.757086272423962</c:v>
                </c:pt>
                <c:pt idx="36">
                  <c:v>99.752284158191415</c:v>
                </c:pt>
                <c:pt idx="37">
                  <c:v>99.747492217929718</c:v>
                </c:pt>
                <c:pt idx="38">
                  <c:v>99.742700277668021</c:v>
                </c:pt>
                <c:pt idx="39">
                  <c:v>99.737552248427207</c:v>
                </c:pt>
                <c:pt idx="40">
                  <c:v>99.732760308165524</c:v>
                </c:pt>
                <c:pt idx="41">
                  <c:v>99.727968367903813</c:v>
                </c:pt>
                <c:pt idx="42">
                  <c:v>99.723166253671266</c:v>
                </c:pt>
                <c:pt idx="43">
                  <c:v>99.718374313409583</c:v>
                </c:pt>
                <c:pt idx="44">
                  <c:v>99.713918114185319</c:v>
                </c:pt>
                <c:pt idx="45">
                  <c:v>99.709115999952814</c:v>
                </c:pt>
                <c:pt idx="46">
                  <c:v>99.704324059691103</c:v>
                </c:pt>
                <c:pt idx="47">
                  <c:v>99.699186204421125</c:v>
                </c:pt>
                <c:pt idx="48">
                  <c:v>99.69438409018862</c:v>
                </c:pt>
                <c:pt idx="49">
                  <c:v>99.689938064935163</c:v>
                </c:pt>
                <c:pt idx="50">
                  <c:v>99.685481865710926</c:v>
                </c:pt>
                <c:pt idx="51">
                  <c:v>99.681025666486661</c:v>
                </c:pt>
                <c:pt idx="52">
                  <c:v>99.676915382270678</c:v>
                </c:pt>
                <c:pt idx="53">
                  <c:v>99.67280509805471</c:v>
                </c:pt>
                <c:pt idx="54">
                  <c:v>99.668694813838727</c:v>
                </c:pt>
                <c:pt idx="55">
                  <c:v>99.664238614614447</c:v>
                </c:pt>
                <c:pt idx="56">
                  <c:v>99.660128330398507</c:v>
                </c:pt>
                <c:pt idx="57">
                  <c:v>99.655326216165946</c:v>
                </c:pt>
                <c:pt idx="58">
                  <c:v>99.650534275904263</c:v>
                </c:pt>
                <c:pt idx="59">
                  <c:v>99.645732161671731</c:v>
                </c:pt>
                <c:pt idx="60">
                  <c:v>99.640594306401766</c:v>
                </c:pt>
                <c:pt idx="61">
                  <c:v>99.635456451131773</c:v>
                </c:pt>
                <c:pt idx="62">
                  <c:v>99.630318595861823</c:v>
                </c:pt>
                <c:pt idx="63">
                  <c:v>99.62518074059183</c:v>
                </c:pt>
                <c:pt idx="64">
                  <c:v>99.620042885321851</c:v>
                </c:pt>
                <c:pt idx="65">
                  <c:v>99.615240771089319</c:v>
                </c:pt>
                <c:pt idx="66">
                  <c:v>99.610448830827636</c:v>
                </c:pt>
                <c:pt idx="67">
                  <c:v>99.605992631603371</c:v>
                </c:pt>
                <c:pt idx="68">
                  <c:v>99.601200691341688</c:v>
                </c:pt>
                <c:pt idx="69">
                  <c:v>99.596398577109142</c:v>
                </c:pt>
                <c:pt idx="70">
                  <c:v>99.591942377884877</c:v>
                </c:pt>
                <c:pt idx="71">
                  <c:v>99.587496352631462</c:v>
                </c:pt>
                <c:pt idx="72">
                  <c:v>99.583040153407211</c:v>
                </c:pt>
                <c:pt idx="73">
                  <c:v>99.578238039174678</c:v>
                </c:pt>
                <c:pt idx="74">
                  <c:v>99.573792013921263</c:v>
                </c:pt>
                <c:pt idx="75">
                  <c:v>99.568654158651285</c:v>
                </c:pt>
                <c:pt idx="76">
                  <c:v>99.563852044418752</c:v>
                </c:pt>
                <c:pt idx="77">
                  <c:v>99.559060104157069</c:v>
                </c:pt>
                <c:pt idx="78">
                  <c:v>99.55460390493279</c:v>
                </c:pt>
                <c:pt idx="79">
                  <c:v>99.549801790700258</c:v>
                </c:pt>
                <c:pt idx="80">
                  <c:v>99.545355765446843</c:v>
                </c:pt>
                <c:pt idx="81">
                  <c:v>99.540899566222592</c:v>
                </c:pt>
                <c:pt idx="82">
                  <c:v>99.537125023044041</c:v>
                </c:pt>
                <c:pt idx="83">
                  <c:v>99.533014738828058</c:v>
                </c:pt>
                <c:pt idx="84">
                  <c:v>99.529596284628653</c:v>
                </c:pt>
                <c:pt idx="85">
                  <c:v>99.52650339749583</c:v>
                </c:pt>
                <c:pt idx="86">
                  <c:v>99.523420684333843</c:v>
                </c:pt>
                <c:pt idx="87">
                  <c:v>99.52033797117187</c:v>
                </c:pt>
                <c:pt idx="88">
                  <c:v>99.517255258009882</c:v>
                </c:pt>
                <c:pt idx="89">
                  <c:v>99.51486437486443</c:v>
                </c:pt>
                <c:pt idx="90">
                  <c:v>99.512463317748185</c:v>
                </c:pt>
                <c:pt idx="91">
                  <c:v>99.510062260631926</c:v>
                </c:pt>
                <c:pt idx="92">
                  <c:v>99.508007118523935</c:v>
                </c:pt>
                <c:pt idx="93">
                  <c:v>99.505951976415929</c:v>
                </c:pt>
                <c:pt idx="94">
                  <c:v>99.503896834307938</c:v>
                </c:pt>
                <c:pt idx="95">
                  <c:v>99.501841692199946</c:v>
                </c:pt>
                <c:pt idx="96">
                  <c:v>99.500468206137683</c:v>
                </c:pt>
                <c:pt idx="97">
                  <c:v>99.499094720075405</c:v>
                </c:pt>
                <c:pt idx="98">
                  <c:v>99.497731407983963</c:v>
                </c:pt>
                <c:pt idx="99">
                  <c:v>99.4963579219217</c:v>
                </c:pt>
                <c:pt idx="100">
                  <c:v>99.494984435859422</c:v>
                </c:pt>
                <c:pt idx="101">
                  <c:v>99.49395686480544</c:v>
                </c:pt>
                <c:pt idx="102">
                  <c:v>99.492593552713998</c:v>
                </c:pt>
                <c:pt idx="103">
                  <c:v>99.491220066651735</c:v>
                </c:pt>
                <c:pt idx="104">
                  <c:v>99.490192495597739</c:v>
                </c:pt>
                <c:pt idx="105">
                  <c:v>99.489164924543715</c:v>
                </c:pt>
                <c:pt idx="106">
                  <c:v>99.488483268498001</c:v>
                </c:pt>
                <c:pt idx="107">
                  <c:v>99.487445523473184</c:v>
                </c:pt>
                <c:pt idx="108">
                  <c:v>99.48676386742747</c:v>
                </c:pt>
                <c:pt idx="109">
                  <c:v>99.485736296373474</c:v>
                </c:pt>
                <c:pt idx="110">
                  <c:v>99.484708725319493</c:v>
                </c:pt>
                <c:pt idx="111">
                  <c:v>99.483681154265497</c:v>
                </c:pt>
                <c:pt idx="112">
                  <c:v>99.482999498219755</c:v>
                </c:pt>
                <c:pt idx="113">
                  <c:v>99.481971927165773</c:v>
                </c:pt>
                <c:pt idx="114">
                  <c:v>99.480944356111792</c:v>
                </c:pt>
                <c:pt idx="115">
                  <c:v>99.4795708700495</c:v>
                </c:pt>
                <c:pt idx="116">
                  <c:v>99.478543298995504</c:v>
                </c:pt>
                <c:pt idx="117">
                  <c:v>99.477515727941523</c:v>
                </c:pt>
                <c:pt idx="118">
                  <c:v>99.476488156887513</c:v>
                </c:pt>
                <c:pt idx="119">
                  <c:v>99.475460585833545</c:v>
                </c:pt>
                <c:pt idx="120">
                  <c:v>99.474433014779535</c:v>
                </c:pt>
                <c:pt idx="121">
                  <c:v>99.473405443725554</c:v>
                </c:pt>
                <c:pt idx="122">
                  <c:v>99.472377872671544</c:v>
                </c:pt>
                <c:pt idx="123">
                  <c:v>99.471350301617562</c:v>
                </c:pt>
                <c:pt idx="124">
                  <c:v>99.470322730563552</c:v>
                </c:pt>
                <c:pt idx="125">
                  <c:v>99.469630900546989</c:v>
                </c:pt>
                <c:pt idx="126">
                  <c:v>99.468949244501275</c:v>
                </c:pt>
                <c:pt idx="127">
                  <c:v>99.467921673447307</c:v>
                </c:pt>
                <c:pt idx="128">
                  <c:v>99.466894102393283</c:v>
                </c:pt>
                <c:pt idx="129">
                  <c:v>99.465866531339287</c:v>
                </c:pt>
                <c:pt idx="130">
                  <c:v>99.46552061633102</c:v>
                </c:pt>
                <c:pt idx="131">
                  <c:v>99.464493045277038</c:v>
                </c:pt>
                <c:pt idx="132">
                  <c:v>99.463465474223028</c:v>
                </c:pt>
                <c:pt idx="133">
                  <c:v>99.462437903169032</c:v>
                </c:pt>
                <c:pt idx="134">
                  <c:v>99.461410332115037</c:v>
                </c:pt>
                <c:pt idx="135">
                  <c:v>99.460036846052773</c:v>
                </c:pt>
                <c:pt idx="136">
                  <c:v>99.459009274998749</c:v>
                </c:pt>
                <c:pt idx="137">
                  <c:v>99.457981703944782</c:v>
                </c:pt>
                <c:pt idx="138">
                  <c:v>99.456954132890786</c:v>
                </c:pt>
                <c:pt idx="139">
                  <c:v>99.456272476845072</c:v>
                </c:pt>
                <c:pt idx="140">
                  <c:v>99.455590820799358</c:v>
                </c:pt>
                <c:pt idx="141">
                  <c:v>99.454898990782794</c:v>
                </c:pt>
                <c:pt idx="142">
                  <c:v>99.454217334737066</c:v>
                </c:pt>
                <c:pt idx="143">
                  <c:v>99.453189763683085</c:v>
                </c:pt>
                <c:pt idx="144">
                  <c:v>99.452508107637357</c:v>
                </c:pt>
                <c:pt idx="145">
                  <c:v>99.451816277620807</c:v>
                </c:pt>
                <c:pt idx="146">
                  <c:v>99.451134621575093</c:v>
                </c:pt>
                <c:pt idx="147">
                  <c:v>99.450788706566826</c:v>
                </c:pt>
                <c:pt idx="148">
                  <c:v>99.449761135512844</c:v>
                </c:pt>
                <c:pt idx="149">
                  <c:v>99.449079479467102</c:v>
                </c:pt>
                <c:pt idx="150">
                  <c:v>99.44805190841312</c:v>
                </c:pt>
                <c:pt idx="151">
                  <c:v>99.447024337359096</c:v>
                </c:pt>
                <c:pt idx="152">
                  <c:v>99.446332507342589</c:v>
                </c:pt>
                <c:pt idx="153">
                  <c:v>99.445996766305129</c:v>
                </c:pt>
                <c:pt idx="154">
                  <c:v>99.445304936288565</c:v>
                </c:pt>
                <c:pt idx="155">
                  <c:v>99.444623280242851</c:v>
                </c:pt>
                <c:pt idx="156">
                  <c:v>99.443941624197123</c:v>
                </c:pt>
                <c:pt idx="157">
                  <c:v>99.443249794180588</c:v>
                </c:pt>
                <c:pt idx="158">
                  <c:v>99.442914053143141</c:v>
                </c:pt>
                <c:pt idx="159">
                  <c:v>99.44256813813486</c:v>
                </c:pt>
                <c:pt idx="160">
                  <c:v>99.442222223126592</c:v>
                </c:pt>
                <c:pt idx="161">
                  <c:v>99.441886482089132</c:v>
                </c:pt>
                <c:pt idx="162">
                  <c:v>99.441540567080878</c:v>
                </c:pt>
                <c:pt idx="163">
                  <c:v>99.44085891103515</c:v>
                </c:pt>
                <c:pt idx="164">
                  <c:v>99.440167081018586</c:v>
                </c:pt>
                <c:pt idx="165">
                  <c:v>99.43983133998114</c:v>
                </c:pt>
                <c:pt idx="166">
                  <c:v>99.439139509964605</c:v>
                </c:pt>
                <c:pt idx="167">
                  <c:v>99.438457853918877</c:v>
                </c:pt>
                <c:pt idx="168">
                  <c:v>99.437776197873148</c:v>
                </c:pt>
                <c:pt idx="169">
                  <c:v>99.437084367856613</c:v>
                </c:pt>
                <c:pt idx="170">
                  <c:v>99.436402711810885</c:v>
                </c:pt>
                <c:pt idx="171">
                  <c:v>99.435375140756904</c:v>
                </c:pt>
                <c:pt idx="172">
                  <c:v>99.434693484711175</c:v>
                </c:pt>
                <c:pt idx="173">
                  <c:v>99.434347569702894</c:v>
                </c:pt>
                <c:pt idx="174">
                  <c:v>99.433655739686358</c:v>
                </c:pt>
                <c:pt idx="175">
                  <c:v>99.433319998648912</c:v>
                </c:pt>
                <c:pt idx="176">
                  <c:v>99.432628168632363</c:v>
                </c:pt>
                <c:pt idx="177">
                  <c:v>99.431600597578353</c:v>
                </c:pt>
                <c:pt idx="178">
                  <c:v>99.430918941532639</c:v>
                </c:pt>
                <c:pt idx="179">
                  <c:v>99.430237285486911</c:v>
                </c:pt>
                <c:pt idx="180">
                  <c:v>99.429891370478657</c:v>
                </c:pt>
                <c:pt idx="181">
                  <c:v>99.429209714432929</c:v>
                </c:pt>
                <c:pt idx="182">
                  <c:v>99.42851788441638</c:v>
                </c:pt>
                <c:pt idx="183">
                  <c:v>99.428182143378933</c:v>
                </c:pt>
                <c:pt idx="184">
                  <c:v>99.427836228370666</c:v>
                </c:pt>
                <c:pt idx="185">
                  <c:v>99.427154572324923</c:v>
                </c:pt>
                <c:pt idx="186">
                  <c:v>99.426808657316656</c:v>
                </c:pt>
                <c:pt idx="187">
                  <c:v>99.426462742308402</c:v>
                </c:pt>
                <c:pt idx="188">
                  <c:v>99.426127001270942</c:v>
                </c:pt>
                <c:pt idx="189">
                  <c:v>99.42578108626266</c:v>
                </c:pt>
                <c:pt idx="190">
                  <c:v>99.425099430216946</c:v>
                </c:pt>
                <c:pt idx="191">
                  <c:v>99.424753515208678</c:v>
                </c:pt>
                <c:pt idx="192">
                  <c:v>99.42407185916295</c:v>
                </c:pt>
                <c:pt idx="193">
                  <c:v>99.423380029146401</c:v>
                </c:pt>
                <c:pt idx="194">
                  <c:v>99.422698373100673</c:v>
                </c:pt>
                <c:pt idx="195">
                  <c:v>99.422352458092419</c:v>
                </c:pt>
                <c:pt idx="196">
                  <c:v>99.422016717054959</c:v>
                </c:pt>
                <c:pt idx="197">
                  <c:v>99.421670802046691</c:v>
                </c:pt>
                <c:pt idx="198">
                  <c:v>99.420643230992695</c:v>
                </c:pt>
                <c:pt idx="199">
                  <c:v>99.420297315984413</c:v>
                </c:pt>
                <c:pt idx="200">
                  <c:v>99.4196156599387</c:v>
                </c:pt>
                <c:pt idx="201">
                  <c:v>99.41892382992215</c:v>
                </c:pt>
                <c:pt idx="202">
                  <c:v>99.418242173876408</c:v>
                </c:pt>
                <c:pt idx="203">
                  <c:v>99.417560517830708</c:v>
                </c:pt>
                <c:pt idx="204">
                  <c:v>99.416868687814144</c:v>
                </c:pt>
                <c:pt idx="205">
                  <c:v>99.416532946776712</c:v>
                </c:pt>
                <c:pt idx="206">
                  <c:v>99.415841116760163</c:v>
                </c:pt>
                <c:pt idx="207">
                  <c:v>99.414813545706153</c:v>
                </c:pt>
                <c:pt idx="208">
                  <c:v>99.413785974652171</c:v>
                </c:pt>
                <c:pt idx="209">
                  <c:v>99.413104318606457</c:v>
                </c:pt>
                <c:pt idx="210">
                  <c:v>99.412076747552462</c:v>
                </c:pt>
                <c:pt idx="211">
                  <c:v>99.411049176498452</c:v>
                </c:pt>
                <c:pt idx="212">
                  <c:v>99.41002160544447</c:v>
                </c:pt>
                <c:pt idx="213">
                  <c:v>99.40899403439046</c:v>
                </c:pt>
                <c:pt idx="214">
                  <c:v>99.407966463336479</c:v>
                </c:pt>
                <c:pt idx="215">
                  <c:v>99.406938892282483</c:v>
                </c:pt>
                <c:pt idx="216">
                  <c:v>99.406247062265933</c:v>
                </c:pt>
                <c:pt idx="217">
                  <c:v>99.405565406220191</c:v>
                </c:pt>
                <c:pt idx="218">
                  <c:v>99.404883750174491</c:v>
                </c:pt>
                <c:pt idx="219">
                  <c:v>99.404191920157942</c:v>
                </c:pt>
                <c:pt idx="220">
                  <c:v>99.403510264112228</c:v>
                </c:pt>
                <c:pt idx="221">
                  <c:v>99.4028286080665</c:v>
                </c:pt>
                <c:pt idx="222">
                  <c:v>99.402136778049936</c:v>
                </c:pt>
                <c:pt idx="223">
                  <c:v>99.401801037012504</c:v>
                </c:pt>
                <c:pt idx="224">
                  <c:v>99.401109206995955</c:v>
                </c:pt>
                <c:pt idx="225">
                  <c:v>99.400773465958508</c:v>
                </c:pt>
                <c:pt idx="226">
                  <c:v>99.400427550950226</c:v>
                </c:pt>
                <c:pt idx="227">
                  <c:v>99.400081635941945</c:v>
                </c:pt>
                <c:pt idx="228">
                  <c:v>99.399745894904513</c:v>
                </c:pt>
                <c:pt idx="229">
                  <c:v>99.399399979896245</c:v>
                </c:pt>
                <c:pt idx="230">
                  <c:v>99.398718323850517</c:v>
                </c:pt>
                <c:pt idx="231">
                  <c:v>99.398026493833981</c:v>
                </c:pt>
                <c:pt idx="232">
                  <c:v>99.397690752796521</c:v>
                </c:pt>
                <c:pt idx="233">
                  <c:v>99.397690752796521</c:v>
                </c:pt>
                <c:pt idx="234">
                  <c:v>99.397344837788253</c:v>
                </c:pt>
                <c:pt idx="235">
                  <c:v>99.397344837788253</c:v>
                </c:pt>
                <c:pt idx="236">
                  <c:v>99.396998922779986</c:v>
                </c:pt>
                <c:pt idx="237">
                  <c:v>99.396998922779986</c:v>
                </c:pt>
                <c:pt idx="238">
                  <c:v>99.396998922779986</c:v>
                </c:pt>
                <c:pt idx="239">
                  <c:v>99.396998922779986</c:v>
                </c:pt>
                <c:pt idx="240">
                  <c:v>99.397344837788253</c:v>
                </c:pt>
                <c:pt idx="241">
                  <c:v>99.397344837788253</c:v>
                </c:pt>
                <c:pt idx="242">
                  <c:v>99.396998922779986</c:v>
                </c:pt>
                <c:pt idx="243">
                  <c:v>99.396998922779986</c:v>
                </c:pt>
                <c:pt idx="244">
                  <c:v>99.396998922779986</c:v>
                </c:pt>
                <c:pt idx="245">
                  <c:v>99.396998922779986</c:v>
                </c:pt>
                <c:pt idx="246">
                  <c:v>99.396663181742539</c:v>
                </c:pt>
                <c:pt idx="247">
                  <c:v>99.396317266734243</c:v>
                </c:pt>
                <c:pt idx="248">
                  <c:v>99.395971351725976</c:v>
                </c:pt>
                <c:pt idx="249">
                  <c:v>99.395971351725976</c:v>
                </c:pt>
                <c:pt idx="250">
                  <c:v>99.395635610688544</c:v>
                </c:pt>
                <c:pt idx="251">
                  <c:v>99.395289695680262</c:v>
                </c:pt>
                <c:pt idx="252">
                  <c:v>99.39494378067198</c:v>
                </c:pt>
                <c:pt idx="253">
                  <c:v>99.39494378067198</c:v>
                </c:pt>
                <c:pt idx="254">
                  <c:v>99.39494378067198</c:v>
                </c:pt>
                <c:pt idx="255">
                  <c:v>99.394597865663698</c:v>
                </c:pt>
                <c:pt idx="256">
                  <c:v>99.394262124626266</c:v>
                </c:pt>
                <c:pt idx="257">
                  <c:v>99.393570294609731</c:v>
                </c:pt>
                <c:pt idx="258">
                  <c:v>99.393234553572285</c:v>
                </c:pt>
                <c:pt idx="259">
                  <c:v>99.392888638563988</c:v>
                </c:pt>
                <c:pt idx="260">
                  <c:v>99.392206982518275</c:v>
                </c:pt>
                <c:pt idx="261">
                  <c:v>99.391515152501725</c:v>
                </c:pt>
                <c:pt idx="262">
                  <c:v>99.391179411464279</c:v>
                </c:pt>
                <c:pt idx="263">
                  <c:v>99.390487581447744</c:v>
                </c:pt>
                <c:pt idx="264">
                  <c:v>99.389805925402015</c:v>
                </c:pt>
                <c:pt idx="265">
                  <c:v>99.389124269356273</c:v>
                </c:pt>
                <c:pt idx="266">
                  <c:v>99.388432439339752</c:v>
                </c:pt>
                <c:pt idx="267">
                  <c:v>99.387750783294038</c:v>
                </c:pt>
                <c:pt idx="268">
                  <c:v>99.387069127248296</c:v>
                </c:pt>
                <c:pt idx="269">
                  <c:v>99.386377297231761</c:v>
                </c:pt>
                <c:pt idx="270">
                  <c:v>99.385349726177751</c:v>
                </c:pt>
                <c:pt idx="271">
                  <c:v>99.384668070132037</c:v>
                </c:pt>
                <c:pt idx="272">
                  <c:v>99.383986414086337</c:v>
                </c:pt>
                <c:pt idx="273">
                  <c:v>99.383640499078041</c:v>
                </c:pt>
                <c:pt idx="274">
                  <c:v>99.382958843032327</c:v>
                </c:pt>
                <c:pt idx="275">
                  <c:v>99.382267013015763</c:v>
                </c:pt>
                <c:pt idx="276">
                  <c:v>99.381931271978331</c:v>
                </c:pt>
                <c:pt idx="277">
                  <c:v>99.381239441961782</c:v>
                </c:pt>
                <c:pt idx="278">
                  <c:v>99.380557785916054</c:v>
                </c:pt>
                <c:pt idx="279">
                  <c:v>99.380211870907758</c:v>
                </c:pt>
                <c:pt idx="280">
                  <c:v>99.379865955899504</c:v>
                </c:pt>
                <c:pt idx="281">
                  <c:v>99.379530214862058</c:v>
                </c:pt>
                <c:pt idx="282">
                  <c:v>99.378838384845523</c:v>
                </c:pt>
                <c:pt idx="283">
                  <c:v>99.378502643808076</c:v>
                </c:pt>
                <c:pt idx="284">
                  <c:v>99.378156728799794</c:v>
                </c:pt>
                <c:pt idx="285">
                  <c:v>99.377810813791513</c:v>
                </c:pt>
                <c:pt idx="286">
                  <c:v>99.377475072754066</c:v>
                </c:pt>
                <c:pt idx="287">
                  <c:v>99.377475072754066</c:v>
                </c:pt>
                <c:pt idx="288">
                  <c:v>99.377129157745799</c:v>
                </c:pt>
                <c:pt idx="289">
                  <c:v>99.377129157745799</c:v>
                </c:pt>
                <c:pt idx="290">
                  <c:v>99.376783242737517</c:v>
                </c:pt>
                <c:pt idx="291">
                  <c:v>99.376783242737517</c:v>
                </c:pt>
                <c:pt idx="292">
                  <c:v>99.376447501700099</c:v>
                </c:pt>
                <c:pt idx="293">
                  <c:v>99.375755671683535</c:v>
                </c:pt>
                <c:pt idx="294">
                  <c:v>99.375419930646089</c:v>
                </c:pt>
                <c:pt idx="295">
                  <c:v>99.375419930646089</c:v>
                </c:pt>
                <c:pt idx="296">
                  <c:v>99.375419930646089</c:v>
                </c:pt>
                <c:pt idx="297">
                  <c:v>99.375074015637807</c:v>
                </c:pt>
                <c:pt idx="298">
                  <c:v>99.374728100629511</c:v>
                </c:pt>
                <c:pt idx="299">
                  <c:v>99.374728100629511</c:v>
                </c:pt>
                <c:pt idx="300">
                  <c:v>99.375074015637807</c:v>
                </c:pt>
                <c:pt idx="301">
                  <c:v>99.374728100629511</c:v>
                </c:pt>
                <c:pt idx="302">
                  <c:v>99.374046444583811</c:v>
                </c:pt>
                <c:pt idx="303">
                  <c:v>99.374046444583811</c:v>
                </c:pt>
                <c:pt idx="304">
                  <c:v>99.373700529575544</c:v>
                </c:pt>
                <c:pt idx="305">
                  <c:v>99.373018873529816</c:v>
                </c:pt>
                <c:pt idx="306">
                  <c:v>99.373018873529816</c:v>
                </c:pt>
                <c:pt idx="307">
                  <c:v>99.373018873529816</c:v>
                </c:pt>
                <c:pt idx="308">
                  <c:v>99.373018873529816</c:v>
                </c:pt>
                <c:pt idx="309">
                  <c:v>99.372672958521548</c:v>
                </c:pt>
                <c:pt idx="310">
                  <c:v>99.372672958521548</c:v>
                </c:pt>
                <c:pt idx="311">
                  <c:v>99.372337217484102</c:v>
                </c:pt>
                <c:pt idx="312">
                  <c:v>99.372337217484102</c:v>
                </c:pt>
                <c:pt idx="313">
                  <c:v>99.371991302475834</c:v>
                </c:pt>
                <c:pt idx="314">
                  <c:v>99.371645387467552</c:v>
                </c:pt>
                <c:pt idx="315">
                  <c:v>99.371309646430106</c:v>
                </c:pt>
                <c:pt idx="316">
                  <c:v>99.37096373142181</c:v>
                </c:pt>
                <c:pt idx="317">
                  <c:v>99.37096373142181</c:v>
                </c:pt>
                <c:pt idx="318">
                  <c:v>99.370617816413557</c:v>
                </c:pt>
                <c:pt idx="319">
                  <c:v>99.370617816413557</c:v>
                </c:pt>
                <c:pt idx="320">
                  <c:v>99.370617816413557</c:v>
                </c:pt>
                <c:pt idx="321">
                  <c:v>99.370617816413557</c:v>
                </c:pt>
                <c:pt idx="322">
                  <c:v>99.37028207537611</c:v>
                </c:pt>
                <c:pt idx="323">
                  <c:v>99.37028207537611</c:v>
                </c:pt>
                <c:pt idx="324">
                  <c:v>99.37028207537611</c:v>
                </c:pt>
                <c:pt idx="325">
                  <c:v>99.369936160367828</c:v>
                </c:pt>
                <c:pt idx="326">
                  <c:v>99.369936160367828</c:v>
                </c:pt>
                <c:pt idx="327">
                  <c:v>99.369936160367828</c:v>
                </c:pt>
                <c:pt idx="328">
                  <c:v>99.369936160367828</c:v>
                </c:pt>
                <c:pt idx="329">
                  <c:v>99.369936160367828</c:v>
                </c:pt>
                <c:pt idx="330">
                  <c:v>99.369590245359561</c:v>
                </c:pt>
                <c:pt idx="331">
                  <c:v>99.369590245359561</c:v>
                </c:pt>
                <c:pt idx="332">
                  <c:v>99.369254504322114</c:v>
                </c:pt>
                <c:pt idx="333">
                  <c:v>99.368908589313847</c:v>
                </c:pt>
                <c:pt idx="334">
                  <c:v>99.368562674305565</c:v>
                </c:pt>
                <c:pt idx="335">
                  <c:v>99.368226933268105</c:v>
                </c:pt>
                <c:pt idx="336">
                  <c:v>99.367881018259851</c:v>
                </c:pt>
                <c:pt idx="337">
                  <c:v>99.367535103251555</c:v>
                </c:pt>
                <c:pt idx="338">
                  <c:v>99.367189188243287</c:v>
                </c:pt>
                <c:pt idx="339">
                  <c:v>99.366507532197573</c:v>
                </c:pt>
                <c:pt idx="340">
                  <c:v>99.366161617189306</c:v>
                </c:pt>
                <c:pt idx="341">
                  <c:v>99.36582587615186</c:v>
                </c:pt>
                <c:pt idx="342">
                  <c:v>99.365479961143564</c:v>
                </c:pt>
                <c:pt idx="343">
                  <c:v>99.36513404613531</c:v>
                </c:pt>
                <c:pt idx="344">
                  <c:v>99.36479830509785</c:v>
                </c:pt>
                <c:pt idx="345">
                  <c:v>99.3641064750813</c:v>
                </c:pt>
                <c:pt idx="346">
                  <c:v>99.363770734043868</c:v>
                </c:pt>
                <c:pt idx="347">
                  <c:v>99.363078904027319</c:v>
                </c:pt>
                <c:pt idx="348">
                  <c:v>99.362743162989887</c:v>
                </c:pt>
                <c:pt idx="349">
                  <c:v>99.362051332973309</c:v>
                </c:pt>
                <c:pt idx="350">
                  <c:v>99.361715591935862</c:v>
                </c:pt>
                <c:pt idx="351">
                  <c:v>99.361369676927609</c:v>
                </c:pt>
                <c:pt idx="352">
                  <c:v>99.361715591935862</c:v>
                </c:pt>
                <c:pt idx="353">
                  <c:v>99.362397247981605</c:v>
                </c:pt>
                <c:pt idx="354">
                  <c:v>99.3634248190356</c:v>
                </c:pt>
                <c:pt idx="355">
                  <c:v>99.3641064750813</c:v>
                </c:pt>
                <c:pt idx="356">
                  <c:v>99.36513404613531</c:v>
                </c:pt>
                <c:pt idx="357">
                  <c:v>99.366507532197573</c:v>
                </c:pt>
                <c:pt idx="358">
                  <c:v>99.367881018259851</c:v>
                </c:pt>
                <c:pt idx="359">
                  <c:v>99.369254504322114</c:v>
                </c:pt>
                <c:pt idx="360">
                  <c:v>99.37096373142181</c:v>
                </c:pt>
                <c:pt idx="361">
                  <c:v>99.372672958521548</c:v>
                </c:pt>
                <c:pt idx="362">
                  <c:v>99.374392359592093</c:v>
                </c:pt>
                <c:pt idx="363">
                  <c:v>99.376101586691803</c:v>
                </c:pt>
                <c:pt idx="364">
                  <c:v>99.377810813791513</c:v>
                </c:pt>
                <c:pt idx="365">
                  <c:v>99.379865955899504</c:v>
                </c:pt>
                <c:pt idx="366">
                  <c:v>99.381931271978331</c:v>
                </c:pt>
                <c:pt idx="367">
                  <c:v>99.383986414086337</c:v>
                </c:pt>
                <c:pt idx="368">
                  <c:v>99.385695641186047</c:v>
                </c:pt>
                <c:pt idx="369">
                  <c:v>99.387750783294038</c:v>
                </c:pt>
                <c:pt idx="370">
                  <c:v>99.389460010393719</c:v>
                </c:pt>
                <c:pt idx="371">
                  <c:v>99.391179411464279</c:v>
                </c:pt>
                <c:pt idx="372">
                  <c:v>99.392542723555707</c:v>
                </c:pt>
                <c:pt idx="373">
                  <c:v>99.394262124626266</c:v>
                </c:pt>
                <c:pt idx="374">
                  <c:v>99.395971351725976</c:v>
                </c:pt>
                <c:pt idx="375">
                  <c:v>99.397690752796521</c:v>
                </c:pt>
                <c:pt idx="376">
                  <c:v>99.398718323850517</c:v>
                </c:pt>
                <c:pt idx="377">
                  <c:v>99.399745894904513</c:v>
                </c:pt>
                <c:pt idx="378">
                  <c:v>99.400427550950226</c:v>
                </c:pt>
                <c:pt idx="379">
                  <c:v>99.400773465958508</c:v>
                </c:pt>
                <c:pt idx="380">
                  <c:v>99.401109206995955</c:v>
                </c:pt>
                <c:pt idx="381">
                  <c:v>99.401455122004222</c:v>
                </c:pt>
                <c:pt idx="382">
                  <c:v>99.401109206995955</c:v>
                </c:pt>
                <c:pt idx="383">
                  <c:v>99.400773465958508</c:v>
                </c:pt>
                <c:pt idx="384">
                  <c:v>99.400081635941945</c:v>
                </c:pt>
                <c:pt idx="385">
                  <c:v>99.399399979896245</c:v>
                </c:pt>
                <c:pt idx="386">
                  <c:v>99.398718323850517</c:v>
                </c:pt>
                <c:pt idx="387">
                  <c:v>99.397690752796521</c:v>
                </c:pt>
                <c:pt idx="388">
                  <c:v>99.396998922779986</c:v>
                </c:pt>
                <c:pt idx="389">
                  <c:v>99.395971351725976</c:v>
                </c:pt>
                <c:pt idx="390">
                  <c:v>99.394597865663698</c:v>
                </c:pt>
                <c:pt idx="391">
                  <c:v>99.393234553572285</c:v>
                </c:pt>
                <c:pt idx="392">
                  <c:v>99.391861067510007</c:v>
                </c:pt>
                <c:pt idx="393">
                  <c:v>99.390487581447744</c:v>
                </c:pt>
                <c:pt idx="394">
                  <c:v>99.389124269356273</c:v>
                </c:pt>
                <c:pt idx="395">
                  <c:v>99.387750783294038</c:v>
                </c:pt>
                <c:pt idx="396">
                  <c:v>99.386723212240028</c:v>
                </c:pt>
                <c:pt idx="397">
                  <c:v>99.385695641186047</c:v>
                </c:pt>
                <c:pt idx="398">
                  <c:v>99.385013985140304</c:v>
                </c:pt>
                <c:pt idx="399">
                  <c:v>99.383640499078041</c:v>
                </c:pt>
                <c:pt idx="400">
                  <c:v>99.382267013015763</c:v>
                </c:pt>
                <c:pt idx="401">
                  <c:v>99.3808935269535</c:v>
                </c:pt>
                <c:pt idx="402">
                  <c:v>99.379530214862058</c:v>
                </c:pt>
                <c:pt idx="403">
                  <c:v>99.377810813791513</c:v>
                </c:pt>
                <c:pt idx="404">
                  <c:v>99.376447501700099</c:v>
                </c:pt>
                <c:pt idx="405">
                  <c:v>99.375074015637807</c:v>
                </c:pt>
                <c:pt idx="406">
                  <c:v>99.373700529575544</c:v>
                </c:pt>
                <c:pt idx="407">
                  <c:v>99.372337217484102</c:v>
                </c:pt>
                <c:pt idx="408">
                  <c:v>99.37096373142181</c:v>
                </c:pt>
                <c:pt idx="409">
                  <c:v>99.369936160367828</c:v>
                </c:pt>
                <c:pt idx="410">
                  <c:v>99.368562674305565</c:v>
                </c:pt>
                <c:pt idx="411">
                  <c:v>99.367189188243287</c:v>
                </c:pt>
                <c:pt idx="412">
                  <c:v>99.36582587615186</c:v>
                </c:pt>
                <c:pt idx="413">
                  <c:v>99.36479830509785</c:v>
                </c:pt>
                <c:pt idx="414">
                  <c:v>99.363770734043868</c:v>
                </c:pt>
                <c:pt idx="415">
                  <c:v>99.362743162989887</c:v>
                </c:pt>
                <c:pt idx="416">
                  <c:v>99.361369676927609</c:v>
                </c:pt>
                <c:pt idx="417">
                  <c:v>99.359996190865331</c:v>
                </c:pt>
                <c:pt idx="418">
                  <c:v>99.358286963765622</c:v>
                </c:pt>
                <c:pt idx="419">
                  <c:v>99.356577736665912</c:v>
                </c:pt>
                <c:pt idx="420">
                  <c:v>99.354858335595367</c:v>
                </c:pt>
                <c:pt idx="421">
                  <c:v>99.353149108495657</c:v>
                </c:pt>
                <c:pt idx="422">
                  <c:v>99.351429707425098</c:v>
                </c:pt>
                <c:pt idx="423">
                  <c:v>99.349720480325388</c:v>
                </c:pt>
                <c:pt idx="424">
                  <c:v>99.348011253225664</c:v>
                </c:pt>
                <c:pt idx="425">
                  <c:v>99.346291852155119</c:v>
                </c:pt>
                <c:pt idx="426">
                  <c:v>99.344582625055409</c:v>
                </c:pt>
                <c:pt idx="427">
                  <c:v>99.342873397955685</c:v>
                </c:pt>
                <c:pt idx="428">
                  <c:v>99.340808081876887</c:v>
                </c:pt>
                <c:pt idx="429">
                  <c:v>99.338752939768881</c:v>
                </c:pt>
                <c:pt idx="430">
                  <c:v>99.336697797660875</c:v>
                </c:pt>
                <c:pt idx="431">
                  <c:v>99.334306914515452</c:v>
                </c:pt>
                <c:pt idx="432">
                  <c:v>99.331905857399192</c:v>
                </c:pt>
                <c:pt idx="433">
                  <c:v>99.329504800282933</c:v>
                </c:pt>
                <c:pt idx="434">
                  <c:v>99.327449658174942</c:v>
                </c:pt>
                <c:pt idx="435">
                  <c:v>99.325048601058668</c:v>
                </c:pt>
                <c:pt idx="436">
                  <c:v>99.322993458950691</c:v>
                </c:pt>
                <c:pt idx="437">
                  <c:v>99.320602575805253</c:v>
                </c:pt>
                <c:pt idx="438">
                  <c:v>99.318201518688994</c:v>
                </c:pt>
                <c:pt idx="439">
                  <c:v>99.316146376580988</c:v>
                </c:pt>
                <c:pt idx="440">
                  <c:v>99.313745319464715</c:v>
                </c:pt>
                <c:pt idx="441">
                  <c:v>99.312036092365005</c:v>
                </c:pt>
                <c:pt idx="442">
                  <c:v>99.309980950257042</c:v>
                </c:pt>
                <c:pt idx="443">
                  <c:v>99.308261549186469</c:v>
                </c:pt>
                <c:pt idx="444">
                  <c:v>99.306206407078506</c:v>
                </c:pt>
                <c:pt idx="445">
                  <c:v>99.304151264970514</c:v>
                </c:pt>
                <c:pt idx="446">
                  <c:v>99.302096122862508</c:v>
                </c:pt>
                <c:pt idx="447">
                  <c:v>99.299695065746235</c:v>
                </c:pt>
                <c:pt idx="448">
                  <c:v>99.297304182600811</c:v>
                </c:pt>
                <c:pt idx="449">
                  <c:v>99.29455721047627</c:v>
                </c:pt>
                <c:pt idx="450">
                  <c:v>99.292166327330818</c:v>
                </c:pt>
                <c:pt idx="451">
                  <c:v>99.290111185222855</c:v>
                </c:pt>
                <c:pt idx="452">
                  <c:v>99.288045869144042</c:v>
                </c:pt>
                <c:pt idx="453">
                  <c:v>99.286336642044319</c:v>
                </c:pt>
                <c:pt idx="454">
                  <c:v>99.284627414944595</c:v>
                </c:pt>
                <c:pt idx="455">
                  <c:v>99.282908013874049</c:v>
                </c:pt>
                <c:pt idx="456">
                  <c:v>99.28119878677434</c:v>
                </c:pt>
                <c:pt idx="457">
                  <c:v>99.279143644666334</c:v>
                </c:pt>
                <c:pt idx="458">
                  <c:v>99.277434417566624</c:v>
                </c:pt>
                <c:pt idx="459">
                  <c:v>99.275379275458647</c:v>
                </c:pt>
                <c:pt idx="460">
                  <c:v>99.272978218342374</c:v>
                </c:pt>
                <c:pt idx="461">
                  <c:v>99.270923076234396</c:v>
                </c:pt>
                <c:pt idx="462">
                  <c:v>99.268522019118109</c:v>
                </c:pt>
                <c:pt idx="463">
                  <c:v>99.266466877010146</c:v>
                </c:pt>
                <c:pt idx="464">
                  <c:v>99.263730078856426</c:v>
                </c:pt>
                <c:pt idx="465">
                  <c:v>99.260983106731871</c:v>
                </c:pt>
                <c:pt idx="466">
                  <c:v>99.25824630857818</c:v>
                </c:pt>
                <c:pt idx="467">
                  <c:v>99.255499336453624</c:v>
                </c:pt>
                <c:pt idx="468">
                  <c:v>99.252762538299919</c:v>
                </c:pt>
                <c:pt idx="469">
                  <c:v>99.25036148118366</c:v>
                </c:pt>
                <c:pt idx="470">
                  <c:v>99.247960424067386</c:v>
                </c:pt>
                <c:pt idx="471">
                  <c:v>99.245569540921963</c:v>
                </c:pt>
                <c:pt idx="472">
                  <c:v>99.243168483805675</c:v>
                </c:pt>
                <c:pt idx="473">
                  <c:v>99.240431685651998</c:v>
                </c:pt>
                <c:pt idx="474">
                  <c:v>99.238030628535725</c:v>
                </c:pt>
                <c:pt idx="475">
                  <c:v>99.235629571419437</c:v>
                </c:pt>
                <c:pt idx="476">
                  <c:v>99.232892773265732</c:v>
                </c:pt>
                <c:pt idx="477">
                  <c:v>99.230145801141205</c:v>
                </c:pt>
                <c:pt idx="478">
                  <c:v>99.2274090029875</c:v>
                </c:pt>
                <c:pt idx="479">
                  <c:v>99.224326289825513</c:v>
                </c:pt>
                <c:pt idx="480">
                  <c:v>99.221579317700957</c:v>
                </c:pt>
                <c:pt idx="481">
                  <c:v>99.218496604538998</c:v>
                </c:pt>
                <c:pt idx="482">
                  <c:v>99.215759806385279</c:v>
                </c:pt>
                <c:pt idx="483">
                  <c:v>99.212677093223306</c:v>
                </c:pt>
                <c:pt idx="484">
                  <c:v>99.209940295069572</c:v>
                </c:pt>
                <c:pt idx="485">
                  <c:v>99.207193322945045</c:v>
                </c:pt>
                <c:pt idx="486">
                  <c:v>99.204110609783044</c:v>
                </c:pt>
                <c:pt idx="487">
                  <c:v>99.201373811629352</c:v>
                </c:pt>
                <c:pt idx="488">
                  <c:v>99.198626839504811</c:v>
                </c:pt>
                <c:pt idx="489">
                  <c:v>99.195890041351106</c:v>
                </c:pt>
                <c:pt idx="490">
                  <c:v>99.1938348992431</c:v>
                </c:pt>
                <c:pt idx="491">
                  <c:v>99.191087927118573</c:v>
                </c:pt>
                <c:pt idx="492">
                  <c:v>99.188351128964854</c:v>
                </c:pt>
                <c:pt idx="493">
                  <c:v>99.185614330811148</c:v>
                </c:pt>
                <c:pt idx="494">
                  <c:v>99.182867358686593</c:v>
                </c:pt>
                <c:pt idx="495">
                  <c:v>99.180466301570334</c:v>
                </c:pt>
                <c:pt idx="496">
                  <c:v>99.177729503416629</c:v>
                </c:pt>
                <c:pt idx="497">
                  <c:v>99.174992705262923</c:v>
                </c:pt>
                <c:pt idx="498">
                  <c:v>99.172245733138382</c:v>
                </c:pt>
                <c:pt idx="499">
                  <c:v>99.169508934984677</c:v>
                </c:pt>
                <c:pt idx="500">
                  <c:v>99.167107877868418</c:v>
                </c:pt>
                <c:pt idx="501">
                  <c:v>99.164371079714684</c:v>
                </c:pt>
                <c:pt idx="502">
                  <c:v>99.161970022598439</c:v>
                </c:pt>
                <c:pt idx="503">
                  <c:v>99.159233224444733</c:v>
                </c:pt>
                <c:pt idx="504">
                  <c:v>99.156150511282732</c:v>
                </c:pt>
                <c:pt idx="505">
                  <c:v>99.153057624149923</c:v>
                </c:pt>
                <c:pt idx="506">
                  <c:v>99.150666741004486</c:v>
                </c:pt>
                <c:pt idx="507">
                  <c:v>99.147919768879945</c:v>
                </c:pt>
                <c:pt idx="508">
                  <c:v>99.145528885734521</c:v>
                </c:pt>
                <c:pt idx="509">
                  <c:v>99.143127828618262</c:v>
                </c:pt>
                <c:pt idx="510">
                  <c:v>99.140726771501974</c:v>
                </c:pt>
                <c:pt idx="511">
                  <c:v>99.137989973348283</c:v>
                </c:pt>
                <c:pt idx="512">
                  <c:v>99.135588916231995</c:v>
                </c:pt>
                <c:pt idx="513">
                  <c:v>99.13285211807829</c:v>
                </c:pt>
                <c:pt idx="514">
                  <c:v>99.129769404916303</c:v>
                </c:pt>
                <c:pt idx="515">
                  <c:v>99.12667651778348</c:v>
                </c:pt>
                <c:pt idx="516">
                  <c:v>99.123593804621521</c:v>
                </c:pt>
                <c:pt idx="517">
                  <c:v>99.120857006467787</c:v>
                </c:pt>
                <c:pt idx="518">
                  <c:v>99.117774293305828</c:v>
                </c:pt>
                <c:pt idx="519">
                  <c:v>99.115373236189569</c:v>
                </c:pt>
                <c:pt idx="520">
                  <c:v>99.112290523027582</c:v>
                </c:pt>
                <c:pt idx="521">
                  <c:v>99.109553724873862</c:v>
                </c:pt>
                <c:pt idx="522">
                  <c:v>99.106806752749335</c:v>
                </c:pt>
                <c:pt idx="523">
                  <c:v>99.103724039587334</c:v>
                </c:pt>
                <c:pt idx="524">
                  <c:v>99.100987241433643</c:v>
                </c:pt>
                <c:pt idx="525">
                  <c:v>99.097558613263388</c:v>
                </c:pt>
                <c:pt idx="526">
                  <c:v>99.094475900101386</c:v>
                </c:pt>
                <c:pt idx="527">
                  <c:v>99.091393186939385</c:v>
                </c:pt>
                <c:pt idx="528">
                  <c:v>99.088646214814858</c:v>
                </c:pt>
                <c:pt idx="529">
                  <c:v>99.085563501652871</c:v>
                </c:pt>
                <c:pt idx="530">
                  <c:v>99.082480788490884</c:v>
                </c:pt>
                <c:pt idx="531">
                  <c:v>99.079743990337178</c:v>
                </c:pt>
                <c:pt idx="532">
                  <c:v>99.076661277175191</c:v>
                </c:pt>
                <c:pt idx="533">
                  <c:v>99.073578564013218</c:v>
                </c:pt>
                <c:pt idx="534">
                  <c:v>99.070495850851231</c:v>
                </c:pt>
                <c:pt idx="535">
                  <c:v>99.067413137689229</c:v>
                </c:pt>
                <c:pt idx="536">
                  <c:v>99.06433042452727</c:v>
                </c:pt>
                <c:pt idx="537">
                  <c:v>99.061583452402729</c:v>
                </c:pt>
                <c:pt idx="538">
                  <c:v>99.058500739240728</c:v>
                </c:pt>
                <c:pt idx="539">
                  <c:v>99.055763941087022</c:v>
                </c:pt>
                <c:pt idx="540">
                  <c:v>99.053016968962481</c:v>
                </c:pt>
                <c:pt idx="541">
                  <c:v>99.050280170808776</c:v>
                </c:pt>
                <c:pt idx="542">
                  <c:v>99.047197457646789</c:v>
                </c:pt>
                <c:pt idx="543">
                  <c:v>99.044450485522233</c:v>
                </c:pt>
                <c:pt idx="544">
                  <c:v>99.04136777236026</c:v>
                </c:pt>
                <c:pt idx="545">
                  <c:v>99.038285059198259</c:v>
                </c:pt>
                <c:pt idx="546">
                  <c:v>99.034856431028018</c:v>
                </c:pt>
                <c:pt idx="547">
                  <c:v>99.031773717866017</c:v>
                </c:pt>
                <c:pt idx="548">
                  <c:v>99.028691004704044</c:v>
                </c:pt>
                <c:pt idx="549">
                  <c:v>99.02527255050461</c:v>
                </c:pt>
                <c:pt idx="550">
                  <c:v>99.022179663371816</c:v>
                </c:pt>
                <c:pt idx="551">
                  <c:v>99.019096950209814</c:v>
                </c:pt>
                <c:pt idx="552">
                  <c:v>99.016014237047827</c:v>
                </c:pt>
                <c:pt idx="553">
                  <c:v>99.012595782848408</c:v>
                </c:pt>
                <c:pt idx="554">
                  <c:v>99.009167154678138</c:v>
                </c:pt>
                <c:pt idx="555">
                  <c:v>99.005738526507884</c:v>
                </c:pt>
                <c:pt idx="556">
                  <c:v>99.002655813345925</c:v>
                </c:pt>
                <c:pt idx="557">
                  <c:v>98.999573100183923</c:v>
                </c:pt>
                <c:pt idx="558">
                  <c:v>98.995798557005386</c:v>
                </c:pt>
                <c:pt idx="559">
                  <c:v>98.992034187797685</c:v>
                </c:pt>
                <c:pt idx="560">
                  <c:v>98.98826981858997</c:v>
                </c:pt>
                <c:pt idx="561">
                  <c:v>98.984495275411433</c:v>
                </c:pt>
                <c:pt idx="562">
                  <c:v>98.980730906203746</c:v>
                </c:pt>
                <c:pt idx="563">
                  <c:v>98.976956363025195</c:v>
                </c:pt>
                <c:pt idx="564">
                  <c:v>98.973191993817494</c:v>
                </c:pt>
                <c:pt idx="565">
                  <c:v>98.969417450638957</c:v>
                </c:pt>
                <c:pt idx="566">
                  <c:v>98.965307166422974</c:v>
                </c:pt>
                <c:pt idx="567">
                  <c:v>98.961542797215273</c:v>
                </c:pt>
                <c:pt idx="568">
                  <c:v>98.957432512999304</c:v>
                </c:pt>
                <c:pt idx="569">
                  <c:v>98.953657969820767</c:v>
                </c:pt>
                <c:pt idx="570">
                  <c:v>98.949893600613052</c:v>
                </c:pt>
                <c:pt idx="571">
                  <c:v>98.946129231405351</c:v>
                </c:pt>
                <c:pt idx="572">
                  <c:v>98.9423546882268</c:v>
                </c:pt>
                <c:pt idx="573">
                  <c:v>98.938244404010817</c:v>
                </c:pt>
                <c:pt idx="574">
                  <c:v>98.93448003480313</c:v>
                </c:pt>
                <c:pt idx="575">
                  <c:v>98.930705491624593</c:v>
                </c:pt>
                <c:pt idx="576">
                  <c:v>98.92659520740861</c:v>
                </c:pt>
                <c:pt idx="577">
                  <c:v>98.922830838200909</c:v>
                </c:pt>
                <c:pt idx="578">
                  <c:v>98.918720553984926</c:v>
                </c:pt>
                <c:pt idx="579">
                  <c:v>98.914946010806389</c:v>
                </c:pt>
                <c:pt idx="580">
                  <c:v>98.910835726590406</c:v>
                </c:pt>
                <c:pt idx="581">
                  <c:v>98.906725442374423</c:v>
                </c:pt>
                <c:pt idx="582">
                  <c:v>98.902615158158454</c:v>
                </c:pt>
                <c:pt idx="583">
                  <c:v>98.898840614979918</c:v>
                </c:pt>
                <c:pt idx="584">
                  <c:v>98.895076245772216</c:v>
                </c:pt>
                <c:pt idx="585">
                  <c:v>98.891311876564515</c:v>
                </c:pt>
                <c:pt idx="586">
                  <c:v>98.887537333385978</c:v>
                </c:pt>
                <c:pt idx="587">
                  <c:v>98.883772964178277</c:v>
                </c:pt>
                <c:pt idx="588">
                  <c:v>98.87999842099974</c:v>
                </c:pt>
                <c:pt idx="589">
                  <c:v>98.876569792829457</c:v>
                </c:pt>
                <c:pt idx="590">
                  <c:v>98.872805423621756</c:v>
                </c:pt>
                <c:pt idx="591">
                  <c:v>98.869041054414055</c:v>
                </c:pt>
                <c:pt idx="592">
                  <c:v>98.8656124262438</c:v>
                </c:pt>
                <c:pt idx="593">
                  <c:v>98.861837883065263</c:v>
                </c:pt>
                <c:pt idx="594">
                  <c:v>98.858073513857562</c:v>
                </c:pt>
                <c:pt idx="595">
                  <c:v>98.853963229641579</c:v>
                </c:pt>
                <c:pt idx="596">
                  <c:v>98.850534601471324</c:v>
                </c:pt>
                <c:pt idx="597">
                  <c:v>98.846770232263623</c:v>
                </c:pt>
                <c:pt idx="598">
                  <c:v>98.842995689085086</c:v>
                </c:pt>
                <c:pt idx="599">
                  <c:v>98.839231319877385</c:v>
                </c:pt>
                <c:pt idx="600">
                  <c:v>98.835456776698848</c:v>
                </c:pt>
                <c:pt idx="601">
                  <c:v>98.831692407491147</c:v>
                </c:pt>
                <c:pt idx="602">
                  <c:v>98.827928038283432</c:v>
                </c:pt>
                <c:pt idx="603">
                  <c:v>98.823807580096613</c:v>
                </c:pt>
                <c:pt idx="604">
                  <c:v>98.819697295880644</c:v>
                </c:pt>
                <c:pt idx="605">
                  <c:v>98.815587011664689</c:v>
                </c:pt>
                <c:pt idx="606">
                  <c:v>98.811476727448706</c:v>
                </c:pt>
                <c:pt idx="607">
                  <c:v>98.807366443232709</c:v>
                </c:pt>
                <c:pt idx="608">
                  <c:v>98.80325615901674</c:v>
                </c:pt>
                <c:pt idx="609">
                  <c:v>98.79879995979249</c:v>
                </c:pt>
                <c:pt idx="610">
                  <c:v>98.794689675576507</c:v>
                </c:pt>
                <c:pt idx="611">
                  <c:v>98.790579391360509</c:v>
                </c:pt>
                <c:pt idx="612">
                  <c:v>98.786123192136273</c:v>
                </c:pt>
                <c:pt idx="613">
                  <c:v>98.782012907920276</c:v>
                </c:pt>
                <c:pt idx="614">
                  <c:v>98.777556708696025</c:v>
                </c:pt>
                <c:pt idx="615">
                  <c:v>98.773446424480056</c:v>
                </c:pt>
                <c:pt idx="616">
                  <c:v>98.768654484218345</c:v>
                </c:pt>
                <c:pt idx="617">
                  <c:v>98.764198284994094</c:v>
                </c:pt>
                <c:pt idx="618">
                  <c:v>98.759406344732398</c:v>
                </c:pt>
                <c:pt idx="619">
                  <c:v>98.754950145508147</c:v>
                </c:pt>
                <c:pt idx="620">
                  <c:v>98.750493946283882</c:v>
                </c:pt>
                <c:pt idx="621">
                  <c:v>98.745702006022199</c:v>
                </c:pt>
                <c:pt idx="622">
                  <c:v>98.740553976781399</c:v>
                </c:pt>
                <c:pt idx="623">
                  <c:v>98.735762036519674</c:v>
                </c:pt>
                <c:pt idx="624">
                  <c:v>98.730959922287141</c:v>
                </c:pt>
                <c:pt idx="625">
                  <c:v>98.725822067017177</c:v>
                </c:pt>
                <c:pt idx="626">
                  <c:v>98.721030126755466</c:v>
                </c:pt>
                <c:pt idx="627">
                  <c:v>98.715892271485501</c:v>
                </c:pt>
                <c:pt idx="628">
                  <c:v>98.711090157252983</c:v>
                </c:pt>
                <c:pt idx="629">
                  <c:v>98.706298216991271</c:v>
                </c:pt>
                <c:pt idx="630">
                  <c:v>98.701496102758739</c:v>
                </c:pt>
                <c:pt idx="631">
                  <c:v>98.696358247488774</c:v>
                </c:pt>
                <c:pt idx="632">
                  <c:v>98.691566307227063</c:v>
                </c:pt>
                <c:pt idx="633">
                  <c:v>98.686428451957084</c:v>
                </c:pt>
                <c:pt idx="634">
                  <c:v>98.681290596687134</c:v>
                </c:pt>
                <c:pt idx="635">
                  <c:v>98.675806826408859</c:v>
                </c:pt>
                <c:pt idx="636">
                  <c:v>98.670668971138909</c:v>
                </c:pt>
                <c:pt idx="637">
                  <c:v>98.665185200860648</c:v>
                </c:pt>
                <c:pt idx="638">
                  <c:v>98.660047345590669</c:v>
                </c:pt>
                <c:pt idx="639">
                  <c:v>98.654909490320691</c:v>
                </c:pt>
                <c:pt idx="640">
                  <c:v>98.649761461079905</c:v>
                </c:pt>
                <c:pt idx="641">
                  <c:v>98.64428786477248</c:v>
                </c:pt>
                <c:pt idx="642">
                  <c:v>98.638804094494219</c:v>
                </c:pt>
                <c:pt idx="643">
                  <c:v>98.633320324215973</c:v>
                </c:pt>
                <c:pt idx="644">
                  <c:v>98.628182468946008</c:v>
                </c:pt>
                <c:pt idx="645">
                  <c:v>98.622698698667747</c:v>
                </c:pt>
                <c:pt idx="646">
                  <c:v>98.617214928389487</c:v>
                </c:pt>
                <c:pt idx="647">
                  <c:v>98.611741332082076</c:v>
                </c:pt>
                <c:pt idx="648">
                  <c:v>98.606257561803815</c:v>
                </c:pt>
                <c:pt idx="649">
                  <c:v>98.600773791525569</c:v>
                </c:pt>
                <c:pt idx="650">
                  <c:v>98.595635936255619</c:v>
                </c:pt>
                <c:pt idx="651">
                  <c:v>98.59049808098564</c:v>
                </c:pt>
                <c:pt idx="652">
                  <c:v>98.585014310707379</c:v>
                </c:pt>
                <c:pt idx="653">
                  <c:v>98.579530540429133</c:v>
                </c:pt>
                <c:pt idx="654">
                  <c:v>98.574046770150886</c:v>
                </c:pt>
                <c:pt idx="655">
                  <c:v>98.568562999872626</c:v>
                </c:pt>
                <c:pt idx="656">
                  <c:v>98.563089403565215</c:v>
                </c:pt>
                <c:pt idx="657">
                  <c:v>98.557605633286968</c:v>
                </c:pt>
                <c:pt idx="658">
                  <c:v>98.552121863008722</c:v>
                </c:pt>
                <c:pt idx="659">
                  <c:v>98.546638092730461</c:v>
                </c:pt>
                <c:pt idx="660">
                  <c:v>98.540818581414783</c:v>
                </c:pt>
                <c:pt idx="661">
                  <c:v>98.534653155090794</c:v>
                </c:pt>
                <c:pt idx="662">
                  <c:v>98.52882346980428</c:v>
                </c:pt>
                <c:pt idx="663">
                  <c:v>98.522312128472038</c:v>
                </c:pt>
                <c:pt idx="664">
                  <c:v>98.516146702148049</c:v>
                </c:pt>
                <c:pt idx="665">
                  <c:v>98.509981275824103</c:v>
                </c:pt>
                <c:pt idx="666">
                  <c:v>98.50415159053756</c:v>
                </c:pt>
                <c:pt idx="667">
                  <c:v>98.497986164213586</c:v>
                </c:pt>
                <c:pt idx="668">
                  <c:v>98.492166652897907</c:v>
                </c:pt>
                <c:pt idx="669">
                  <c:v>98.486001226573933</c:v>
                </c:pt>
                <c:pt idx="670">
                  <c:v>98.479489885241691</c:v>
                </c:pt>
                <c:pt idx="671">
                  <c:v>98.472978543909434</c:v>
                </c:pt>
                <c:pt idx="672">
                  <c:v>98.466467202577206</c:v>
                </c:pt>
                <c:pt idx="673">
                  <c:v>98.45995586124495</c:v>
                </c:pt>
                <c:pt idx="674">
                  <c:v>98.453108778875247</c:v>
                </c:pt>
                <c:pt idx="675">
                  <c:v>98.446251522534737</c:v>
                </c:pt>
                <c:pt idx="676">
                  <c:v>98.439404440165063</c:v>
                </c:pt>
                <c:pt idx="677">
                  <c:v>98.432547183824539</c:v>
                </c:pt>
                <c:pt idx="678">
                  <c:v>98.425354186446569</c:v>
                </c:pt>
                <c:pt idx="679">
                  <c:v>98.418161189068599</c:v>
                </c:pt>
                <c:pt idx="680">
                  <c:v>98.410968191690642</c:v>
                </c:pt>
                <c:pt idx="681">
                  <c:v>98.403429279304405</c:v>
                </c:pt>
                <c:pt idx="682">
                  <c:v>98.396236281926434</c:v>
                </c:pt>
                <c:pt idx="683">
                  <c:v>98.388697369540196</c:v>
                </c:pt>
                <c:pt idx="684">
                  <c:v>98.381158457153958</c:v>
                </c:pt>
                <c:pt idx="685">
                  <c:v>98.373965459775988</c:v>
                </c:pt>
                <c:pt idx="686">
                  <c:v>98.366772462398032</c:v>
                </c:pt>
                <c:pt idx="687">
                  <c:v>98.35923355001178</c:v>
                </c:pt>
                <c:pt idx="688">
                  <c:v>98.352040552633838</c:v>
                </c:pt>
                <c:pt idx="689">
                  <c:v>98.3445016402476</c:v>
                </c:pt>
                <c:pt idx="690">
                  <c:v>98.336616812853066</c:v>
                </c:pt>
                <c:pt idx="691">
                  <c:v>98.328742159429368</c:v>
                </c:pt>
                <c:pt idx="692">
                  <c:v>98.320857332034876</c:v>
                </c:pt>
                <c:pt idx="693">
                  <c:v>98.312982678611206</c:v>
                </c:pt>
                <c:pt idx="694">
                  <c:v>98.305097851216672</c:v>
                </c:pt>
                <c:pt idx="695">
                  <c:v>98.297223197792988</c:v>
                </c:pt>
                <c:pt idx="696">
                  <c:v>98.288992455390201</c:v>
                </c:pt>
                <c:pt idx="697">
                  <c:v>98.280771886958235</c:v>
                </c:pt>
                <c:pt idx="698">
                  <c:v>98.272551318526268</c:v>
                </c:pt>
                <c:pt idx="699">
                  <c:v>98.263984835086063</c:v>
                </c:pt>
                <c:pt idx="700">
                  <c:v>98.255764266654083</c:v>
                </c:pt>
                <c:pt idx="701">
                  <c:v>98.247197783213835</c:v>
                </c:pt>
                <c:pt idx="702">
                  <c:v>98.238631299773616</c:v>
                </c:pt>
                <c:pt idx="703">
                  <c:v>98.230064816333396</c:v>
                </c:pt>
                <c:pt idx="704">
                  <c:v>98.221498332893148</c:v>
                </c:pt>
                <c:pt idx="705">
                  <c:v>98.212931849452914</c:v>
                </c:pt>
                <c:pt idx="706">
                  <c:v>98.204029624975234</c:v>
                </c:pt>
                <c:pt idx="707">
                  <c:v>98.195117226526733</c:v>
                </c:pt>
                <c:pt idx="708">
                  <c:v>98.185869087040771</c:v>
                </c:pt>
                <c:pt idx="709">
                  <c:v>98.17662094755481</c:v>
                </c:pt>
                <c:pt idx="710">
                  <c:v>98.167372808068862</c:v>
                </c:pt>
                <c:pt idx="711">
                  <c:v>98.157778753574647</c:v>
                </c:pt>
                <c:pt idx="712">
                  <c:v>98.148184699080403</c:v>
                </c:pt>
                <c:pt idx="713">
                  <c:v>98.138590644586174</c:v>
                </c:pt>
                <c:pt idx="714">
                  <c:v>98.128650675083662</c:v>
                </c:pt>
                <c:pt idx="715">
                  <c:v>98.118720879551987</c:v>
                </c:pt>
                <c:pt idx="716">
                  <c:v>98.108445169012043</c:v>
                </c:pt>
                <c:pt idx="717">
                  <c:v>98.09850519950956</c:v>
                </c:pt>
                <c:pt idx="718">
                  <c:v>98.088229488969574</c:v>
                </c:pt>
                <c:pt idx="719">
                  <c:v>98.077607863421377</c:v>
                </c:pt>
                <c:pt idx="720">
                  <c:v>98.067321978910599</c:v>
                </c:pt>
                <c:pt idx="721">
                  <c:v>98.056364612324927</c:v>
                </c:pt>
                <c:pt idx="722">
                  <c:v>98.045742986776702</c:v>
                </c:pt>
                <c:pt idx="723">
                  <c:v>98.034775446220195</c:v>
                </c:pt>
                <c:pt idx="724">
                  <c:v>98.023818079634523</c:v>
                </c:pt>
                <c:pt idx="725">
                  <c:v>98.01285053907803</c:v>
                </c:pt>
                <c:pt idx="726">
                  <c:v>98.001547257484091</c:v>
                </c:pt>
                <c:pt idx="727">
                  <c:v>97.990243975890152</c:v>
                </c:pt>
                <c:pt idx="728">
                  <c:v>97.978930520325349</c:v>
                </c:pt>
                <c:pt idx="729">
                  <c:v>97.967627238731424</c:v>
                </c:pt>
                <c:pt idx="730">
                  <c:v>97.956659698174903</c:v>
                </c:pt>
                <c:pt idx="731">
                  <c:v>97.945356416580992</c:v>
                </c:pt>
                <c:pt idx="732">
                  <c:v>97.934053134987039</c:v>
                </c:pt>
                <c:pt idx="733">
                  <c:v>97.9227498533931</c:v>
                </c:pt>
                <c:pt idx="734">
                  <c:v>97.911782312836593</c:v>
                </c:pt>
                <c:pt idx="735">
                  <c:v>97.900814772280086</c:v>
                </c:pt>
                <c:pt idx="736">
                  <c:v>97.889857405694428</c:v>
                </c:pt>
                <c:pt idx="737">
                  <c:v>97.878543950129639</c:v>
                </c:pt>
                <c:pt idx="738">
                  <c:v>97.867586583543982</c:v>
                </c:pt>
                <c:pt idx="739">
                  <c:v>97.855937386941761</c:v>
                </c:pt>
                <c:pt idx="740">
                  <c:v>97.844634105347822</c:v>
                </c:pt>
                <c:pt idx="741">
                  <c:v>97.832984908745601</c:v>
                </c:pt>
                <c:pt idx="742">
                  <c:v>97.821335712143366</c:v>
                </c:pt>
                <c:pt idx="743">
                  <c:v>97.809686515541159</c:v>
                </c:pt>
                <c:pt idx="744">
                  <c:v>97.798037318938938</c:v>
                </c:pt>
                <c:pt idx="745">
                  <c:v>97.785696292320154</c:v>
                </c:pt>
                <c:pt idx="746">
                  <c:v>97.773711354680501</c:v>
                </c:pt>
                <c:pt idx="747">
                  <c:v>97.76103458702427</c:v>
                </c:pt>
                <c:pt idx="748">
                  <c:v>97.748357819368081</c:v>
                </c:pt>
                <c:pt idx="749">
                  <c:v>97.735335136703597</c:v>
                </c:pt>
                <c:pt idx="750">
                  <c:v>97.722312454039113</c:v>
                </c:pt>
                <c:pt idx="751">
                  <c:v>97.708954030337154</c:v>
                </c:pt>
                <c:pt idx="752">
                  <c:v>97.695249691626955</c:v>
                </c:pt>
                <c:pt idx="753">
                  <c:v>97.681199437908461</c:v>
                </c:pt>
                <c:pt idx="754">
                  <c:v>97.667495099198263</c:v>
                </c:pt>
                <c:pt idx="755">
                  <c:v>97.65379076048805</c:v>
                </c:pt>
                <c:pt idx="756">
                  <c:v>97.639750680740406</c:v>
                </c:pt>
                <c:pt idx="757">
                  <c:v>97.625700427021926</c:v>
                </c:pt>
                <c:pt idx="758">
                  <c:v>97.611650173303431</c:v>
                </c:pt>
                <c:pt idx="759">
                  <c:v>97.597264178547491</c:v>
                </c:pt>
                <c:pt idx="760">
                  <c:v>97.582878183791564</c:v>
                </c:pt>
                <c:pt idx="761">
                  <c:v>97.568146274027356</c:v>
                </c:pt>
                <c:pt idx="762">
                  <c:v>97.55306844925488</c:v>
                </c:pt>
                <c:pt idx="763">
                  <c:v>97.538336539490686</c:v>
                </c:pt>
                <c:pt idx="764">
                  <c:v>97.523604629726478</c:v>
                </c:pt>
                <c:pt idx="765">
                  <c:v>97.508872719962284</c:v>
                </c:pt>
                <c:pt idx="766">
                  <c:v>97.493794895189794</c:v>
                </c:pt>
                <c:pt idx="767">
                  <c:v>97.479062985425585</c:v>
                </c:pt>
                <c:pt idx="768">
                  <c:v>97.463985160653124</c:v>
                </c:pt>
                <c:pt idx="769">
                  <c:v>97.448917509851469</c:v>
                </c:pt>
                <c:pt idx="770">
                  <c:v>97.433839685078993</c:v>
                </c:pt>
                <c:pt idx="771">
                  <c:v>97.418761860306503</c:v>
                </c:pt>
                <c:pt idx="772">
                  <c:v>97.403684035534027</c:v>
                </c:pt>
                <c:pt idx="773">
                  <c:v>97.388270469724119</c:v>
                </c:pt>
                <c:pt idx="774">
                  <c:v>97.372856903914183</c:v>
                </c:pt>
                <c:pt idx="775">
                  <c:v>97.357433164133425</c:v>
                </c:pt>
                <c:pt idx="776">
                  <c:v>97.342019598323489</c:v>
                </c:pt>
                <c:pt idx="777">
                  <c:v>97.325914202497032</c:v>
                </c:pt>
                <c:pt idx="778">
                  <c:v>97.309808806670546</c:v>
                </c:pt>
                <c:pt idx="779">
                  <c:v>97.293367669806642</c:v>
                </c:pt>
                <c:pt idx="780">
                  <c:v>97.276580617934442</c:v>
                </c:pt>
                <c:pt idx="781">
                  <c:v>97.259447651053961</c:v>
                </c:pt>
                <c:pt idx="782">
                  <c:v>97.241978943136061</c:v>
                </c:pt>
                <c:pt idx="783">
                  <c:v>97.224845976255594</c:v>
                </c:pt>
                <c:pt idx="784">
                  <c:v>97.20737726833768</c:v>
                </c:pt>
                <c:pt idx="785">
                  <c:v>97.189898386448931</c:v>
                </c:pt>
                <c:pt idx="786">
                  <c:v>97.172765419568449</c:v>
                </c:pt>
                <c:pt idx="787">
                  <c:v>97.15529671165055</c:v>
                </c:pt>
                <c:pt idx="788">
                  <c:v>97.137817829761815</c:v>
                </c:pt>
                <c:pt idx="789">
                  <c:v>97.120003206835619</c:v>
                </c:pt>
                <c:pt idx="790">
                  <c:v>97.102188583909438</c:v>
                </c:pt>
                <c:pt idx="791">
                  <c:v>97.08471987599151</c:v>
                </c:pt>
                <c:pt idx="792">
                  <c:v>97.066905253065329</c:v>
                </c:pt>
                <c:pt idx="793">
                  <c:v>97.049090630139133</c:v>
                </c:pt>
                <c:pt idx="794">
                  <c:v>97.030930092204684</c:v>
                </c:pt>
                <c:pt idx="795">
                  <c:v>97.013115469278461</c:v>
                </c:pt>
                <c:pt idx="796">
                  <c:v>96.994954931344012</c:v>
                </c:pt>
                <c:pt idx="797">
                  <c:v>96.976794393409548</c:v>
                </c:pt>
                <c:pt idx="798">
                  <c:v>96.958979770483353</c:v>
                </c:pt>
                <c:pt idx="799">
                  <c:v>96.94081923254889</c:v>
                </c:pt>
                <c:pt idx="800">
                  <c:v>96.922322953576995</c:v>
                </c:pt>
                <c:pt idx="801">
                  <c:v>96.904162415642517</c:v>
                </c:pt>
                <c:pt idx="802">
                  <c:v>96.885655962699786</c:v>
                </c:pt>
                <c:pt idx="803">
                  <c:v>96.867159683727891</c:v>
                </c:pt>
                <c:pt idx="804">
                  <c:v>96.848999145793414</c:v>
                </c:pt>
                <c:pt idx="805">
                  <c:v>96.830838607858951</c:v>
                </c:pt>
                <c:pt idx="806">
                  <c:v>96.812342328887041</c:v>
                </c:pt>
                <c:pt idx="807">
                  <c:v>96.793500134906878</c:v>
                </c:pt>
                <c:pt idx="808">
                  <c:v>96.774657940926673</c:v>
                </c:pt>
                <c:pt idx="809">
                  <c:v>96.755815746946496</c:v>
                </c:pt>
                <c:pt idx="810">
                  <c:v>96.736627637958051</c:v>
                </c:pt>
                <c:pt idx="811">
                  <c:v>96.717439528969578</c:v>
                </c:pt>
                <c:pt idx="812">
                  <c:v>96.697569763935391</c:v>
                </c:pt>
                <c:pt idx="813">
                  <c:v>96.677699998901218</c:v>
                </c:pt>
                <c:pt idx="814">
                  <c:v>96.65782005989621</c:v>
                </c:pt>
                <c:pt idx="815">
                  <c:v>96.637950294862023</c:v>
                </c:pt>
                <c:pt idx="816">
                  <c:v>96.61808052982785</c:v>
                </c:pt>
                <c:pt idx="817">
                  <c:v>96.598210764793677</c:v>
                </c:pt>
                <c:pt idx="818">
                  <c:v>96.577995084751208</c:v>
                </c:pt>
                <c:pt idx="819">
                  <c:v>96.558125319717064</c:v>
                </c:pt>
                <c:pt idx="820">
                  <c:v>96.538255554682877</c:v>
                </c:pt>
                <c:pt idx="821">
                  <c:v>96.518721530686136</c:v>
                </c:pt>
                <c:pt idx="822">
                  <c:v>96.499533421697663</c:v>
                </c:pt>
                <c:pt idx="823">
                  <c:v>96.480009571671772</c:v>
                </c:pt>
                <c:pt idx="824">
                  <c:v>96.460821462683299</c:v>
                </c:pt>
                <c:pt idx="825">
                  <c:v>96.441633353694854</c:v>
                </c:pt>
                <c:pt idx="826">
                  <c:v>96.422109503668935</c:v>
                </c:pt>
                <c:pt idx="827">
                  <c:v>96.402575479672208</c:v>
                </c:pt>
                <c:pt idx="828">
                  <c:v>96.383051629646317</c:v>
                </c:pt>
                <c:pt idx="829">
                  <c:v>96.364209435666112</c:v>
                </c:pt>
                <c:pt idx="830">
                  <c:v>96.345021326677653</c:v>
                </c:pt>
                <c:pt idx="831">
                  <c:v>96.32515156164348</c:v>
                </c:pt>
                <c:pt idx="832">
                  <c:v>96.305281796609307</c:v>
                </c:pt>
                <c:pt idx="833">
                  <c:v>96.285747772612567</c:v>
                </c:pt>
                <c:pt idx="834">
                  <c:v>96.265532092570126</c:v>
                </c:pt>
                <c:pt idx="835">
                  <c:v>96.244980671490225</c:v>
                </c:pt>
                <c:pt idx="836">
                  <c:v>96.224419076439489</c:v>
                </c:pt>
                <c:pt idx="837">
                  <c:v>96.20352174035132</c:v>
                </c:pt>
                <c:pt idx="838">
                  <c:v>96.182624404263152</c:v>
                </c:pt>
                <c:pt idx="839">
                  <c:v>96.161727068174969</c:v>
                </c:pt>
                <c:pt idx="840">
                  <c:v>96.141165473124232</c:v>
                </c:pt>
                <c:pt idx="841">
                  <c:v>96.119922222027782</c:v>
                </c:pt>
                <c:pt idx="842">
                  <c:v>96.098343229893914</c:v>
                </c:pt>
                <c:pt idx="843">
                  <c:v>96.076754063789181</c:v>
                </c:pt>
                <c:pt idx="844">
                  <c:v>96.055175071655285</c:v>
                </c:pt>
                <c:pt idx="845">
                  <c:v>96.033585905550567</c:v>
                </c:pt>
                <c:pt idx="846">
                  <c:v>96.012006913416641</c:v>
                </c:pt>
                <c:pt idx="847">
                  <c:v>95.990417747311923</c:v>
                </c:pt>
                <c:pt idx="848">
                  <c:v>95.968828581207219</c:v>
                </c:pt>
                <c:pt idx="849">
                  <c:v>95.94759550408159</c:v>
                </c:pt>
                <c:pt idx="850">
                  <c:v>95.926687994022586</c:v>
                </c:pt>
                <c:pt idx="851">
                  <c:v>95.905454916896971</c:v>
                </c:pt>
                <c:pt idx="852">
                  <c:v>95.884211665800507</c:v>
                </c:pt>
                <c:pt idx="853">
                  <c:v>95.862276584687521</c:v>
                </c:pt>
                <c:pt idx="854">
                  <c:v>95.840015936507911</c:v>
                </c:pt>
                <c:pt idx="855">
                  <c:v>95.818080855394911</c:v>
                </c:pt>
                <c:pt idx="856">
                  <c:v>95.795810033244493</c:v>
                </c:pt>
                <c:pt idx="857">
                  <c:v>95.773885126102314</c:v>
                </c:pt>
                <c:pt idx="858">
                  <c:v>95.751278562914408</c:v>
                </c:pt>
                <c:pt idx="859">
                  <c:v>95.728661825755694</c:v>
                </c:pt>
                <c:pt idx="860">
                  <c:v>95.706055262567816</c:v>
                </c:pt>
                <c:pt idx="861">
                  <c:v>95.683784440417369</c:v>
                </c:pt>
                <c:pt idx="862">
                  <c:v>95.660821788250388</c:v>
                </c:pt>
                <c:pt idx="863">
                  <c:v>95.637523395045932</c:v>
                </c:pt>
                <c:pt idx="864">
                  <c:v>95.614570916849758</c:v>
                </c:pt>
                <c:pt idx="865">
                  <c:v>95.591964353661879</c:v>
                </c:pt>
                <c:pt idx="866">
                  <c:v>95.56934761650318</c:v>
                </c:pt>
                <c:pt idx="867">
                  <c:v>95.547076794352719</c:v>
                </c:pt>
                <c:pt idx="868">
                  <c:v>95.524805972202273</c:v>
                </c:pt>
                <c:pt idx="869">
                  <c:v>95.502535150051841</c:v>
                </c:pt>
                <c:pt idx="870">
                  <c:v>95.480274501872231</c:v>
                </c:pt>
                <c:pt idx="871">
                  <c:v>95.458339420759231</c:v>
                </c:pt>
                <c:pt idx="872">
                  <c:v>95.436414513617052</c:v>
                </c:pt>
                <c:pt idx="873">
                  <c:v>95.414489606474888</c:v>
                </c:pt>
                <c:pt idx="874">
                  <c:v>95.392564699332709</c:v>
                </c:pt>
                <c:pt idx="875">
                  <c:v>95.370293877182277</c:v>
                </c:pt>
                <c:pt idx="876">
                  <c:v>95.348368970040113</c:v>
                </c:pt>
                <c:pt idx="877">
                  <c:v>95.326098147889653</c:v>
                </c:pt>
                <c:pt idx="878">
                  <c:v>95.303481410730953</c:v>
                </c:pt>
                <c:pt idx="879">
                  <c:v>95.281210588580507</c:v>
                </c:pt>
                <c:pt idx="880">
                  <c:v>95.259285681438342</c:v>
                </c:pt>
                <c:pt idx="881">
                  <c:v>95.237360774296164</c:v>
                </c:pt>
                <c:pt idx="882">
                  <c:v>95.215435867154014</c:v>
                </c:pt>
                <c:pt idx="883">
                  <c:v>95.193500786040971</c:v>
                </c:pt>
                <c:pt idx="884">
                  <c:v>95.171229963890539</c:v>
                </c:pt>
                <c:pt idx="885">
                  <c:v>95.148969315710929</c:v>
                </c:pt>
                <c:pt idx="886">
                  <c:v>95.126352578552215</c:v>
                </c:pt>
                <c:pt idx="887">
                  <c:v>95.104081756401783</c:v>
                </c:pt>
                <c:pt idx="888">
                  <c:v>95.081810934251322</c:v>
                </c:pt>
                <c:pt idx="889">
                  <c:v>95.05920437106343</c:v>
                </c:pt>
                <c:pt idx="890">
                  <c:v>95.03658763390473</c:v>
                </c:pt>
                <c:pt idx="891">
                  <c:v>95.013970896746017</c:v>
                </c:pt>
                <c:pt idx="892">
                  <c:v>94.991018418549857</c:v>
                </c:pt>
                <c:pt idx="893">
                  <c:v>94.9677200253454</c:v>
                </c:pt>
                <c:pt idx="894">
                  <c:v>94.944085891103526</c:v>
                </c:pt>
                <c:pt idx="895">
                  <c:v>94.920441582890803</c:v>
                </c:pt>
                <c:pt idx="896">
                  <c:v>94.897143189686375</c:v>
                </c:pt>
                <c:pt idx="897">
                  <c:v>94.873509055444472</c:v>
                </c:pt>
                <c:pt idx="898">
                  <c:v>94.850210662240059</c:v>
                </c:pt>
                <c:pt idx="899">
                  <c:v>94.826912269035617</c:v>
                </c:pt>
                <c:pt idx="900">
                  <c:v>94.803613875831189</c:v>
                </c:pt>
                <c:pt idx="901">
                  <c:v>94.780315482626719</c:v>
                </c:pt>
                <c:pt idx="902">
                  <c:v>94.756671174414038</c:v>
                </c:pt>
                <c:pt idx="903">
                  <c:v>94.733037040172121</c:v>
                </c:pt>
                <c:pt idx="904">
                  <c:v>94.709738646967708</c:v>
                </c:pt>
                <c:pt idx="905">
                  <c:v>94.686786168771548</c:v>
                </c:pt>
                <c:pt idx="906">
                  <c:v>94.663487775567077</c:v>
                </c:pt>
                <c:pt idx="907">
                  <c:v>94.640871038408378</c:v>
                </c:pt>
                <c:pt idx="908">
                  <c:v>94.618264475220499</c:v>
                </c:pt>
                <c:pt idx="909">
                  <c:v>94.595647738061771</c:v>
                </c:pt>
                <c:pt idx="910">
                  <c:v>94.573376915911339</c:v>
                </c:pt>
                <c:pt idx="911">
                  <c:v>94.551106093760879</c:v>
                </c:pt>
                <c:pt idx="912">
                  <c:v>94.528835271610447</c:v>
                </c:pt>
                <c:pt idx="913">
                  <c:v>94.506228708422555</c:v>
                </c:pt>
                <c:pt idx="914">
                  <c:v>94.483957886272123</c:v>
                </c:pt>
                <c:pt idx="915">
                  <c:v>94.46134114911338</c:v>
                </c:pt>
                <c:pt idx="916">
                  <c:v>94.439070326962934</c:v>
                </c:pt>
                <c:pt idx="917">
                  <c:v>94.416463763775056</c:v>
                </c:pt>
                <c:pt idx="918">
                  <c:v>94.393511285578896</c:v>
                </c:pt>
                <c:pt idx="919">
                  <c:v>94.370212892374454</c:v>
                </c:pt>
                <c:pt idx="920">
                  <c:v>94.347250240207458</c:v>
                </c:pt>
                <c:pt idx="921">
                  <c:v>94.32395184700303</c:v>
                </c:pt>
                <c:pt idx="922">
                  <c:v>94.30066362776941</c:v>
                </c:pt>
                <c:pt idx="923">
                  <c:v>94.277700975602428</c:v>
                </c:pt>
                <c:pt idx="924">
                  <c:v>94.254748497406254</c:v>
                </c:pt>
                <c:pt idx="925">
                  <c:v>94.231450104201826</c:v>
                </c:pt>
                <c:pt idx="926">
                  <c:v>94.20815171099737</c:v>
                </c:pt>
                <c:pt idx="927">
                  <c:v>94.184853317792943</c:v>
                </c:pt>
                <c:pt idx="928">
                  <c:v>94.161900839596768</c:v>
                </c:pt>
                <c:pt idx="929">
                  <c:v>94.138602446392326</c:v>
                </c:pt>
                <c:pt idx="930">
                  <c:v>94.11564996819618</c:v>
                </c:pt>
                <c:pt idx="931">
                  <c:v>94.092697490000006</c:v>
                </c:pt>
                <c:pt idx="932">
                  <c:v>94.070426667849574</c:v>
                </c:pt>
                <c:pt idx="933">
                  <c:v>94.048155845699128</c:v>
                </c:pt>
                <c:pt idx="934">
                  <c:v>94.025885023548682</c:v>
                </c:pt>
                <c:pt idx="935">
                  <c:v>94.003614201398236</c:v>
                </c:pt>
                <c:pt idx="936">
                  <c:v>93.981343379247789</c:v>
                </c:pt>
                <c:pt idx="937">
                  <c:v>93.959418472105611</c:v>
                </c:pt>
                <c:pt idx="938">
                  <c:v>93.937493564963447</c:v>
                </c:pt>
                <c:pt idx="939">
                  <c:v>93.915904398858729</c:v>
                </c:pt>
                <c:pt idx="940">
                  <c:v>93.894325406724846</c:v>
                </c:pt>
                <c:pt idx="941">
                  <c:v>93.872736240620128</c:v>
                </c:pt>
                <c:pt idx="942">
                  <c:v>93.850811333477949</c:v>
                </c:pt>
                <c:pt idx="943">
                  <c:v>93.828540511327503</c:v>
                </c:pt>
                <c:pt idx="944">
                  <c:v>93.806615604185311</c:v>
                </c:pt>
                <c:pt idx="945">
                  <c:v>93.784344782034879</c:v>
                </c:pt>
                <c:pt idx="946">
                  <c:v>93.761392303838718</c:v>
                </c:pt>
                <c:pt idx="947">
                  <c:v>93.738429651671737</c:v>
                </c:pt>
                <c:pt idx="948">
                  <c:v>93.715823088483859</c:v>
                </c:pt>
                <c:pt idx="949">
                  <c:v>93.692524695279417</c:v>
                </c:pt>
                <c:pt idx="950">
                  <c:v>93.669907958120675</c:v>
                </c:pt>
                <c:pt idx="951">
                  <c:v>93.647301394932796</c:v>
                </c:pt>
                <c:pt idx="952">
                  <c:v>93.624684657774083</c:v>
                </c:pt>
                <c:pt idx="953">
                  <c:v>93.602413835623651</c:v>
                </c:pt>
                <c:pt idx="954">
                  <c:v>93.58014301347319</c:v>
                </c:pt>
                <c:pt idx="955">
                  <c:v>93.55788236529358</c:v>
                </c:pt>
                <c:pt idx="956">
                  <c:v>93.536293199188862</c:v>
                </c:pt>
                <c:pt idx="957">
                  <c:v>93.514704033084129</c:v>
                </c:pt>
                <c:pt idx="958">
                  <c:v>93.493125040950247</c:v>
                </c:pt>
                <c:pt idx="959">
                  <c:v>93.471881789853796</c:v>
                </c:pt>
                <c:pt idx="960">
                  <c:v>93.450638538757332</c:v>
                </c:pt>
                <c:pt idx="961">
                  <c:v>93.42939528766091</c:v>
                </c:pt>
                <c:pt idx="962">
                  <c:v>93.408497951572713</c:v>
                </c:pt>
                <c:pt idx="963">
                  <c:v>93.387254700476248</c:v>
                </c:pt>
                <c:pt idx="964">
                  <c:v>93.366357364388094</c:v>
                </c:pt>
                <c:pt idx="965">
                  <c:v>93.345805943308207</c:v>
                </c:pt>
                <c:pt idx="966">
                  <c:v>93.325244348257485</c:v>
                </c:pt>
                <c:pt idx="967">
                  <c:v>93.305028668215016</c:v>
                </c:pt>
                <c:pt idx="968">
                  <c:v>93.285158903180843</c:v>
                </c:pt>
                <c:pt idx="969">
                  <c:v>93.264607482100942</c:v>
                </c:pt>
                <c:pt idx="970">
                  <c:v>93.243699972041952</c:v>
                </c:pt>
                <c:pt idx="971">
                  <c:v>93.223484291999497</c:v>
                </c:pt>
                <c:pt idx="972">
                  <c:v>93.20327878592785</c:v>
                </c:pt>
                <c:pt idx="973">
                  <c:v>93.18306310588541</c:v>
                </c:pt>
                <c:pt idx="974">
                  <c:v>93.162847425842969</c:v>
                </c:pt>
                <c:pt idx="975">
                  <c:v>93.142285830792233</c:v>
                </c:pt>
                <c:pt idx="976">
                  <c:v>93.121734409712317</c:v>
                </c:pt>
                <c:pt idx="977">
                  <c:v>93.101518729669877</c:v>
                </c:pt>
                <c:pt idx="978">
                  <c:v>93.081303049627422</c:v>
                </c:pt>
                <c:pt idx="979">
                  <c:v>93.061433284593235</c:v>
                </c:pt>
                <c:pt idx="980">
                  <c:v>93.041217604550795</c:v>
                </c:pt>
                <c:pt idx="981">
                  <c:v>93.021001924508326</c:v>
                </c:pt>
                <c:pt idx="982">
                  <c:v>93.000796418436707</c:v>
                </c:pt>
                <c:pt idx="983">
                  <c:v>92.980916479431713</c:v>
                </c:pt>
                <c:pt idx="984">
                  <c:v>92.960710973360079</c:v>
                </c:pt>
                <c:pt idx="985">
                  <c:v>92.940495293317625</c:v>
                </c:pt>
                <c:pt idx="986">
                  <c:v>92.920279613275184</c:v>
                </c:pt>
                <c:pt idx="987">
                  <c:v>92.900409848240997</c:v>
                </c:pt>
                <c:pt idx="988">
                  <c:v>92.880194168198543</c:v>
                </c:pt>
                <c:pt idx="989">
                  <c:v>92.859632573147792</c:v>
                </c:pt>
                <c:pt idx="990">
                  <c:v>92.839081152067905</c:v>
                </c:pt>
                <c:pt idx="991">
                  <c:v>92.818519557017183</c:v>
                </c:pt>
                <c:pt idx="992">
                  <c:v>92.797622220929</c:v>
                </c:pt>
                <c:pt idx="993">
                  <c:v>92.777070799849099</c:v>
                </c:pt>
                <c:pt idx="994">
                  <c:v>92.756509204798391</c:v>
                </c:pt>
                <c:pt idx="995">
                  <c:v>92.736293524755922</c:v>
                </c:pt>
                <c:pt idx="996">
                  <c:v>92.716077844713453</c:v>
                </c:pt>
                <c:pt idx="997">
                  <c:v>92.695872338641863</c:v>
                </c:pt>
                <c:pt idx="998">
                  <c:v>92.675310743591112</c:v>
                </c:pt>
                <c:pt idx="999">
                  <c:v>92.655095063548671</c:v>
                </c:pt>
                <c:pt idx="1000">
                  <c:v>92.635225298514484</c:v>
                </c:pt>
                <c:pt idx="1001">
                  <c:v>92.615009618472016</c:v>
                </c:pt>
                <c:pt idx="1002">
                  <c:v>92.595139853437843</c:v>
                </c:pt>
                <c:pt idx="1003">
                  <c:v>92.575616003411938</c:v>
                </c:pt>
                <c:pt idx="1004">
                  <c:v>92.555736064406958</c:v>
                </c:pt>
                <c:pt idx="1005">
                  <c:v>92.536212214381024</c:v>
                </c:pt>
                <c:pt idx="1006">
                  <c:v>92.516678190384312</c:v>
                </c:pt>
                <c:pt idx="1007">
                  <c:v>92.497154340358406</c:v>
                </c:pt>
                <c:pt idx="1008">
                  <c:v>92.47762031636168</c:v>
                </c:pt>
                <c:pt idx="1009">
                  <c:v>92.458096466335746</c:v>
                </c:pt>
                <c:pt idx="1010">
                  <c:v>92.438908357347302</c:v>
                </c:pt>
                <c:pt idx="1011">
                  <c:v>92.419720248358843</c:v>
                </c:pt>
                <c:pt idx="1012">
                  <c:v>92.40053213937037</c:v>
                </c:pt>
                <c:pt idx="1013">
                  <c:v>92.382035860398474</c:v>
                </c:pt>
                <c:pt idx="1014">
                  <c:v>92.363875322464025</c:v>
                </c:pt>
                <c:pt idx="1015">
                  <c:v>92.345714784529548</c:v>
                </c:pt>
                <c:pt idx="1016">
                  <c:v>92.32756442056592</c:v>
                </c:pt>
                <c:pt idx="1017">
                  <c:v>92.309749797639711</c:v>
                </c:pt>
                <c:pt idx="1018">
                  <c:v>92.291589259705248</c:v>
                </c:pt>
                <c:pt idx="1019">
                  <c:v>92.274110377816513</c:v>
                </c:pt>
                <c:pt idx="1020">
                  <c:v>92.256295754890331</c:v>
                </c:pt>
                <c:pt idx="1021">
                  <c:v>92.238135216955868</c:v>
                </c:pt>
                <c:pt idx="1022">
                  <c:v>92.220320594029687</c:v>
                </c:pt>
                <c:pt idx="1023">
                  <c:v>92.202505971103491</c:v>
                </c:pt>
                <c:pt idx="1024">
                  <c:v>92.184691348177296</c:v>
                </c:pt>
                <c:pt idx="1025">
                  <c:v>92.167222640259396</c:v>
                </c:pt>
                <c:pt idx="1026">
                  <c:v>92.149743758370633</c:v>
                </c:pt>
                <c:pt idx="1027">
                  <c:v>92.131929135444452</c:v>
                </c:pt>
                <c:pt idx="1028">
                  <c:v>92.114460427526552</c:v>
                </c:pt>
                <c:pt idx="1029">
                  <c:v>92.097327460646071</c:v>
                </c:pt>
                <c:pt idx="1030">
                  <c:v>92.079848578757321</c:v>
                </c:pt>
                <c:pt idx="1031">
                  <c:v>92.06272578584769</c:v>
                </c:pt>
                <c:pt idx="1032">
                  <c:v>92.045592818967208</c:v>
                </c:pt>
                <c:pt idx="1033">
                  <c:v>92.028459852086741</c:v>
                </c:pt>
                <c:pt idx="1034">
                  <c:v>92.010991144168827</c:v>
                </c:pt>
                <c:pt idx="1035">
                  <c:v>91.993858177288374</c:v>
                </c:pt>
                <c:pt idx="1036">
                  <c:v>91.976043554362178</c:v>
                </c:pt>
                <c:pt idx="1037">
                  <c:v>91.958910587481697</c:v>
                </c:pt>
                <c:pt idx="1038">
                  <c:v>91.941777620601243</c:v>
                </c:pt>
                <c:pt idx="1039">
                  <c:v>91.924654827691597</c:v>
                </c:pt>
                <c:pt idx="1040">
                  <c:v>91.90752186081113</c:v>
                </c:pt>
                <c:pt idx="1041">
                  <c:v>91.890042978922409</c:v>
                </c:pt>
                <c:pt idx="1042">
                  <c:v>91.871892614958753</c:v>
                </c:pt>
                <c:pt idx="1043">
                  <c:v>91.85373207702429</c:v>
                </c:pt>
                <c:pt idx="1044">
                  <c:v>91.835571539089827</c:v>
                </c:pt>
                <c:pt idx="1045">
                  <c:v>91.817075260117932</c:v>
                </c:pt>
                <c:pt idx="1046">
                  <c:v>91.798914722183454</c:v>
                </c:pt>
                <c:pt idx="1047">
                  <c:v>91.781435840294705</c:v>
                </c:pt>
                <c:pt idx="1048">
                  <c:v>91.763967132376806</c:v>
                </c:pt>
                <c:pt idx="1049">
                  <c:v>91.746488250488042</c:v>
                </c:pt>
                <c:pt idx="1050">
                  <c:v>91.72936545757841</c:v>
                </c:pt>
                <c:pt idx="1051">
                  <c:v>91.712232490697943</c:v>
                </c:pt>
                <c:pt idx="1052">
                  <c:v>91.695781179863189</c:v>
                </c:pt>
                <c:pt idx="1053">
                  <c:v>91.679685958007568</c:v>
                </c:pt>
                <c:pt idx="1054">
                  <c:v>91.6632346471728</c:v>
                </c:pt>
                <c:pt idx="1055">
                  <c:v>91.646793510308896</c:v>
                </c:pt>
                <c:pt idx="1056">
                  <c:v>91.630006458436682</c:v>
                </c:pt>
                <c:pt idx="1057">
                  <c:v>91.613555147601943</c:v>
                </c:pt>
                <c:pt idx="1058">
                  <c:v>91.597114010738011</c:v>
                </c:pt>
                <c:pt idx="1059">
                  <c:v>91.581008614911553</c:v>
                </c:pt>
                <c:pt idx="1060">
                  <c:v>91.564913393055917</c:v>
                </c:pt>
                <c:pt idx="1061">
                  <c:v>91.548807997229446</c:v>
                </c:pt>
                <c:pt idx="1062">
                  <c:v>91.53270260140296</c:v>
                </c:pt>
                <c:pt idx="1063">
                  <c:v>91.516261464539028</c:v>
                </c:pt>
                <c:pt idx="1064">
                  <c:v>91.499810153704288</c:v>
                </c:pt>
                <c:pt idx="1065">
                  <c:v>91.483023101832103</c:v>
                </c:pt>
                <c:pt idx="1066">
                  <c:v>91.466236049959917</c:v>
                </c:pt>
                <c:pt idx="1067">
                  <c:v>91.449794913095985</c:v>
                </c:pt>
                <c:pt idx="1068">
                  <c:v>91.433689517269499</c:v>
                </c:pt>
                <c:pt idx="1069">
                  <c:v>91.417238206434774</c:v>
                </c:pt>
                <c:pt idx="1070">
                  <c:v>91.40147872561657</c:v>
                </c:pt>
                <c:pt idx="1071">
                  <c:v>91.38538350376092</c:v>
                </c:pt>
                <c:pt idx="1072">
                  <c:v>91.36962402294273</c:v>
                </c:pt>
                <c:pt idx="1073">
                  <c:v>91.353518627116244</c:v>
                </c:pt>
                <c:pt idx="1074">
                  <c:v>91.337413231289773</c:v>
                </c:pt>
                <c:pt idx="1075">
                  <c:v>91.321999665479851</c:v>
                </c:pt>
                <c:pt idx="1076">
                  <c:v>91.306575925699093</c:v>
                </c:pt>
                <c:pt idx="1077">
                  <c:v>91.291162359889171</c:v>
                </c:pt>
                <c:pt idx="1078">
                  <c:v>91.276084535116681</c:v>
                </c:pt>
                <c:pt idx="1079">
                  <c:v>91.261352625352487</c:v>
                </c:pt>
                <c:pt idx="1080">
                  <c:v>91.246284974550832</c:v>
                </c:pt>
                <c:pt idx="1081">
                  <c:v>91.231207149778356</c:v>
                </c:pt>
                <c:pt idx="1082">
                  <c:v>91.216475240014162</c:v>
                </c:pt>
                <c:pt idx="1083">
                  <c:v>91.201743330249954</c:v>
                </c:pt>
                <c:pt idx="1084">
                  <c:v>91.187347161523206</c:v>
                </c:pt>
                <c:pt idx="1085">
                  <c:v>91.172615251758998</c:v>
                </c:pt>
                <c:pt idx="1086">
                  <c:v>91.15788334199479</c:v>
                </c:pt>
                <c:pt idx="1087">
                  <c:v>91.143151432230582</c:v>
                </c:pt>
                <c:pt idx="1088">
                  <c:v>91.128419522466359</c:v>
                </c:pt>
                <c:pt idx="1089">
                  <c:v>91.113341697693897</c:v>
                </c:pt>
                <c:pt idx="1090">
                  <c:v>91.098609787929689</c:v>
                </c:pt>
                <c:pt idx="1091">
                  <c:v>91.083542137128035</c:v>
                </c:pt>
                <c:pt idx="1092">
                  <c:v>91.068464312355573</c:v>
                </c:pt>
                <c:pt idx="1093">
                  <c:v>91.053050746545622</c:v>
                </c:pt>
                <c:pt idx="1094">
                  <c:v>91.037972921773175</c:v>
                </c:pt>
                <c:pt idx="1095">
                  <c:v>91.022559355963239</c:v>
                </c:pt>
                <c:pt idx="1096">
                  <c:v>91.007135616182495</c:v>
                </c:pt>
                <c:pt idx="1097">
                  <c:v>90.992057791409991</c:v>
                </c:pt>
                <c:pt idx="1098">
                  <c:v>90.976990140608365</c:v>
                </c:pt>
                <c:pt idx="1099">
                  <c:v>90.961912315835875</c:v>
                </c:pt>
                <c:pt idx="1100">
                  <c:v>90.946834491063385</c:v>
                </c:pt>
                <c:pt idx="1101">
                  <c:v>90.931766840261758</c:v>
                </c:pt>
                <c:pt idx="1102">
                  <c:v>90.916689015489254</c:v>
                </c:pt>
                <c:pt idx="1103">
                  <c:v>90.901957105725046</c:v>
                </c:pt>
                <c:pt idx="1104">
                  <c:v>90.886879280952584</c:v>
                </c:pt>
                <c:pt idx="1105">
                  <c:v>90.872493286196658</c:v>
                </c:pt>
                <c:pt idx="1106">
                  <c:v>90.858443032478149</c:v>
                </c:pt>
                <c:pt idx="1107">
                  <c:v>90.843711122713955</c:v>
                </c:pt>
                <c:pt idx="1108">
                  <c:v>90.828979212949761</c:v>
                </c:pt>
                <c:pt idx="1109">
                  <c:v>90.814247303185553</c:v>
                </c:pt>
                <c:pt idx="1110">
                  <c:v>90.799515393421345</c:v>
                </c:pt>
                <c:pt idx="1111">
                  <c:v>90.784437568648883</c:v>
                </c:pt>
                <c:pt idx="1112">
                  <c:v>90.769369917847214</c:v>
                </c:pt>
                <c:pt idx="1113">
                  <c:v>90.754292093074739</c:v>
                </c:pt>
                <c:pt idx="1114">
                  <c:v>90.739560183310545</c:v>
                </c:pt>
                <c:pt idx="1115">
                  <c:v>90.724482358538054</c:v>
                </c:pt>
                <c:pt idx="1116">
                  <c:v>90.709404533765593</c:v>
                </c:pt>
                <c:pt idx="1117">
                  <c:v>90.694672624001399</c:v>
                </c:pt>
                <c:pt idx="1118">
                  <c:v>90.679604973199744</c:v>
                </c:pt>
                <c:pt idx="1119">
                  <c:v>90.664527148427254</c:v>
                </c:pt>
                <c:pt idx="1120">
                  <c:v>90.64979523866306</c:v>
                </c:pt>
                <c:pt idx="1121">
                  <c:v>90.635063328898852</c:v>
                </c:pt>
                <c:pt idx="1122">
                  <c:v>90.620331419134629</c:v>
                </c:pt>
                <c:pt idx="1123">
                  <c:v>90.60559950937045</c:v>
                </c:pt>
                <c:pt idx="1124">
                  <c:v>90.591203340643688</c:v>
                </c:pt>
                <c:pt idx="1125">
                  <c:v>90.577163260896015</c:v>
                </c:pt>
                <c:pt idx="1126">
                  <c:v>90.562767092169267</c:v>
                </c:pt>
                <c:pt idx="1127">
                  <c:v>90.548381097413326</c:v>
                </c:pt>
                <c:pt idx="1128">
                  <c:v>90.533649187649118</c:v>
                </c:pt>
                <c:pt idx="1129">
                  <c:v>90.519263192893192</c:v>
                </c:pt>
                <c:pt idx="1130">
                  <c:v>90.504867024166458</c:v>
                </c:pt>
                <c:pt idx="1131">
                  <c:v>90.490481029410518</c:v>
                </c:pt>
                <c:pt idx="1132">
                  <c:v>90.476084860683741</c:v>
                </c:pt>
                <c:pt idx="1133">
                  <c:v>90.462380521973543</c:v>
                </c:pt>
                <c:pt idx="1134">
                  <c:v>90.448676183263331</c:v>
                </c:pt>
                <c:pt idx="1135">
                  <c:v>90.434971844553118</c:v>
                </c:pt>
                <c:pt idx="1136">
                  <c:v>90.421267505842934</c:v>
                </c:pt>
                <c:pt idx="1137">
                  <c:v>90.407227426095247</c:v>
                </c:pt>
                <c:pt idx="1138">
                  <c:v>90.392831257368499</c:v>
                </c:pt>
                <c:pt idx="1139">
                  <c:v>90.379126918658301</c:v>
                </c:pt>
                <c:pt idx="1140">
                  <c:v>90.365422579948088</c:v>
                </c:pt>
                <c:pt idx="1141">
                  <c:v>90.352410071254425</c:v>
                </c:pt>
                <c:pt idx="1142">
                  <c:v>90.339387388589941</c:v>
                </c:pt>
                <c:pt idx="1143">
                  <c:v>90.326710620933724</c:v>
                </c:pt>
                <c:pt idx="1144">
                  <c:v>90.313352197231794</c:v>
                </c:pt>
                <c:pt idx="1145">
                  <c:v>90.299983599559027</c:v>
                </c:pt>
                <c:pt idx="1146">
                  <c:v>90.286279260848829</c:v>
                </c:pt>
                <c:pt idx="1147">
                  <c:v>90.27223918110117</c:v>
                </c:pt>
                <c:pt idx="1148">
                  <c:v>90.257843012374394</c:v>
                </c:pt>
                <c:pt idx="1149">
                  <c:v>90.244138673664196</c:v>
                </c:pt>
                <c:pt idx="1150">
                  <c:v>90.230434334953998</c:v>
                </c:pt>
                <c:pt idx="1151">
                  <c:v>90.217075911252053</c:v>
                </c:pt>
                <c:pt idx="1152">
                  <c:v>90.203717487550122</c:v>
                </c:pt>
                <c:pt idx="1153">
                  <c:v>90.190348889877342</c:v>
                </c:pt>
                <c:pt idx="1154">
                  <c:v>90.176644551167158</c:v>
                </c:pt>
                <c:pt idx="1155">
                  <c:v>90.162604471419499</c:v>
                </c:pt>
                <c:pt idx="1156">
                  <c:v>90.148208302692723</c:v>
                </c:pt>
                <c:pt idx="1157">
                  <c:v>90.133476392928529</c:v>
                </c:pt>
                <c:pt idx="1158">
                  <c:v>90.119090398172602</c:v>
                </c:pt>
                <c:pt idx="1159">
                  <c:v>90.105040144454108</c:v>
                </c:pt>
                <c:pt idx="1160">
                  <c:v>90.09133580574391</c:v>
                </c:pt>
                <c:pt idx="1161">
                  <c:v>90.077631467033697</c:v>
                </c:pt>
                <c:pt idx="1162">
                  <c:v>90.063927128323485</c:v>
                </c:pt>
                <c:pt idx="1163">
                  <c:v>90.050568704621554</c:v>
                </c:pt>
                <c:pt idx="1164">
                  <c:v>90.037546021957056</c:v>
                </c:pt>
                <c:pt idx="1165">
                  <c:v>90.023841683246857</c:v>
                </c:pt>
                <c:pt idx="1166">
                  <c:v>90.009791429528363</c:v>
                </c:pt>
                <c:pt idx="1167">
                  <c:v>89.995405434772437</c:v>
                </c:pt>
                <c:pt idx="1168">
                  <c:v>89.981355181053971</c:v>
                </c:pt>
                <c:pt idx="1169">
                  <c:v>89.96696918629803</c:v>
                </c:pt>
                <c:pt idx="1170">
                  <c:v>89.953610762596099</c:v>
                </c:pt>
                <c:pt idx="1171">
                  <c:v>89.939906423885887</c:v>
                </c:pt>
                <c:pt idx="1172">
                  <c:v>89.926202085175689</c:v>
                </c:pt>
                <c:pt idx="1173">
                  <c:v>89.912497746465462</c:v>
                </c:pt>
                <c:pt idx="1174">
                  <c:v>89.898793407755278</c:v>
                </c:pt>
                <c:pt idx="1175">
                  <c:v>89.885424810082498</c:v>
                </c:pt>
                <c:pt idx="1176">
                  <c:v>89.872066386380553</c:v>
                </c:pt>
                <c:pt idx="1177">
                  <c:v>89.859043703716068</c:v>
                </c:pt>
                <c:pt idx="1178">
                  <c:v>89.846712851068133</c:v>
                </c:pt>
                <c:pt idx="1179">
                  <c:v>89.834381998420184</c:v>
                </c:pt>
                <c:pt idx="1180">
                  <c:v>89.822040971801414</c:v>
                </c:pt>
                <c:pt idx="1181">
                  <c:v>89.810056034161761</c:v>
                </c:pt>
                <c:pt idx="1182">
                  <c:v>89.79771500754299</c:v>
                </c:pt>
                <c:pt idx="1183">
                  <c:v>89.785730069903337</c:v>
                </c:pt>
                <c:pt idx="1184">
                  <c:v>89.773734958292835</c:v>
                </c:pt>
                <c:pt idx="1185">
                  <c:v>89.7614041056449</c:v>
                </c:pt>
                <c:pt idx="1186">
                  <c:v>89.749408994034383</c:v>
                </c:pt>
                <c:pt idx="1187">
                  <c:v>89.73673222637818</c:v>
                </c:pt>
                <c:pt idx="1188">
                  <c:v>89.724055458721992</c:v>
                </c:pt>
                <c:pt idx="1189">
                  <c:v>89.711378691065775</c:v>
                </c:pt>
                <c:pt idx="1190">
                  <c:v>89.698701923409558</c:v>
                </c:pt>
                <c:pt idx="1191">
                  <c:v>89.685689414715895</c:v>
                </c:pt>
                <c:pt idx="1192">
                  <c:v>89.673012647059664</c:v>
                </c:pt>
                <c:pt idx="1193">
                  <c:v>89.659644049386898</c:v>
                </c:pt>
                <c:pt idx="1194">
                  <c:v>89.646631540693249</c:v>
                </c:pt>
                <c:pt idx="1195">
                  <c:v>89.633608858028751</c:v>
                </c:pt>
                <c:pt idx="1196">
                  <c:v>89.620586175364267</c:v>
                </c:pt>
                <c:pt idx="1197">
                  <c:v>89.607573666670618</c:v>
                </c:pt>
                <c:pt idx="1198">
                  <c:v>89.594550984006119</c:v>
                </c:pt>
                <c:pt idx="1199">
                  <c:v>89.581874216349917</c:v>
                </c:pt>
                <c:pt idx="1200">
                  <c:v>89.5691974486937</c:v>
                </c:pt>
                <c:pt idx="1201">
                  <c:v>89.556520681037483</c:v>
                </c:pt>
                <c:pt idx="1202">
                  <c:v>89.543497998372985</c:v>
                </c:pt>
                <c:pt idx="1203">
                  <c:v>89.530485489679336</c:v>
                </c:pt>
                <c:pt idx="1204">
                  <c:v>89.51711689200657</c:v>
                </c:pt>
                <c:pt idx="1205">
                  <c:v>89.503758468304625</c:v>
                </c:pt>
                <c:pt idx="1206">
                  <c:v>89.49073578564014</c:v>
                </c:pt>
                <c:pt idx="1207">
                  <c:v>89.477723276946492</c:v>
                </c:pt>
                <c:pt idx="1208">
                  <c:v>89.464700594281979</c:v>
                </c:pt>
                <c:pt idx="1209">
                  <c:v>89.452023826625776</c:v>
                </c:pt>
                <c:pt idx="1210">
                  <c:v>89.439001143961278</c:v>
                </c:pt>
                <c:pt idx="1211">
                  <c:v>89.426324376305061</c:v>
                </c:pt>
                <c:pt idx="1212">
                  <c:v>89.413647608648859</c:v>
                </c:pt>
                <c:pt idx="1213">
                  <c:v>89.400970840992628</c:v>
                </c:pt>
                <c:pt idx="1214">
                  <c:v>89.387612417290697</c:v>
                </c:pt>
                <c:pt idx="1215">
                  <c:v>89.374589734626227</c:v>
                </c:pt>
                <c:pt idx="1216">
                  <c:v>89.361577225932564</c:v>
                </c:pt>
                <c:pt idx="1217">
                  <c:v>89.349246373284615</c:v>
                </c:pt>
                <c:pt idx="1218">
                  <c:v>89.336569605628412</c:v>
                </c:pt>
                <c:pt idx="1219">
                  <c:v>89.324228579009628</c:v>
                </c:pt>
                <c:pt idx="1220">
                  <c:v>89.311897726361707</c:v>
                </c:pt>
                <c:pt idx="1221">
                  <c:v>89.299566873713758</c:v>
                </c:pt>
                <c:pt idx="1222">
                  <c:v>89.287571762103255</c:v>
                </c:pt>
                <c:pt idx="1223">
                  <c:v>89.275240909455334</c:v>
                </c:pt>
                <c:pt idx="1224">
                  <c:v>89.262564141799118</c:v>
                </c:pt>
                <c:pt idx="1225">
                  <c:v>89.249887374142901</c:v>
                </c:pt>
                <c:pt idx="1226">
                  <c:v>89.23754634752413</c:v>
                </c:pt>
                <c:pt idx="1227">
                  <c:v>89.225215494876181</c:v>
                </c:pt>
                <c:pt idx="1228">
                  <c:v>89.212884642228261</c:v>
                </c:pt>
                <c:pt idx="1229">
                  <c:v>89.200543615609462</c:v>
                </c:pt>
                <c:pt idx="1230">
                  <c:v>89.188212762961555</c:v>
                </c:pt>
                <c:pt idx="1231">
                  <c:v>89.176227825321888</c:v>
                </c:pt>
                <c:pt idx="1232">
                  <c:v>89.164232713711385</c:v>
                </c:pt>
                <c:pt idx="1233">
                  <c:v>89.152583517109179</c:v>
                </c:pt>
                <c:pt idx="1234">
                  <c:v>89.140252664461229</c:v>
                </c:pt>
                <c:pt idx="1235">
                  <c:v>89.128603467859008</c:v>
                </c:pt>
                <c:pt idx="1236">
                  <c:v>89.11660835624852</c:v>
                </c:pt>
                <c:pt idx="1237">
                  <c:v>89.105305074654567</c:v>
                </c:pt>
                <c:pt idx="1238">
                  <c:v>89.093655878052346</c:v>
                </c:pt>
                <c:pt idx="1239">
                  <c:v>89.082006681450139</c:v>
                </c:pt>
                <c:pt idx="1240">
                  <c:v>89.071039140893632</c:v>
                </c:pt>
                <c:pt idx="1241">
                  <c:v>89.06008177430796</c:v>
                </c:pt>
                <c:pt idx="1242">
                  <c:v>89.048768318743186</c:v>
                </c:pt>
                <c:pt idx="1243">
                  <c:v>89.037810952157528</c:v>
                </c:pt>
                <c:pt idx="1244">
                  <c:v>89.026843411601007</c:v>
                </c:pt>
                <c:pt idx="1245">
                  <c:v>89.015540130007068</c:v>
                </c:pt>
                <c:pt idx="1246">
                  <c:v>89.003890933404861</c:v>
                </c:pt>
                <c:pt idx="1247">
                  <c:v>88.99224173680264</c:v>
                </c:pt>
                <c:pt idx="1248">
                  <c:v>88.980246625192137</c:v>
                </c:pt>
                <c:pt idx="1249">
                  <c:v>88.968597428589916</c:v>
                </c:pt>
                <c:pt idx="1250">
                  <c:v>88.95694823198771</c:v>
                </c:pt>
                <c:pt idx="1251">
                  <c:v>88.945299035385503</c:v>
                </c:pt>
                <c:pt idx="1252">
                  <c:v>88.933314097745821</c:v>
                </c:pt>
                <c:pt idx="1253">
                  <c:v>88.922000642181047</c:v>
                </c:pt>
                <c:pt idx="1254">
                  <c:v>88.910697360587108</c:v>
                </c:pt>
                <c:pt idx="1255">
                  <c:v>88.899048163984872</c:v>
                </c:pt>
                <c:pt idx="1256">
                  <c:v>88.887744882390933</c:v>
                </c:pt>
                <c:pt idx="1257">
                  <c:v>88.876441600797008</c:v>
                </c:pt>
                <c:pt idx="1258">
                  <c:v>88.865474060240487</c:v>
                </c:pt>
                <c:pt idx="1259">
                  <c:v>88.854852434692262</c:v>
                </c:pt>
                <c:pt idx="1260">
                  <c:v>88.843884894135769</c:v>
                </c:pt>
                <c:pt idx="1261">
                  <c:v>88.83258161254183</c:v>
                </c:pt>
                <c:pt idx="1262">
                  <c:v>88.821278330947877</c:v>
                </c:pt>
                <c:pt idx="1263">
                  <c:v>88.809629134345641</c:v>
                </c:pt>
                <c:pt idx="1264">
                  <c:v>88.797634022735167</c:v>
                </c:pt>
                <c:pt idx="1265">
                  <c:v>88.785649085095514</c:v>
                </c:pt>
                <c:pt idx="1266">
                  <c:v>88.773653973485011</c:v>
                </c:pt>
                <c:pt idx="1267">
                  <c:v>88.76200477688279</c:v>
                </c:pt>
                <c:pt idx="1268">
                  <c:v>88.750355580280583</c:v>
                </c:pt>
                <c:pt idx="1269">
                  <c:v>88.739398213694898</c:v>
                </c:pt>
                <c:pt idx="1270">
                  <c:v>88.728430673138405</c:v>
                </c:pt>
                <c:pt idx="1271">
                  <c:v>88.717463132581912</c:v>
                </c:pt>
                <c:pt idx="1272">
                  <c:v>88.706841507033687</c:v>
                </c:pt>
                <c:pt idx="1273">
                  <c:v>88.696219881485447</c:v>
                </c:pt>
                <c:pt idx="1274">
                  <c:v>88.68526251489979</c:v>
                </c:pt>
                <c:pt idx="1275">
                  <c:v>88.674640889351551</c:v>
                </c:pt>
                <c:pt idx="1276">
                  <c:v>88.663673348795058</c:v>
                </c:pt>
                <c:pt idx="1277">
                  <c:v>88.653051723246833</c:v>
                </c:pt>
                <c:pt idx="1278">
                  <c:v>88.642430097698607</c:v>
                </c:pt>
                <c:pt idx="1279">
                  <c:v>88.632154387158664</c:v>
                </c:pt>
                <c:pt idx="1280">
                  <c:v>88.622224591627003</c:v>
                </c:pt>
                <c:pt idx="1281">
                  <c:v>88.611938707116209</c:v>
                </c:pt>
                <c:pt idx="1282">
                  <c:v>88.601317081567984</c:v>
                </c:pt>
                <c:pt idx="1283">
                  <c:v>88.590359714982313</c:v>
                </c:pt>
                <c:pt idx="1284">
                  <c:v>88.579056433388388</c:v>
                </c:pt>
                <c:pt idx="1285">
                  <c:v>88.567742977823599</c:v>
                </c:pt>
                <c:pt idx="1286">
                  <c:v>88.556785611237942</c:v>
                </c:pt>
                <c:pt idx="1287">
                  <c:v>88.546499726727163</c:v>
                </c:pt>
                <c:pt idx="1288">
                  <c:v>88.536224016187219</c:v>
                </c:pt>
                <c:pt idx="1289">
                  <c:v>88.525948305647262</c:v>
                </c:pt>
                <c:pt idx="1290">
                  <c:v>88.516008336144751</c:v>
                </c:pt>
                <c:pt idx="1291">
                  <c:v>88.505386710596525</c:v>
                </c:pt>
                <c:pt idx="1292">
                  <c:v>88.495456915064835</c:v>
                </c:pt>
                <c:pt idx="1293">
                  <c:v>88.484489374508357</c:v>
                </c:pt>
                <c:pt idx="1294">
                  <c:v>88.473867748960117</c:v>
                </c:pt>
                <c:pt idx="1295">
                  <c:v>88.462910382374474</c:v>
                </c:pt>
                <c:pt idx="1296">
                  <c:v>88.452288756826235</c:v>
                </c:pt>
                <c:pt idx="1297">
                  <c:v>88.441321216269742</c:v>
                </c:pt>
                <c:pt idx="1298">
                  <c:v>88.430353675713221</c:v>
                </c:pt>
                <c:pt idx="1299">
                  <c:v>88.420077965173277</c:v>
                </c:pt>
                <c:pt idx="1300">
                  <c:v>88.410148169641616</c:v>
                </c:pt>
                <c:pt idx="1301">
                  <c:v>88.400208200139105</c:v>
                </c:pt>
                <c:pt idx="1302">
                  <c:v>88.390960060653157</c:v>
                </c:pt>
                <c:pt idx="1303">
                  <c:v>88.381020091150631</c:v>
                </c:pt>
                <c:pt idx="1304">
                  <c:v>88.370744380610702</c:v>
                </c:pt>
                <c:pt idx="1305">
                  <c:v>88.360804411108191</c:v>
                </c:pt>
                <c:pt idx="1306">
                  <c:v>88.350528700568248</c:v>
                </c:pt>
                <c:pt idx="1307">
                  <c:v>88.340598905036572</c:v>
                </c:pt>
                <c:pt idx="1308">
                  <c:v>88.329977279488347</c:v>
                </c:pt>
                <c:pt idx="1309">
                  <c:v>88.319355653940107</c:v>
                </c:pt>
                <c:pt idx="1310">
                  <c:v>88.309069769429343</c:v>
                </c:pt>
                <c:pt idx="1311">
                  <c:v>88.298794058889385</c:v>
                </c:pt>
                <c:pt idx="1312">
                  <c:v>88.28817243334116</c:v>
                </c:pt>
                <c:pt idx="1313">
                  <c:v>88.277550807792949</c:v>
                </c:pt>
                <c:pt idx="1314">
                  <c:v>88.267621012261259</c:v>
                </c:pt>
                <c:pt idx="1315">
                  <c:v>88.257335127750494</c:v>
                </c:pt>
                <c:pt idx="1316">
                  <c:v>88.246713502202283</c:v>
                </c:pt>
                <c:pt idx="1317">
                  <c:v>88.236437791662297</c:v>
                </c:pt>
                <c:pt idx="1318">
                  <c:v>88.22650799613065</c:v>
                </c:pt>
                <c:pt idx="1319">
                  <c:v>88.216568026628138</c:v>
                </c:pt>
                <c:pt idx="1320">
                  <c:v>88.206973972133923</c:v>
                </c:pt>
                <c:pt idx="1321">
                  <c:v>88.198071747656215</c:v>
                </c:pt>
                <c:pt idx="1322">
                  <c:v>88.189159349207713</c:v>
                </c:pt>
                <c:pt idx="1323">
                  <c:v>88.180592865767494</c:v>
                </c:pt>
                <c:pt idx="1324">
                  <c:v>88.1716906412898</c:v>
                </c:pt>
                <c:pt idx="1325">
                  <c:v>88.162778242841298</c:v>
                </c:pt>
                <c:pt idx="1326">
                  <c:v>88.153865844392783</c:v>
                </c:pt>
                <c:pt idx="1327">
                  <c:v>88.144963619915103</c:v>
                </c:pt>
                <c:pt idx="1328">
                  <c:v>88.136397136474869</c:v>
                </c:pt>
                <c:pt idx="1329">
                  <c:v>88.127494911997204</c:v>
                </c:pt>
                <c:pt idx="1330">
                  <c:v>88.118236598540406</c:v>
                </c:pt>
                <c:pt idx="1331">
                  <c:v>88.109334374062726</c:v>
                </c:pt>
                <c:pt idx="1332">
                  <c:v>88.100076060605943</c:v>
                </c:pt>
                <c:pt idx="1333">
                  <c:v>88.091173836128263</c:v>
                </c:pt>
                <c:pt idx="1334">
                  <c:v>88.082261437679762</c:v>
                </c:pt>
                <c:pt idx="1335">
                  <c:v>88.073359213202068</c:v>
                </c:pt>
                <c:pt idx="1336">
                  <c:v>88.06411107371612</c:v>
                </c:pt>
                <c:pt idx="1337">
                  <c:v>88.054517019221905</c:v>
                </c:pt>
                <c:pt idx="1338">
                  <c:v>88.044922964727661</c:v>
                </c:pt>
                <c:pt idx="1339">
                  <c:v>88.034647254187718</c:v>
                </c:pt>
                <c:pt idx="1340">
                  <c:v>88.024361369676939</c:v>
                </c:pt>
                <c:pt idx="1341">
                  <c:v>88.014431574145263</c:v>
                </c:pt>
                <c:pt idx="1342">
                  <c:v>88.004837519651019</c:v>
                </c:pt>
                <c:pt idx="1343">
                  <c:v>87.994897550148522</c:v>
                </c:pt>
                <c:pt idx="1344">
                  <c:v>87.985649410662575</c:v>
                </c:pt>
                <c:pt idx="1345">
                  <c:v>87.976055356168345</c:v>
                </c:pt>
                <c:pt idx="1346">
                  <c:v>87.966807216682412</c:v>
                </c:pt>
                <c:pt idx="1347">
                  <c:v>87.956867247179886</c:v>
                </c:pt>
                <c:pt idx="1348">
                  <c:v>87.947273192685657</c:v>
                </c:pt>
                <c:pt idx="1349">
                  <c:v>87.937679138191413</c:v>
                </c:pt>
                <c:pt idx="1350">
                  <c:v>87.928085083697198</c:v>
                </c:pt>
                <c:pt idx="1351">
                  <c:v>87.91883694421125</c:v>
                </c:pt>
                <c:pt idx="1352">
                  <c:v>87.909588804725288</c:v>
                </c:pt>
                <c:pt idx="1353">
                  <c:v>87.900340665239327</c:v>
                </c:pt>
                <c:pt idx="1354">
                  <c:v>87.891092525753379</c:v>
                </c:pt>
                <c:pt idx="1355">
                  <c:v>87.882180127304864</c:v>
                </c:pt>
                <c:pt idx="1356">
                  <c:v>87.87361364386463</c:v>
                </c:pt>
                <c:pt idx="1357">
                  <c:v>87.864711419386964</c:v>
                </c:pt>
                <c:pt idx="1358">
                  <c:v>87.855799020938463</c:v>
                </c:pt>
                <c:pt idx="1359">
                  <c:v>87.846886622489947</c:v>
                </c:pt>
                <c:pt idx="1360">
                  <c:v>87.837638483003985</c:v>
                </c:pt>
                <c:pt idx="1361">
                  <c:v>87.828390343518038</c:v>
                </c:pt>
                <c:pt idx="1362">
                  <c:v>87.81982386007779</c:v>
                </c:pt>
                <c:pt idx="1363">
                  <c:v>87.81092163560011</c:v>
                </c:pt>
                <c:pt idx="1364">
                  <c:v>87.802009237151594</c:v>
                </c:pt>
                <c:pt idx="1365">
                  <c:v>87.793442753711375</c:v>
                </c:pt>
                <c:pt idx="1366">
                  <c:v>87.784876270271141</c:v>
                </c:pt>
                <c:pt idx="1367">
                  <c:v>87.776655701839175</c:v>
                </c:pt>
                <c:pt idx="1368">
                  <c:v>87.76877087444467</c:v>
                </c:pt>
                <c:pt idx="1369">
                  <c:v>87.761577877066699</c:v>
                </c:pt>
                <c:pt idx="1370">
                  <c:v>87.754038964680461</c:v>
                </c:pt>
                <c:pt idx="1371">
                  <c:v>87.746845967302505</c:v>
                </c:pt>
                <c:pt idx="1372">
                  <c:v>87.739652969924535</c:v>
                </c:pt>
                <c:pt idx="1373">
                  <c:v>87.732459972546565</c:v>
                </c:pt>
                <c:pt idx="1374">
                  <c:v>87.725266975168594</c:v>
                </c:pt>
                <c:pt idx="1375">
                  <c:v>87.718073977790638</c:v>
                </c:pt>
                <c:pt idx="1376">
                  <c:v>87.7105350654044</c:v>
                </c:pt>
                <c:pt idx="1377">
                  <c:v>87.702650238009895</c:v>
                </c:pt>
                <c:pt idx="1378">
                  <c:v>87.694429669577914</c:v>
                </c:pt>
                <c:pt idx="1379">
                  <c:v>87.686544842183423</c:v>
                </c:pt>
                <c:pt idx="1380">
                  <c:v>87.678324273751443</c:v>
                </c:pt>
                <c:pt idx="1381">
                  <c:v>87.670449620327759</c:v>
                </c:pt>
                <c:pt idx="1382">
                  <c:v>87.662564792933253</c:v>
                </c:pt>
                <c:pt idx="1383">
                  <c:v>87.654690139509583</c:v>
                </c:pt>
                <c:pt idx="1384">
                  <c:v>87.646459397106781</c:v>
                </c:pt>
                <c:pt idx="1385">
                  <c:v>87.638238828674815</c:v>
                </c:pt>
                <c:pt idx="1386">
                  <c:v>87.629672345234567</c:v>
                </c:pt>
                <c:pt idx="1387">
                  <c:v>87.621105861794348</c:v>
                </c:pt>
                <c:pt idx="1388">
                  <c:v>87.612549552324936</c:v>
                </c:pt>
                <c:pt idx="1389">
                  <c:v>87.604318809922148</c:v>
                </c:pt>
                <c:pt idx="1390">
                  <c:v>87.59644415649845</c:v>
                </c:pt>
                <c:pt idx="1391">
                  <c:v>87.588559329103958</c:v>
                </c:pt>
                <c:pt idx="1392">
                  <c:v>87.580684675680288</c:v>
                </c:pt>
                <c:pt idx="1393">
                  <c:v>87.571772277231773</c:v>
                </c:pt>
                <c:pt idx="1394">
                  <c:v>87.562870052754079</c:v>
                </c:pt>
                <c:pt idx="1395">
                  <c:v>87.553611739297295</c:v>
                </c:pt>
                <c:pt idx="1396">
                  <c:v>87.544709514819601</c:v>
                </c:pt>
                <c:pt idx="1397">
                  <c:v>87.5357971163711</c:v>
                </c:pt>
                <c:pt idx="1398">
                  <c:v>87.52689489189342</c:v>
                </c:pt>
                <c:pt idx="1399">
                  <c:v>87.5183284084532</c:v>
                </c:pt>
                <c:pt idx="1400">
                  <c:v>87.51010784002122</c:v>
                </c:pt>
                <c:pt idx="1401">
                  <c:v>87.501877097618433</c:v>
                </c:pt>
                <c:pt idx="1402">
                  <c:v>87.494002444194749</c:v>
                </c:pt>
                <c:pt idx="1403">
                  <c:v>87.486117616800257</c:v>
                </c:pt>
                <c:pt idx="1404">
                  <c:v>87.478242963376559</c:v>
                </c:pt>
                <c:pt idx="1405">
                  <c:v>87.470358135982053</c:v>
                </c:pt>
                <c:pt idx="1406">
                  <c:v>87.461791652541805</c:v>
                </c:pt>
                <c:pt idx="1407">
                  <c:v>87.453571084109839</c:v>
                </c:pt>
                <c:pt idx="1408">
                  <c:v>87.445350515677916</c:v>
                </c:pt>
                <c:pt idx="1409">
                  <c:v>87.437475862254189</c:v>
                </c:pt>
                <c:pt idx="1410">
                  <c:v>87.429936949867965</c:v>
                </c:pt>
                <c:pt idx="1411">
                  <c:v>87.422733778519174</c:v>
                </c:pt>
                <c:pt idx="1412">
                  <c:v>87.415540781141203</c:v>
                </c:pt>
                <c:pt idx="1413">
                  <c:v>87.408001868754965</c:v>
                </c:pt>
                <c:pt idx="1414">
                  <c:v>87.400473130339563</c:v>
                </c:pt>
                <c:pt idx="1415">
                  <c:v>87.392934217953325</c:v>
                </c:pt>
                <c:pt idx="1416">
                  <c:v>87.384713649521373</c:v>
                </c:pt>
                <c:pt idx="1417">
                  <c:v>87.376147166081125</c:v>
                </c:pt>
                <c:pt idx="1418">
                  <c:v>87.368262338686606</c:v>
                </c:pt>
                <c:pt idx="1419">
                  <c:v>87.361069341308635</c:v>
                </c:pt>
                <c:pt idx="1420">
                  <c:v>87.353530428922397</c:v>
                </c:pt>
                <c:pt idx="1421">
                  <c:v>87.346337431544455</c:v>
                </c:pt>
                <c:pt idx="1422">
                  <c:v>87.339144434166485</c:v>
                </c:pt>
                <c:pt idx="1423">
                  <c:v>87.331605521780233</c:v>
                </c:pt>
                <c:pt idx="1424">
                  <c:v>87.324066609394009</c:v>
                </c:pt>
                <c:pt idx="1425">
                  <c:v>87.315846040962043</c:v>
                </c:pt>
                <c:pt idx="1426">
                  <c:v>87.307961213567523</c:v>
                </c:pt>
                <c:pt idx="1427">
                  <c:v>87.299740645135557</c:v>
                </c:pt>
                <c:pt idx="1428">
                  <c:v>87.291520076703605</c:v>
                </c:pt>
                <c:pt idx="1429">
                  <c:v>87.282953593263386</c:v>
                </c:pt>
                <c:pt idx="1430">
                  <c:v>87.274733024831406</c:v>
                </c:pt>
                <c:pt idx="1431">
                  <c:v>87.266848197436914</c:v>
                </c:pt>
                <c:pt idx="1432">
                  <c:v>87.259309285050662</c:v>
                </c:pt>
                <c:pt idx="1433">
                  <c:v>87.251434631626978</c:v>
                </c:pt>
                <c:pt idx="1434">
                  <c:v>87.243549804232458</c:v>
                </c:pt>
                <c:pt idx="1435">
                  <c:v>87.235675150808788</c:v>
                </c:pt>
                <c:pt idx="1436">
                  <c:v>87.227790323414268</c:v>
                </c:pt>
                <c:pt idx="1437">
                  <c:v>87.219915669990584</c:v>
                </c:pt>
                <c:pt idx="1438">
                  <c:v>87.212376757604332</c:v>
                </c:pt>
                <c:pt idx="1439">
                  <c:v>87.204491930209798</c:v>
                </c:pt>
                <c:pt idx="1440">
                  <c:v>87.19627136177786</c:v>
                </c:pt>
                <c:pt idx="1441">
                  <c:v>87.18907836439989</c:v>
                </c:pt>
                <c:pt idx="1442">
                  <c:v>87.18222110805938</c:v>
                </c:pt>
                <c:pt idx="1443">
                  <c:v>87.175028110681424</c:v>
                </c:pt>
                <c:pt idx="1444">
                  <c:v>87.16783511330344</c:v>
                </c:pt>
                <c:pt idx="1445">
                  <c:v>87.160642115925498</c:v>
                </c:pt>
                <c:pt idx="1446">
                  <c:v>87.153449118547528</c:v>
                </c:pt>
                <c:pt idx="1447">
                  <c:v>87.146591862207003</c:v>
                </c:pt>
                <c:pt idx="1448">
                  <c:v>87.13905294982078</c:v>
                </c:pt>
                <c:pt idx="1449">
                  <c:v>87.131859952442809</c:v>
                </c:pt>
                <c:pt idx="1450">
                  <c:v>87.125348611110553</c:v>
                </c:pt>
                <c:pt idx="1451">
                  <c:v>87.118847443749146</c:v>
                </c:pt>
                <c:pt idx="1452">
                  <c:v>87.112336102416904</c:v>
                </c:pt>
                <c:pt idx="1453">
                  <c:v>87.105824761084662</c:v>
                </c:pt>
                <c:pt idx="1454">
                  <c:v>87.099659334760673</c:v>
                </c:pt>
                <c:pt idx="1455">
                  <c:v>87.093147993428445</c:v>
                </c:pt>
                <c:pt idx="1456">
                  <c:v>87.086290737087936</c:v>
                </c:pt>
                <c:pt idx="1457">
                  <c:v>87.079097739709951</c:v>
                </c:pt>
                <c:pt idx="1458">
                  <c:v>87.071904742331995</c:v>
                </c:pt>
                <c:pt idx="1459">
                  <c:v>87.06471174495401</c:v>
                </c:pt>
                <c:pt idx="1460">
                  <c:v>87.057518747576054</c:v>
                </c:pt>
                <c:pt idx="1461">
                  <c:v>87.050315576227263</c:v>
                </c:pt>
                <c:pt idx="1462">
                  <c:v>87.043814408865856</c:v>
                </c:pt>
                <c:pt idx="1463">
                  <c:v>87.036957152525332</c:v>
                </c:pt>
                <c:pt idx="1464">
                  <c:v>87.03044581119309</c:v>
                </c:pt>
                <c:pt idx="1465">
                  <c:v>87.024280384869115</c:v>
                </c:pt>
                <c:pt idx="1466">
                  <c:v>87.017769043536859</c:v>
                </c:pt>
                <c:pt idx="1467">
                  <c:v>87.011257702204617</c:v>
                </c:pt>
                <c:pt idx="1468">
                  <c:v>87.004064704826661</c:v>
                </c:pt>
                <c:pt idx="1469">
                  <c:v>86.997553363494418</c:v>
                </c:pt>
                <c:pt idx="1470">
                  <c:v>86.990706281124716</c:v>
                </c:pt>
                <c:pt idx="1471">
                  <c:v>86.983513283746774</c:v>
                </c:pt>
                <c:pt idx="1472">
                  <c:v>86.97665602740625</c:v>
                </c:pt>
                <c:pt idx="1473">
                  <c:v>86.970144686074008</c:v>
                </c:pt>
                <c:pt idx="1474">
                  <c:v>86.963297603704305</c:v>
                </c:pt>
                <c:pt idx="1475">
                  <c:v>86.956104606326363</c:v>
                </c:pt>
                <c:pt idx="1476">
                  <c:v>86.948911608948393</c:v>
                </c:pt>
                <c:pt idx="1477">
                  <c:v>86.942054352607869</c:v>
                </c:pt>
                <c:pt idx="1478">
                  <c:v>86.935207270238166</c:v>
                </c:pt>
                <c:pt idx="1479">
                  <c:v>86.928004098889375</c:v>
                </c:pt>
                <c:pt idx="1480">
                  <c:v>86.921157016519686</c:v>
                </c:pt>
                <c:pt idx="1481">
                  <c:v>86.914299760179162</c:v>
                </c:pt>
                <c:pt idx="1482">
                  <c:v>86.907798592817755</c:v>
                </c:pt>
                <c:pt idx="1483">
                  <c:v>86.901287251485499</c:v>
                </c:pt>
                <c:pt idx="1484">
                  <c:v>86.894775910153271</c:v>
                </c:pt>
                <c:pt idx="1485">
                  <c:v>86.887582912775301</c:v>
                </c:pt>
                <c:pt idx="1486">
                  <c:v>86.880725656434777</c:v>
                </c:pt>
                <c:pt idx="1487">
                  <c:v>86.873532659056821</c:v>
                </c:pt>
                <c:pt idx="1488">
                  <c:v>86.866685576687132</c:v>
                </c:pt>
                <c:pt idx="1489">
                  <c:v>86.859482405338326</c:v>
                </c:pt>
                <c:pt idx="1490">
                  <c:v>86.851943492952103</c:v>
                </c:pt>
                <c:pt idx="1491">
                  <c:v>86.844750495574118</c:v>
                </c:pt>
                <c:pt idx="1492">
                  <c:v>86.837557498196148</c:v>
                </c:pt>
                <c:pt idx="1493">
                  <c:v>86.830364500818206</c:v>
                </c:pt>
                <c:pt idx="1494">
                  <c:v>86.822825588431968</c:v>
                </c:pt>
                <c:pt idx="1495">
                  <c:v>86.815632591053983</c:v>
                </c:pt>
                <c:pt idx="1496">
                  <c:v>86.808439593676042</c:v>
                </c:pt>
                <c:pt idx="1497">
                  <c:v>86.801246596298071</c:v>
                </c:pt>
                <c:pt idx="1498">
                  <c:v>86.794043424949251</c:v>
                </c:pt>
                <c:pt idx="1499">
                  <c:v>86.787196342579591</c:v>
                </c:pt>
                <c:pt idx="1500">
                  <c:v>86.780685001247321</c:v>
                </c:pt>
                <c:pt idx="1501">
                  <c:v>86.773837918877646</c:v>
                </c:pt>
                <c:pt idx="1502">
                  <c:v>86.76663474752884</c:v>
                </c:pt>
                <c:pt idx="1503">
                  <c:v>86.759787665159166</c:v>
                </c:pt>
                <c:pt idx="1504">
                  <c:v>86.752930408818642</c:v>
                </c:pt>
                <c:pt idx="1505">
                  <c:v>86.7464190674864</c:v>
                </c:pt>
                <c:pt idx="1506">
                  <c:v>86.739571985116697</c:v>
                </c:pt>
                <c:pt idx="1507">
                  <c:v>86.732714728776187</c:v>
                </c:pt>
                <c:pt idx="1508">
                  <c:v>86.726213561414767</c:v>
                </c:pt>
                <c:pt idx="1509">
                  <c:v>86.719702220082539</c:v>
                </c:pt>
                <c:pt idx="1510">
                  <c:v>86.713536793758564</c:v>
                </c:pt>
                <c:pt idx="1511">
                  <c:v>86.707025452426322</c:v>
                </c:pt>
                <c:pt idx="1512">
                  <c:v>86.70051411109408</c:v>
                </c:pt>
                <c:pt idx="1513">
                  <c:v>86.693656854753542</c:v>
                </c:pt>
                <c:pt idx="1514">
                  <c:v>86.687155687392135</c:v>
                </c:pt>
                <c:pt idx="1515">
                  <c:v>86.680298431051611</c:v>
                </c:pt>
                <c:pt idx="1516">
                  <c:v>86.673787089719369</c:v>
                </c:pt>
                <c:pt idx="1517">
                  <c:v>86.666940007349694</c:v>
                </c:pt>
                <c:pt idx="1518">
                  <c:v>86.660428666017424</c:v>
                </c:pt>
                <c:pt idx="1519">
                  <c:v>86.6535714096769</c:v>
                </c:pt>
                <c:pt idx="1520">
                  <c:v>86.64672432730724</c:v>
                </c:pt>
                <c:pt idx="1521">
                  <c:v>86.639867070966702</c:v>
                </c:pt>
                <c:pt idx="1522">
                  <c:v>86.633019988597027</c:v>
                </c:pt>
                <c:pt idx="1523">
                  <c:v>86.625826991219043</c:v>
                </c:pt>
                <c:pt idx="1524">
                  <c:v>86.618633993841101</c:v>
                </c:pt>
                <c:pt idx="1525">
                  <c:v>86.611430822492281</c:v>
                </c:pt>
                <c:pt idx="1526">
                  <c:v>86.604237825114325</c:v>
                </c:pt>
                <c:pt idx="1527">
                  <c:v>86.597044827736383</c:v>
                </c:pt>
                <c:pt idx="1528">
                  <c:v>86.590197745366666</c:v>
                </c:pt>
                <c:pt idx="1529">
                  <c:v>86.582994574017889</c:v>
                </c:pt>
                <c:pt idx="1530">
                  <c:v>86.576147491648186</c:v>
                </c:pt>
                <c:pt idx="1531">
                  <c:v>86.569290235307662</c:v>
                </c:pt>
                <c:pt idx="1532">
                  <c:v>86.562443152938002</c:v>
                </c:pt>
                <c:pt idx="1533">
                  <c:v>86.555585896597464</c:v>
                </c:pt>
                <c:pt idx="1534">
                  <c:v>86.548392899219508</c:v>
                </c:pt>
                <c:pt idx="1535">
                  <c:v>86.541545816849805</c:v>
                </c:pt>
                <c:pt idx="1536">
                  <c:v>86.535034475517577</c:v>
                </c:pt>
                <c:pt idx="1537">
                  <c:v>86.528177219177053</c:v>
                </c:pt>
                <c:pt idx="1538">
                  <c:v>86.52167605181566</c:v>
                </c:pt>
                <c:pt idx="1539">
                  <c:v>86.514818795475122</c:v>
                </c:pt>
                <c:pt idx="1540">
                  <c:v>86.508307454142866</c:v>
                </c:pt>
                <c:pt idx="1541">
                  <c:v>86.501460371773192</c:v>
                </c:pt>
                <c:pt idx="1542">
                  <c:v>86.494603115432653</c:v>
                </c:pt>
                <c:pt idx="1543">
                  <c:v>86.488091774100411</c:v>
                </c:pt>
                <c:pt idx="1544">
                  <c:v>86.481244691730723</c:v>
                </c:pt>
                <c:pt idx="1545">
                  <c:v>86.474733350398495</c:v>
                </c:pt>
                <c:pt idx="1546">
                  <c:v>86.468222009066238</c:v>
                </c:pt>
                <c:pt idx="1547">
                  <c:v>86.461710667733982</c:v>
                </c:pt>
                <c:pt idx="1548">
                  <c:v>86.455199326401754</c:v>
                </c:pt>
                <c:pt idx="1549">
                  <c:v>86.448698159040333</c:v>
                </c:pt>
                <c:pt idx="1550">
                  <c:v>86.441840902699809</c:v>
                </c:pt>
                <c:pt idx="1551">
                  <c:v>86.434647905321853</c:v>
                </c:pt>
                <c:pt idx="1552">
                  <c:v>86.427790648981329</c:v>
                </c:pt>
                <c:pt idx="1553">
                  <c:v>86.420943566611626</c:v>
                </c:pt>
                <c:pt idx="1554">
                  <c:v>86.414086310271117</c:v>
                </c:pt>
                <c:pt idx="1555">
                  <c:v>86.407239227901428</c:v>
                </c:pt>
                <c:pt idx="1556">
                  <c:v>86.400046230523472</c:v>
                </c:pt>
                <c:pt idx="1557">
                  <c:v>86.393188974182948</c:v>
                </c:pt>
                <c:pt idx="1558">
                  <c:v>86.385995976804978</c:v>
                </c:pt>
                <c:pt idx="1559">
                  <c:v>86.378802979427022</c:v>
                </c:pt>
                <c:pt idx="1560">
                  <c:v>86.371609982049051</c:v>
                </c:pt>
                <c:pt idx="1561">
                  <c:v>86.364416984671081</c:v>
                </c:pt>
                <c:pt idx="1562">
                  <c:v>86.356878072284857</c:v>
                </c:pt>
                <c:pt idx="1563">
                  <c:v>86.349685074906873</c:v>
                </c:pt>
                <c:pt idx="1564">
                  <c:v>86.342827818566349</c:v>
                </c:pt>
                <c:pt idx="1565">
                  <c:v>86.335980736196689</c:v>
                </c:pt>
                <c:pt idx="1566">
                  <c:v>86.32912347985615</c:v>
                </c:pt>
                <c:pt idx="1567">
                  <c:v>86.322266223515626</c:v>
                </c:pt>
                <c:pt idx="1568">
                  <c:v>86.315419141145938</c:v>
                </c:pt>
                <c:pt idx="1569">
                  <c:v>86.30890779981371</c:v>
                </c:pt>
                <c:pt idx="1570">
                  <c:v>86.302060717444007</c:v>
                </c:pt>
                <c:pt idx="1571">
                  <c:v>86.295203461103497</c:v>
                </c:pt>
                <c:pt idx="1572">
                  <c:v>86.288692119771241</c:v>
                </c:pt>
                <c:pt idx="1573">
                  <c:v>86.281845037401567</c:v>
                </c:pt>
                <c:pt idx="1574">
                  <c:v>86.274987781061043</c:v>
                </c:pt>
                <c:pt idx="1575">
                  <c:v>86.26814069869134</c:v>
                </c:pt>
                <c:pt idx="1576">
                  <c:v>86.261283442350816</c:v>
                </c:pt>
                <c:pt idx="1577">
                  <c:v>86.254772101018588</c:v>
                </c:pt>
                <c:pt idx="1578">
                  <c:v>86.247925018648885</c:v>
                </c:pt>
                <c:pt idx="1579">
                  <c:v>86.240732021270929</c:v>
                </c:pt>
                <c:pt idx="1580">
                  <c:v>86.233539023892973</c:v>
                </c:pt>
                <c:pt idx="1581">
                  <c:v>86.226335852544167</c:v>
                </c:pt>
                <c:pt idx="1582">
                  <c:v>86.219488770174493</c:v>
                </c:pt>
                <c:pt idx="1583">
                  <c:v>86.212631513833969</c:v>
                </c:pt>
                <c:pt idx="1584">
                  <c:v>86.205784431464267</c:v>
                </c:pt>
                <c:pt idx="1585">
                  <c:v>86.198927175123742</c:v>
                </c:pt>
                <c:pt idx="1586">
                  <c:v>86.192080092754068</c:v>
                </c:pt>
                <c:pt idx="1587">
                  <c:v>86.185222836413558</c:v>
                </c:pt>
                <c:pt idx="1588">
                  <c:v>86.178375754043842</c:v>
                </c:pt>
                <c:pt idx="1589">
                  <c:v>86.171518497703332</c:v>
                </c:pt>
                <c:pt idx="1590">
                  <c:v>86.164671415333643</c:v>
                </c:pt>
                <c:pt idx="1591">
                  <c:v>86.157814158993133</c:v>
                </c:pt>
                <c:pt idx="1592">
                  <c:v>86.150621161615177</c:v>
                </c:pt>
                <c:pt idx="1593">
                  <c:v>86.143774079245475</c:v>
                </c:pt>
                <c:pt idx="1594">
                  <c:v>86.136570907896683</c:v>
                </c:pt>
                <c:pt idx="1595">
                  <c:v>86.129377910518727</c:v>
                </c:pt>
                <c:pt idx="1596">
                  <c:v>86.122530828149024</c:v>
                </c:pt>
                <c:pt idx="1597">
                  <c:v>86.1156735718085</c:v>
                </c:pt>
                <c:pt idx="1598">
                  <c:v>86.108480574430544</c:v>
                </c:pt>
                <c:pt idx="1599">
                  <c:v>86.10128757705256</c:v>
                </c:pt>
                <c:pt idx="1600">
                  <c:v>86.09443032071205</c:v>
                </c:pt>
                <c:pt idx="1601">
                  <c:v>86.087583238342361</c:v>
                </c:pt>
                <c:pt idx="1602">
                  <c:v>86.080725982001837</c:v>
                </c:pt>
                <c:pt idx="1603">
                  <c:v>86.074224814640417</c:v>
                </c:pt>
                <c:pt idx="1604">
                  <c:v>86.067713473308189</c:v>
                </c:pt>
                <c:pt idx="1605">
                  <c:v>86.061548046984214</c:v>
                </c:pt>
                <c:pt idx="1606">
                  <c:v>86.055036705651986</c:v>
                </c:pt>
                <c:pt idx="1607">
                  <c:v>86.048525364319715</c:v>
                </c:pt>
                <c:pt idx="1608">
                  <c:v>86.041668107979206</c:v>
                </c:pt>
                <c:pt idx="1609">
                  <c:v>86.034821025609503</c:v>
                </c:pt>
                <c:pt idx="1610">
                  <c:v>86.027628028231561</c:v>
                </c:pt>
                <c:pt idx="1611">
                  <c:v>86.020435030853605</c:v>
                </c:pt>
                <c:pt idx="1612">
                  <c:v>86.013577774513067</c:v>
                </c:pt>
                <c:pt idx="1613">
                  <c:v>86.006730692143378</c:v>
                </c:pt>
                <c:pt idx="1614">
                  <c:v>85.999527520794601</c:v>
                </c:pt>
                <c:pt idx="1615">
                  <c:v>85.99199878237917</c:v>
                </c:pt>
                <c:pt idx="1616">
                  <c:v>85.984795611030393</c:v>
                </c:pt>
                <c:pt idx="1617">
                  <c:v>85.977602613652408</c:v>
                </c:pt>
                <c:pt idx="1618">
                  <c:v>85.970409616274452</c:v>
                </c:pt>
                <c:pt idx="1619">
                  <c:v>85.962870703888214</c:v>
                </c:pt>
                <c:pt idx="1620">
                  <c:v>85.955331791501976</c:v>
                </c:pt>
                <c:pt idx="1621">
                  <c:v>85.947792879115738</c:v>
                </c:pt>
                <c:pt idx="1622">
                  <c:v>85.940264140700322</c:v>
                </c:pt>
                <c:pt idx="1623">
                  <c:v>85.93306096935153</c:v>
                </c:pt>
                <c:pt idx="1624">
                  <c:v>85.925867971973574</c:v>
                </c:pt>
                <c:pt idx="1625">
                  <c:v>85.918674974595604</c:v>
                </c:pt>
                <c:pt idx="1626">
                  <c:v>85.911481977217633</c:v>
                </c:pt>
                <c:pt idx="1627">
                  <c:v>85.904288979839677</c:v>
                </c:pt>
                <c:pt idx="1628">
                  <c:v>85.897085808490885</c:v>
                </c:pt>
                <c:pt idx="1629">
                  <c:v>85.889557070075469</c:v>
                </c:pt>
                <c:pt idx="1630">
                  <c:v>85.882018157689231</c:v>
                </c:pt>
                <c:pt idx="1631">
                  <c:v>85.874825160311275</c:v>
                </c:pt>
                <c:pt idx="1632">
                  <c:v>85.867621988962469</c:v>
                </c:pt>
                <c:pt idx="1633">
                  <c:v>85.860093250547067</c:v>
                </c:pt>
                <c:pt idx="1634">
                  <c:v>85.852890079198275</c:v>
                </c:pt>
                <c:pt idx="1635">
                  <c:v>85.845697081820319</c:v>
                </c:pt>
                <c:pt idx="1636">
                  <c:v>85.838158169434081</c:v>
                </c:pt>
                <c:pt idx="1637">
                  <c:v>85.830965172056111</c:v>
                </c:pt>
                <c:pt idx="1638">
                  <c:v>85.823426259669844</c:v>
                </c:pt>
                <c:pt idx="1639">
                  <c:v>85.816233262291902</c:v>
                </c:pt>
                <c:pt idx="1640">
                  <c:v>85.809040264913932</c:v>
                </c:pt>
                <c:pt idx="1641">
                  <c:v>85.801847267535976</c:v>
                </c:pt>
                <c:pt idx="1642">
                  <c:v>85.794654270158006</c:v>
                </c:pt>
                <c:pt idx="1643">
                  <c:v>85.787451098809214</c:v>
                </c:pt>
                <c:pt idx="1644">
                  <c:v>85.780258101431244</c:v>
                </c:pt>
                <c:pt idx="1645">
                  <c:v>85.773065104053288</c:v>
                </c:pt>
                <c:pt idx="1646">
                  <c:v>85.766218021683585</c:v>
                </c:pt>
                <c:pt idx="1647">
                  <c:v>85.759014850334793</c:v>
                </c:pt>
                <c:pt idx="1648">
                  <c:v>85.752167767965119</c:v>
                </c:pt>
                <c:pt idx="1649">
                  <c:v>85.744974770587149</c:v>
                </c:pt>
                <c:pt idx="1650">
                  <c:v>85.738117514246611</c:v>
                </c:pt>
                <c:pt idx="1651">
                  <c:v>85.731270431876922</c:v>
                </c:pt>
                <c:pt idx="1652">
                  <c:v>85.724413175536398</c:v>
                </c:pt>
                <c:pt idx="1653">
                  <c:v>85.717566093166724</c:v>
                </c:pt>
                <c:pt idx="1654">
                  <c:v>85.7107088368262</c:v>
                </c:pt>
                <c:pt idx="1655">
                  <c:v>85.703861754456497</c:v>
                </c:pt>
                <c:pt idx="1656">
                  <c:v>85.697004498115987</c:v>
                </c:pt>
                <c:pt idx="1657">
                  <c:v>85.690157415746313</c:v>
                </c:pt>
                <c:pt idx="1658">
                  <c:v>85.683300159405789</c:v>
                </c:pt>
                <c:pt idx="1659">
                  <c:v>85.676453077036101</c:v>
                </c:pt>
                <c:pt idx="1660">
                  <c:v>85.669941735703858</c:v>
                </c:pt>
                <c:pt idx="1661">
                  <c:v>85.663084479363334</c:v>
                </c:pt>
                <c:pt idx="1662">
                  <c:v>85.656573138031092</c:v>
                </c:pt>
                <c:pt idx="1663">
                  <c:v>85.64972605566139</c:v>
                </c:pt>
                <c:pt idx="1664">
                  <c:v>85.642868799320865</c:v>
                </c:pt>
                <c:pt idx="1665">
                  <c:v>85.635675801942909</c:v>
                </c:pt>
                <c:pt idx="1666">
                  <c:v>85.628828719573207</c:v>
                </c:pt>
                <c:pt idx="1667">
                  <c:v>85.621635722195251</c:v>
                </c:pt>
                <c:pt idx="1668">
                  <c:v>85.614778465854741</c:v>
                </c:pt>
                <c:pt idx="1669">
                  <c:v>85.607931383485052</c:v>
                </c:pt>
                <c:pt idx="1670">
                  <c:v>85.600728212136246</c:v>
                </c:pt>
                <c:pt idx="1671">
                  <c:v>85.593881129766558</c:v>
                </c:pt>
                <c:pt idx="1672">
                  <c:v>85.587023873426048</c:v>
                </c:pt>
                <c:pt idx="1673">
                  <c:v>85.579830876048078</c:v>
                </c:pt>
                <c:pt idx="1674">
                  <c:v>85.572983793678375</c:v>
                </c:pt>
                <c:pt idx="1675">
                  <c:v>85.566126537337865</c:v>
                </c:pt>
                <c:pt idx="1676">
                  <c:v>85.559279454968177</c:v>
                </c:pt>
                <c:pt idx="1677">
                  <c:v>85.552422198627653</c:v>
                </c:pt>
                <c:pt idx="1678">
                  <c:v>85.545575116257965</c:v>
                </c:pt>
                <c:pt idx="1679">
                  <c:v>85.53871785991744</c:v>
                </c:pt>
                <c:pt idx="1680">
                  <c:v>85.531870777547752</c:v>
                </c:pt>
                <c:pt idx="1681">
                  <c:v>85.524667606198975</c:v>
                </c:pt>
                <c:pt idx="1682">
                  <c:v>85.517820523829286</c:v>
                </c:pt>
                <c:pt idx="1683">
                  <c:v>85.510963267488762</c:v>
                </c:pt>
                <c:pt idx="1684">
                  <c:v>85.503770270110792</c:v>
                </c:pt>
                <c:pt idx="1685">
                  <c:v>85.496923187741118</c:v>
                </c:pt>
                <c:pt idx="1686">
                  <c:v>85.490065931400594</c:v>
                </c:pt>
                <c:pt idx="1687">
                  <c:v>85.483218849030891</c:v>
                </c:pt>
                <c:pt idx="1688">
                  <c:v>85.476025851652921</c:v>
                </c:pt>
                <c:pt idx="1689">
                  <c:v>85.469514510320693</c:v>
                </c:pt>
                <c:pt idx="1690">
                  <c:v>85.462657253980169</c:v>
                </c:pt>
                <c:pt idx="1691">
                  <c:v>85.456145912647912</c:v>
                </c:pt>
                <c:pt idx="1692">
                  <c:v>85.449298830278252</c:v>
                </c:pt>
                <c:pt idx="1693">
                  <c:v>85.442441573937728</c:v>
                </c:pt>
                <c:pt idx="1694">
                  <c:v>85.435594491568025</c:v>
                </c:pt>
                <c:pt idx="1695">
                  <c:v>85.429083150235769</c:v>
                </c:pt>
                <c:pt idx="1696">
                  <c:v>85.422236067866081</c:v>
                </c:pt>
                <c:pt idx="1697">
                  <c:v>85.415032896517303</c:v>
                </c:pt>
                <c:pt idx="1698">
                  <c:v>85.408185814147615</c:v>
                </c:pt>
                <c:pt idx="1699">
                  <c:v>85.40099281676963</c:v>
                </c:pt>
                <c:pt idx="1700">
                  <c:v>85.39413556042912</c:v>
                </c:pt>
                <c:pt idx="1701">
                  <c:v>85.386942563051164</c:v>
                </c:pt>
                <c:pt idx="1702">
                  <c:v>85.380085306710626</c:v>
                </c:pt>
                <c:pt idx="1703">
                  <c:v>85.373238224340952</c:v>
                </c:pt>
                <c:pt idx="1704">
                  <c:v>85.366045226962981</c:v>
                </c:pt>
                <c:pt idx="1705">
                  <c:v>85.359187970622457</c:v>
                </c:pt>
                <c:pt idx="1706">
                  <c:v>85.352340888252769</c:v>
                </c:pt>
                <c:pt idx="1707">
                  <c:v>85.345483631912231</c:v>
                </c:pt>
                <c:pt idx="1708">
                  <c:v>85.338972290580017</c:v>
                </c:pt>
                <c:pt idx="1709">
                  <c:v>85.33247112321861</c:v>
                </c:pt>
                <c:pt idx="1710">
                  <c:v>85.32595978188634</c:v>
                </c:pt>
                <c:pt idx="1711">
                  <c:v>85.31910252554583</c:v>
                </c:pt>
                <c:pt idx="1712">
                  <c:v>85.312591184213574</c:v>
                </c:pt>
                <c:pt idx="1713">
                  <c:v>85.305744101843899</c:v>
                </c:pt>
                <c:pt idx="1714">
                  <c:v>85.298886845503375</c:v>
                </c:pt>
                <c:pt idx="1715">
                  <c:v>85.292385678141969</c:v>
                </c:pt>
                <c:pt idx="1716">
                  <c:v>85.285528421801445</c:v>
                </c:pt>
                <c:pt idx="1717">
                  <c:v>85.278335424423474</c:v>
                </c:pt>
                <c:pt idx="1718">
                  <c:v>85.271142427045518</c:v>
                </c:pt>
                <c:pt idx="1719">
                  <c:v>85.264285170704994</c:v>
                </c:pt>
                <c:pt idx="1720">
                  <c:v>85.257092173327038</c:v>
                </c:pt>
                <c:pt idx="1721">
                  <c:v>85.249899175949068</c:v>
                </c:pt>
                <c:pt idx="1722">
                  <c:v>85.242706178571098</c:v>
                </c:pt>
                <c:pt idx="1723">
                  <c:v>85.235513181193141</c:v>
                </c:pt>
                <c:pt idx="1724">
                  <c:v>85.228655924852632</c:v>
                </c:pt>
                <c:pt idx="1725">
                  <c:v>85.221808842482929</c:v>
                </c:pt>
                <c:pt idx="1726">
                  <c:v>85.215297501150673</c:v>
                </c:pt>
                <c:pt idx="1727">
                  <c:v>85.208440244810163</c:v>
                </c:pt>
                <c:pt idx="1728">
                  <c:v>85.201593162440474</c:v>
                </c:pt>
                <c:pt idx="1729">
                  <c:v>85.19473590609995</c:v>
                </c:pt>
                <c:pt idx="1730">
                  <c:v>85.188224564767694</c:v>
                </c:pt>
                <c:pt idx="1731">
                  <c:v>85.181723397406302</c:v>
                </c:pt>
                <c:pt idx="1732">
                  <c:v>85.175212056074045</c:v>
                </c:pt>
                <c:pt idx="1733">
                  <c:v>85.168700714741803</c:v>
                </c:pt>
                <c:pt idx="1734">
                  <c:v>85.161843458401293</c:v>
                </c:pt>
                <c:pt idx="1735">
                  <c:v>85.155342291039872</c:v>
                </c:pt>
                <c:pt idx="1736">
                  <c:v>85.148485034699377</c:v>
                </c:pt>
                <c:pt idx="1737">
                  <c:v>85.141973693367106</c:v>
                </c:pt>
                <c:pt idx="1738">
                  <c:v>85.135126610997403</c:v>
                </c:pt>
                <c:pt idx="1739">
                  <c:v>85.128269354656894</c:v>
                </c:pt>
                <c:pt idx="1740">
                  <c:v>85.121076357278952</c:v>
                </c:pt>
                <c:pt idx="1741">
                  <c:v>85.114565015946681</c:v>
                </c:pt>
                <c:pt idx="1742">
                  <c:v>85.107717933576993</c:v>
                </c:pt>
                <c:pt idx="1743">
                  <c:v>85.100514762228201</c:v>
                </c:pt>
                <c:pt idx="1744">
                  <c:v>85.093321764850245</c:v>
                </c:pt>
                <c:pt idx="1745">
                  <c:v>85.086474682480556</c:v>
                </c:pt>
                <c:pt idx="1746">
                  <c:v>85.0799633411483</c:v>
                </c:pt>
                <c:pt idx="1747">
                  <c:v>85.07310608480779</c:v>
                </c:pt>
                <c:pt idx="1748">
                  <c:v>85.066940658483816</c:v>
                </c:pt>
                <c:pt idx="1749">
                  <c:v>85.060429317151559</c:v>
                </c:pt>
                <c:pt idx="1750">
                  <c:v>85.054263890827613</c:v>
                </c:pt>
                <c:pt idx="1751">
                  <c:v>85.047752549495343</c:v>
                </c:pt>
                <c:pt idx="1752">
                  <c:v>85.041587123171396</c:v>
                </c:pt>
                <c:pt idx="1753">
                  <c:v>85.035421696847436</c:v>
                </c:pt>
                <c:pt idx="1754">
                  <c:v>85.029602185531743</c:v>
                </c:pt>
                <c:pt idx="1755">
                  <c:v>85.023090844199487</c:v>
                </c:pt>
                <c:pt idx="1756">
                  <c:v>85.016579502867216</c:v>
                </c:pt>
                <c:pt idx="1757">
                  <c:v>85.010068161535003</c:v>
                </c:pt>
                <c:pt idx="1758">
                  <c:v>85.003556820202746</c:v>
                </c:pt>
                <c:pt idx="1759">
                  <c:v>84.996709737833058</c:v>
                </c:pt>
                <c:pt idx="1760">
                  <c:v>84.990198396500816</c:v>
                </c:pt>
                <c:pt idx="1761">
                  <c:v>84.984032970176855</c:v>
                </c:pt>
                <c:pt idx="1762">
                  <c:v>84.978203284890313</c:v>
                </c:pt>
                <c:pt idx="1763">
                  <c:v>84.97238377357462</c:v>
                </c:pt>
                <c:pt idx="1764">
                  <c:v>84.96621834725066</c:v>
                </c:pt>
                <c:pt idx="1765">
                  <c:v>84.960388661964117</c:v>
                </c:pt>
                <c:pt idx="1766">
                  <c:v>84.954223235640157</c:v>
                </c:pt>
                <c:pt idx="1767">
                  <c:v>84.947711894307915</c:v>
                </c:pt>
                <c:pt idx="1768">
                  <c:v>84.941546467983954</c:v>
                </c:pt>
                <c:pt idx="1769">
                  <c:v>84.93538104165998</c:v>
                </c:pt>
                <c:pt idx="1770">
                  <c:v>84.928869700327724</c:v>
                </c:pt>
                <c:pt idx="1771">
                  <c:v>84.922022617958064</c:v>
                </c:pt>
                <c:pt idx="1772">
                  <c:v>84.915857191634075</c:v>
                </c:pt>
                <c:pt idx="1773">
                  <c:v>84.908999935293551</c:v>
                </c:pt>
                <c:pt idx="1774">
                  <c:v>84.902488593961309</c:v>
                </c:pt>
                <c:pt idx="1775">
                  <c:v>84.895977252629066</c:v>
                </c:pt>
                <c:pt idx="1776">
                  <c:v>84.889130170259378</c:v>
                </c:pt>
                <c:pt idx="1777">
                  <c:v>84.882618828927122</c:v>
                </c:pt>
                <c:pt idx="1778">
                  <c:v>84.876107487594879</c:v>
                </c:pt>
                <c:pt idx="1779">
                  <c:v>84.869260405225205</c:v>
                </c:pt>
                <c:pt idx="1780">
                  <c:v>84.862749063892934</c:v>
                </c:pt>
                <c:pt idx="1781">
                  <c:v>84.856237722560692</c:v>
                </c:pt>
                <c:pt idx="1782">
                  <c:v>84.850072296236732</c:v>
                </c:pt>
                <c:pt idx="1783">
                  <c:v>84.843906869912772</c:v>
                </c:pt>
                <c:pt idx="1784">
                  <c:v>84.838423099634525</c:v>
                </c:pt>
                <c:pt idx="1785">
                  <c:v>84.832257673310536</c:v>
                </c:pt>
                <c:pt idx="1786">
                  <c:v>84.826427988024022</c:v>
                </c:pt>
                <c:pt idx="1787">
                  <c:v>84.820262561700062</c:v>
                </c:pt>
                <c:pt idx="1788">
                  <c:v>84.81375122036782</c:v>
                </c:pt>
                <c:pt idx="1789">
                  <c:v>84.807239879035563</c:v>
                </c:pt>
                <c:pt idx="1790">
                  <c:v>84.801074452711589</c:v>
                </c:pt>
                <c:pt idx="1791">
                  <c:v>84.79525494139591</c:v>
                </c:pt>
                <c:pt idx="1792">
                  <c:v>84.789425256109368</c:v>
                </c:pt>
                <c:pt idx="1793">
                  <c:v>84.783951659801943</c:v>
                </c:pt>
                <c:pt idx="1794">
                  <c:v>84.778467889523711</c:v>
                </c:pt>
                <c:pt idx="1795">
                  <c:v>84.772984119245464</c:v>
                </c:pt>
                <c:pt idx="1796">
                  <c:v>84.767154433958922</c:v>
                </c:pt>
                <c:pt idx="1797">
                  <c:v>84.761334922643229</c:v>
                </c:pt>
                <c:pt idx="1798">
                  <c:v>84.755505237356715</c:v>
                </c:pt>
                <c:pt idx="1799">
                  <c:v>84.74933981103274</c:v>
                </c:pt>
                <c:pt idx="1800">
                  <c:v>84.743520299717048</c:v>
                </c:pt>
                <c:pt idx="1801">
                  <c:v>84.73769061443052</c:v>
                </c:pt>
                <c:pt idx="1802">
                  <c:v>84.731525188106545</c:v>
                </c:pt>
                <c:pt idx="1803">
                  <c:v>84.725359761782599</c:v>
                </c:pt>
                <c:pt idx="1804">
                  <c:v>84.71919433545861</c:v>
                </c:pt>
                <c:pt idx="1805">
                  <c:v>84.713364650172082</c:v>
                </c:pt>
                <c:pt idx="1806">
                  <c:v>84.707545138856389</c:v>
                </c:pt>
                <c:pt idx="1807">
                  <c:v>84.701715453569875</c:v>
                </c:pt>
                <c:pt idx="1808">
                  <c:v>84.695214286208468</c:v>
                </c:pt>
                <c:pt idx="1809">
                  <c:v>84.688702944876226</c:v>
                </c:pt>
                <c:pt idx="1810">
                  <c:v>84.681845688535702</c:v>
                </c:pt>
                <c:pt idx="1811">
                  <c:v>84.675334347203446</c:v>
                </c:pt>
                <c:pt idx="1812">
                  <c:v>84.669168920879486</c:v>
                </c:pt>
                <c:pt idx="1813">
                  <c:v>84.662657579547229</c:v>
                </c:pt>
                <c:pt idx="1814">
                  <c:v>84.656492153223269</c:v>
                </c:pt>
                <c:pt idx="1815">
                  <c:v>84.65032672689928</c:v>
                </c:pt>
                <c:pt idx="1816">
                  <c:v>84.643815385567052</c:v>
                </c:pt>
                <c:pt idx="1817">
                  <c:v>84.637314218205645</c:v>
                </c:pt>
                <c:pt idx="1818">
                  <c:v>84.630802876873389</c:v>
                </c:pt>
                <c:pt idx="1819">
                  <c:v>84.624637450549429</c:v>
                </c:pt>
                <c:pt idx="1820">
                  <c:v>84.618807765262886</c:v>
                </c:pt>
                <c:pt idx="1821">
                  <c:v>84.612296423930658</c:v>
                </c:pt>
                <c:pt idx="1822">
                  <c:v>84.606476912614966</c:v>
                </c:pt>
                <c:pt idx="1823">
                  <c:v>84.600311486290991</c:v>
                </c:pt>
                <c:pt idx="1824">
                  <c:v>84.59482771601273</c:v>
                </c:pt>
                <c:pt idx="1825">
                  <c:v>84.588998030726231</c:v>
                </c:pt>
                <c:pt idx="1826">
                  <c:v>84.583178519410524</c:v>
                </c:pt>
                <c:pt idx="1827">
                  <c:v>84.577694749132277</c:v>
                </c:pt>
                <c:pt idx="1828">
                  <c:v>84.572556893862298</c:v>
                </c:pt>
                <c:pt idx="1829">
                  <c:v>84.566727208575784</c:v>
                </c:pt>
                <c:pt idx="1830">
                  <c:v>84.561253612268345</c:v>
                </c:pt>
                <c:pt idx="1831">
                  <c:v>84.555423926981817</c:v>
                </c:pt>
                <c:pt idx="1832">
                  <c:v>84.549604415666153</c:v>
                </c:pt>
                <c:pt idx="1833">
                  <c:v>84.54377473037961</c:v>
                </c:pt>
                <c:pt idx="1834">
                  <c:v>84.538636875109631</c:v>
                </c:pt>
                <c:pt idx="1835">
                  <c:v>84.533153104831385</c:v>
                </c:pt>
                <c:pt idx="1836">
                  <c:v>84.527669334553124</c:v>
                </c:pt>
                <c:pt idx="1837">
                  <c:v>84.522195738245713</c:v>
                </c:pt>
                <c:pt idx="1838">
                  <c:v>84.516366052959185</c:v>
                </c:pt>
                <c:pt idx="1839">
                  <c:v>84.510546541643492</c:v>
                </c:pt>
                <c:pt idx="1840">
                  <c:v>84.505062771365232</c:v>
                </c:pt>
                <c:pt idx="1841">
                  <c:v>84.499579001087</c:v>
                </c:pt>
                <c:pt idx="1842">
                  <c:v>84.494095230808753</c:v>
                </c:pt>
                <c:pt idx="1843">
                  <c:v>84.488957375538774</c:v>
                </c:pt>
                <c:pt idx="1844">
                  <c:v>84.483473605260514</c:v>
                </c:pt>
                <c:pt idx="1845">
                  <c:v>84.478000008953103</c:v>
                </c:pt>
                <c:pt idx="1846">
                  <c:v>84.472851979712289</c:v>
                </c:pt>
                <c:pt idx="1847">
                  <c:v>84.467378383404878</c:v>
                </c:pt>
                <c:pt idx="1848">
                  <c:v>84.461894613126617</c:v>
                </c:pt>
                <c:pt idx="1849">
                  <c:v>84.456410842848371</c:v>
                </c:pt>
                <c:pt idx="1850">
                  <c:v>84.450581157561857</c:v>
                </c:pt>
                <c:pt idx="1851">
                  <c:v>84.444761646246164</c:v>
                </c:pt>
                <c:pt idx="1852">
                  <c:v>84.438596219922189</c:v>
                </c:pt>
                <c:pt idx="1853">
                  <c:v>84.432430793598215</c:v>
                </c:pt>
                <c:pt idx="1854">
                  <c:v>84.42626536727424</c:v>
                </c:pt>
                <c:pt idx="1855">
                  <c:v>84.420089766979444</c:v>
                </c:pt>
                <c:pt idx="1856">
                  <c:v>84.414616170672033</c:v>
                </c:pt>
                <c:pt idx="1857">
                  <c:v>84.408786485385505</c:v>
                </c:pt>
                <c:pt idx="1858">
                  <c:v>84.402966974069813</c:v>
                </c:pt>
                <c:pt idx="1859">
                  <c:v>84.397483203791552</c:v>
                </c:pt>
                <c:pt idx="1860">
                  <c:v>84.391653518505052</c:v>
                </c:pt>
                <c:pt idx="1861">
                  <c:v>84.386515663235059</c:v>
                </c:pt>
                <c:pt idx="1862">
                  <c:v>84.381031892956813</c:v>
                </c:pt>
                <c:pt idx="1863">
                  <c:v>84.375558296649402</c:v>
                </c:pt>
                <c:pt idx="1864">
                  <c:v>84.370756182416855</c:v>
                </c:pt>
                <c:pt idx="1865">
                  <c:v>84.365618327146876</c:v>
                </c:pt>
                <c:pt idx="1866">
                  <c:v>84.360826386885179</c:v>
                </c:pt>
                <c:pt idx="1867">
                  <c:v>84.355678357644379</c:v>
                </c:pt>
                <c:pt idx="1868">
                  <c:v>84.350204761336968</c:v>
                </c:pt>
                <c:pt idx="1869">
                  <c:v>84.344720991058722</c:v>
                </c:pt>
                <c:pt idx="1870">
                  <c:v>84.339583135788729</c:v>
                </c:pt>
                <c:pt idx="1871">
                  <c:v>84.334781021556211</c:v>
                </c:pt>
                <c:pt idx="1872">
                  <c:v>84.32929725127795</c:v>
                </c:pt>
                <c:pt idx="1873">
                  <c:v>84.324159396007985</c:v>
                </c:pt>
                <c:pt idx="1874">
                  <c:v>84.319021540738021</c:v>
                </c:pt>
                <c:pt idx="1875">
                  <c:v>84.313883685468056</c:v>
                </c:pt>
                <c:pt idx="1876">
                  <c:v>84.308745830198049</c:v>
                </c:pt>
                <c:pt idx="1877">
                  <c:v>84.303943715965545</c:v>
                </c:pt>
                <c:pt idx="1878">
                  <c:v>84.299151775703834</c:v>
                </c:pt>
                <c:pt idx="1879">
                  <c:v>84.294359835442137</c:v>
                </c:pt>
                <c:pt idx="1880">
                  <c:v>84.28955772120959</c:v>
                </c:pt>
                <c:pt idx="1881">
                  <c:v>84.284419865939626</c:v>
                </c:pt>
                <c:pt idx="1882">
                  <c:v>84.279282010669647</c:v>
                </c:pt>
                <c:pt idx="1883">
                  <c:v>84.274479896437114</c:v>
                </c:pt>
                <c:pt idx="1884">
                  <c:v>84.269342041167164</c:v>
                </c:pt>
                <c:pt idx="1885">
                  <c:v>84.264204185897171</c:v>
                </c:pt>
                <c:pt idx="1886">
                  <c:v>84.259066330627192</c:v>
                </c:pt>
                <c:pt idx="1887">
                  <c:v>84.253928475357213</c:v>
                </c:pt>
                <c:pt idx="1888">
                  <c:v>84.248790620087249</c:v>
                </c:pt>
                <c:pt idx="1889">
                  <c:v>84.24398850585473</c:v>
                </c:pt>
                <c:pt idx="1890">
                  <c:v>84.238504735576484</c:v>
                </c:pt>
                <c:pt idx="1891">
                  <c:v>84.233031139269045</c:v>
                </c:pt>
                <c:pt idx="1892">
                  <c:v>84.227201453982531</c:v>
                </c:pt>
                <c:pt idx="1893">
                  <c:v>84.222063598712566</c:v>
                </c:pt>
                <c:pt idx="1894">
                  <c:v>84.216925743442587</c:v>
                </c:pt>
                <c:pt idx="1895">
                  <c:v>84.211787888172594</c:v>
                </c:pt>
                <c:pt idx="1896">
                  <c:v>84.206304117894348</c:v>
                </c:pt>
                <c:pt idx="1897">
                  <c:v>84.201166262624369</c:v>
                </c:pt>
                <c:pt idx="1898">
                  <c:v>84.196710063400133</c:v>
                </c:pt>
                <c:pt idx="1899">
                  <c:v>84.192253864175868</c:v>
                </c:pt>
                <c:pt idx="1900">
                  <c:v>84.187461923914171</c:v>
                </c:pt>
                <c:pt idx="1901">
                  <c:v>84.182659809681638</c:v>
                </c:pt>
                <c:pt idx="1902">
                  <c:v>84.177521954411645</c:v>
                </c:pt>
                <c:pt idx="1903">
                  <c:v>84.172730014149977</c:v>
                </c:pt>
                <c:pt idx="1904">
                  <c:v>84.167592158879984</c:v>
                </c:pt>
                <c:pt idx="1905">
                  <c:v>84.162454303610005</c:v>
                </c:pt>
                <c:pt idx="1906">
                  <c:v>84.157652189377487</c:v>
                </c:pt>
                <c:pt idx="1907">
                  <c:v>84.15286024911579</c:v>
                </c:pt>
                <c:pt idx="1908">
                  <c:v>84.148058134883257</c:v>
                </c:pt>
                <c:pt idx="1909">
                  <c:v>84.14326619462156</c:v>
                </c:pt>
                <c:pt idx="1910">
                  <c:v>84.138464080389028</c:v>
                </c:pt>
                <c:pt idx="1911">
                  <c:v>84.133326225119049</c:v>
                </c:pt>
                <c:pt idx="1912">
                  <c:v>84.128534284857366</c:v>
                </c:pt>
                <c:pt idx="1913">
                  <c:v>84.123396429587373</c:v>
                </c:pt>
                <c:pt idx="1914">
                  <c:v>84.118248400346587</c:v>
                </c:pt>
                <c:pt idx="1915">
                  <c:v>84.113110545076594</c:v>
                </c:pt>
                <c:pt idx="1916">
                  <c:v>84.108318604814897</c:v>
                </c:pt>
                <c:pt idx="1917">
                  <c:v>84.103516490582379</c:v>
                </c:pt>
                <c:pt idx="1918">
                  <c:v>84.098042894274954</c:v>
                </c:pt>
                <c:pt idx="1919">
                  <c:v>84.092559123996708</c:v>
                </c:pt>
                <c:pt idx="1920">
                  <c:v>84.087421268726743</c:v>
                </c:pt>
                <c:pt idx="1921">
                  <c:v>84.08228341345675</c:v>
                </c:pt>
                <c:pt idx="1922">
                  <c:v>84.077481299224232</c:v>
                </c:pt>
                <c:pt idx="1923">
                  <c:v>84.072343443954253</c:v>
                </c:pt>
                <c:pt idx="1924">
                  <c:v>84.06652393263856</c:v>
                </c:pt>
                <c:pt idx="1925">
                  <c:v>84.061040162360314</c:v>
                </c:pt>
                <c:pt idx="1926">
                  <c:v>84.055902307090335</c:v>
                </c:pt>
                <c:pt idx="1927">
                  <c:v>84.050754277849535</c:v>
                </c:pt>
                <c:pt idx="1928">
                  <c:v>84.04596233758781</c:v>
                </c:pt>
                <c:pt idx="1929">
                  <c:v>84.041170397326127</c:v>
                </c:pt>
                <c:pt idx="1930">
                  <c:v>84.036368283093594</c:v>
                </c:pt>
                <c:pt idx="1931">
                  <c:v>84.031912083869329</c:v>
                </c:pt>
                <c:pt idx="1932">
                  <c:v>84.027120143607647</c:v>
                </c:pt>
                <c:pt idx="1933">
                  <c:v>84.022663944383382</c:v>
                </c:pt>
                <c:pt idx="1934">
                  <c:v>84.017872004121699</c:v>
                </c:pt>
                <c:pt idx="1935">
                  <c:v>84.013069889889152</c:v>
                </c:pt>
                <c:pt idx="1936">
                  <c:v>84.00827794962747</c:v>
                </c:pt>
                <c:pt idx="1937">
                  <c:v>84.003140094357491</c:v>
                </c:pt>
                <c:pt idx="1938">
                  <c:v>83.998337980124944</c:v>
                </c:pt>
                <c:pt idx="1939">
                  <c:v>83.993546039863247</c:v>
                </c:pt>
                <c:pt idx="1940">
                  <c:v>83.988743925630715</c:v>
                </c:pt>
                <c:pt idx="1941">
                  <c:v>83.98360607036075</c:v>
                </c:pt>
                <c:pt idx="1942">
                  <c:v>83.979149871136499</c:v>
                </c:pt>
                <c:pt idx="1943">
                  <c:v>83.975039586920502</c:v>
                </c:pt>
                <c:pt idx="1944">
                  <c:v>83.970583387696266</c:v>
                </c:pt>
                <c:pt idx="1945">
                  <c:v>83.966473103480283</c:v>
                </c:pt>
                <c:pt idx="1946">
                  <c:v>83.962362819264285</c:v>
                </c:pt>
                <c:pt idx="1947">
                  <c:v>83.957906620040049</c:v>
                </c:pt>
                <c:pt idx="1948">
                  <c:v>83.95379633582408</c:v>
                </c:pt>
                <c:pt idx="1949">
                  <c:v>83.949350310570665</c:v>
                </c:pt>
                <c:pt idx="1950">
                  <c:v>83.944894111346386</c:v>
                </c:pt>
                <c:pt idx="1951">
                  <c:v>83.940091997113853</c:v>
                </c:pt>
                <c:pt idx="1952">
                  <c:v>83.935300056852157</c:v>
                </c:pt>
                <c:pt idx="1953">
                  <c:v>83.930497942619624</c:v>
                </c:pt>
                <c:pt idx="1954">
                  <c:v>83.925706002357913</c:v>
                </c:pt>
                <c:pt idx="1955">
                  <c:v>83.921249803133662</c:v>
                </c:pt>
                <c:pt idx="1956">
                  <c:v>83.916457862871965</c:v>
                </c:pt>
                <c:pt idx="1957">
                  <c:v>83.911655748639461</c:v>
                </c:pt>
                <c:pt idx="1958">
                  <c:v>83.907209723386018</c:v>
                </c:pt>
                <c:pt idx="1959">
                  <c:v>83.902753524161767</c:v>
                </c:pt>
                <c:pt idx="1960">
                  <c:v>83.898643239945784</c:v>
                </c:pt>
                <c:pt idx="1961">
                  <c:v>83.894532955729801</c:v>
                </c:pt>
                <c:pt idx="1962">
                  <c:v>83.890412497542997</c:v>
                </c:pt>
                <c:pt idx="1963">
                  <c:v>83.886302213327014</c:v>
                </c:pt>
                <c:pt idx="1964">
                  <c:v>83.882191929111016</c:v>
                </c:pt>
                <c:pt idx="1965">
                  <c:v>83.878081644895047</c:v>
                </c:pt>
                <c:pt idx="1966">
                  <c:v>83.874317275687346</c:v>
                </c:pt>
                <c:pt idx="1967">
                  <c:v>83.870206991471377</c:v>
                </c:pt>
                <c:pt idx="1968">
                  <c:v>83.865750792247113</c:v>
                </c:pt>
                <c:pt idx="1969">
                  <c:v>83.861294593022862</c:v>
                </c:pt>
                <c:pt idx="1970">
                  <c:v>83.857184308806879</c:v>
                </c:pt>
                <c:pt idx="1971">
                  <c:v>83.852382194574361</c:v>
                </c:pt>
                <c:pt idx="1972">
                  <c:v>83.847936169320931</c:v>
                </c:pt>
                <c:pt idx="1973">
                  <c:v>83.843825885104948</c:v>
                </c:pt>
                <c:pt idx="1974">
                  <c:v>83.839369685880683</c:v>
                </c:pt>
                <c:pt idx="1975">
                  <c:v>83.835595142702161</c:v>
                </c:pt>
                <c:pt idx="1976">
                  <c:v>83.831484858486192</c:v>
                </c:pt>
                <c:pt idx="1977">
                  <c:v>83.827374574270181</c:v>
                </c:pt>
                <c:pt idx="1978">
                  <c:v>83.823264290054212</c:v>
                </c:pt>
                <c:pt idx="1979">
                  <c:v>83.819154005838243</c:v>
                </c:pt>
                <c:pt idx="1980">
                  <c:v>83.81504372162226</c:v>
                </c:pt>
                <c:pt idx="1981">
                  <c:v>83.810587522398009</c:v>
                </c:pt>
                <c:pt idx="1982">
                  <c:v>83.806823153190308</c:v>
                </c:pt>
                <c:pt idx="1983">
                  <c:v>83.802712868974311</c:v>
                </c:pt>
                <c:pt idx="1984">
                  <c:v>83.798592410787521</c:v>
                </c:pt>
                <c:pt idx="1985">
                  <c:v>83.794146385534077</c:v>
                </c:pt>
                <c:pt idx="1986">
                  <c:v>83.789690186309826</c:v>
                </c:pt>
                <c:pt idx="1987">
                  <c:v>83.785579902093858</c:v>
                </c:pt>
                <c:pt idx="1988">
                  <c:v>83.781123702869593</c:v>
                </c:pt>
                <c:pt idx="1989">
                  <c:v>83.777013418653624</c:v>
                </c:pt>
                <c:pt idx="1990">
                  <c:v>83.772903134437641</c:v>
                </c:pt>
                <c:pt idx="1991">
                  <c:v>83.768446935213376</c:v>
                </c:pt>
                <c:pt idx="1992">
                  <c:v>83.76399073598914</c:v>
                </c:pt>
                <c:pt idx="1993">
                  <c:v>83.759534536764875</c:v>
                </c:pt>
                <c:pt idx="1994">
                  <c:v>83.755088511511445</c:v>
                </c:pt>
                <c:pt idx="1995">
                  <c:v>83.750286397278913</c:v>
                </c:pt>
                <c:pt idx="1996">
                  <c:v>83.745830198054676</c:v>
                </c:pt>
                <c:pt idx="1997">
                  <c:v>83.741038257792965</c:v>
                </c:pt>
                <c:pt idx="1998">
                  <c:v>83.736582058568715</c:v>
                </c:pt>
                <c:pt idx="1999">
                  <c:v>83.732125859344464</c:v>
                </c:pt>
                <c:pt idx="2000">
                  <c:v>83.728015575128481</c:v>
                </c:pt>
                <c:pt idx="2001">
                  <c:v>83.723905290912498</c:v>
                </c:pt>
                <c:pt idx="2002">
                  <c:v>83.720140921704782</c:v>
                </c:pt>
                <c:pt idx="2003">
                  <c:v>83.716366378526246</c:v>
                </c:pt>
                <c:pt idx="2004">
                  <c:v>83.712256094310277</c:v>
                </c:pt>
                <c:pt idx="2005">
                  <c:v>83.708145810094294</c:v>
                </c:pt>
                <c:pt idx="2006">
                  <c:v>83.704035525878311</c:v>
                </c:pt>
                <c:pt idx="2007">
                  <c:v>83.699925241662342</c:v>
                </c:pt>
                <c:pt idx="2008">
                  <c:v>83.695469042438077</c:v>
                </c:pt>
                <c:pt idx="2009">
                  <c:v>83.691358758222094</c:v>
                </c:pt>
                <c:pt idx="2010">
                  <c:v>83.687594389014407</c:v>
                </c:pt>
                <c:pt idx="2011">
                  <c:v>83.684165760844138</c:v>
                </c:pt>
                <c:pt idx="2012">
                  <c:v>83.680737132673883</c:v>
                </c:pt>
                <c:pt idx="2013">
                  <c:v>83.677654419511882</c:v>
                </c:pt>
                <c:pt idx="2014">
                  <c:v>83.674225791341627</c:v>
                </c:pt>
                <c:pt idx="2015">
                  <c:v>83.670807337142207</c:v>
                </c:pt>
                <c:pt idx="2016">
                  <c:v>83.667378708971938</c:v>
                </c:pt>
                <c:pt idx="2017">
                  <c:v>83.663950080801683</c:v>
                </c:pt>
                <c:pt idx="2018">
                  <c:v>83.660867367639696</c:v>
                </c:pt>
                <c:pt idx="2019">
                  <c:v>83.657784654477723</c:v>
                </c:pt>
                <c:pt idx="2020">
                  <c:v>83.654356026307454</c:v>
                </c:pt>
                <c:pt idx="2021">
                  <c:v>83.651273313145452</c:v>
                </c:pt>
                <c:pt idx="2022">
                  <c:v>83.648190599983479</c:v>
                </c:pt>
                <c:pt idx="2023">
                  <c:v>83.644761971813224</c:v>
                </c:pt>
                <c:pt idx="2024">
                  <c:v>83.641679258651251</c:v>
                </c:pt>
                <c:pt idx="2025">
                  <c:v>83.638250630480982</c:v>
                </c:pt>
                <c:pt idx="2026">
                  <c:v>83.635167917319009</c:v>
                </c:pt>
                <c:pt idx="2027">
                  <c:v>83.631749463119561</c:v>
                </c:pt>
                <c:pt idx="2028">
                  <c:v>83.628666749957588</c:v>
                </c:pt>
                <c:pt idx="2029">
                  <c:v>83.625238121787319</c:v>
                </c:pt>
                <c:pt idx="2030">
                  <c:v>83.622155408625346</c:v>
                </c:pt>
                <c:pt idx="2031">
                  <c:v>83.619408436500791</c:v>
                </c:pt>
                <c:pt idx="2032">
                  <c:v>83.616671638347086</c:v>
                </c:pt>
                <c:pt idx="2033">
                  <c:v>83.613588925185084</c:v>
                </c:pt>
                <c:pt idx="2034">
                  <c:v>83.610841953060557</c:v>
                </c:pt>
                <c:pt idx="2035">
                  <c:v>83.607759239898584</c:v>
                </c:pt>
                <c:pt idx="2036">
                  <c:v>83.604676526736583</c:v>
                </c:pt>
                <c:pt idx="2037">
                  <c:v>83.60159381357461</c:v>
                </c:pt>
                <c:pt idx="2038">
                  <c:v>83.597829444366894</c:v>
                </c:pt>
                <c:pt idx="2039">
                  <c:v>83.594746731204907</c:v>
                </c:pt>
                <c:pt idx="2040">
                  <c:v>83.591318103034652</c:v>
                </c:pt>
                <c:pt idx="2041">
                  <c:v>83.588571130910111</c:v>
                </c:pt>
                <c:pt idx="2042">
                  <c:v>83.585488417748138</c:v>
                </c:pt>
                <c:pt idx="2043">
                  <c:v>83.582751619594404</c:v>
                </c:pt>
                <c:pt idx="2044">
                  <c:v>83.580014821440713</c:v>
                </c:pt>
                <c:pt idx="2045">
                  <c:v>83.577267849316158</c:v>
                </c:pt>
                <c:pt idx="2046">
                  <c:v>83.574185136154199</c:v>
                </c:pt>
                <c:pt idx="2047">
                  <c:v>83.571448338000479</c:v>
                </c:pt>
                <c:pt idx="2048">
                  <c:v>83.568701365875938</c:v>
                </c:pt>
                <c:pt idx="2049">
                  <c:v>83.565964567722233</c:v>
                </c:pt>
                <c:pt idx="2050">
                  <c:v>83.563227769568513</c:v>
                </c:pt>
                <c:pt idx="2051">
                  <c:v>83.560134882435719</c:v>
                </c:pt>
                <c:pt idx="2052">
                  <c:v>83.557052169273732</c:v>
                </c:pt>
                <c:pt idx="2053">
                  <c:v>83.55396945611173</c:v>
                </c:pt>
                <c:pt idx="2054">
                  <c:v>83.551578572966292</c:v>
                </c:pt>
                <c:pt idx="2055">
                  <c:v>83.548831600841751</c:v>
                </c:pt>
                <c:pt idx="2056">
                  <c:v>83.546430543725492</c:v>
                </c:pt>
                <c:pt idx="2057">
                  <c:v>83.543347830563533</c:v>
                </c:pt>
                <c:pt idx="2058">
                  <c:v>83.540611032409799</c:v>
                </c:pt>
                <c:pt idx="2059">
                  <c:v>83.537874234256094</c:v>
                </c:pt>
                <c:pt idx="2060">
                  <c:v>83.535473177139835</c:v>
                </c:pt>
                <c:pt idx="2061">
                  <c:v>83.532726205015294</c:v>
                </c:pt>
                <c:pt idx="2062">
                  <c:v>83.52998940686156</c:v>
                </c:pt>
                <c:pt idx="2063">
                  <c:v>83.527252608707855</c:v>
                </c:pt>
                <c:pt idx="2064">
                  <c:v>83.524505636583314</c:v>
                </c:pt>
                <c:pt idx="2065">
                  <c:v>83.521768838429637</c:v>
                </c:pt>
                <c:pt idx="2066">
                  <c:v>83.519367781313363</c:v>
                </c:pt>
                <c:pt idx="2067">
                  <c:v>83.516285068151362</c:v>
                </c:pt>
                <c:pt idx="2068">
                  <c:v>83.513548269997656</c:v>
                </c:pt>
                <c:pt idx="2069">
                  <c:v>83.510465556835669</c:v>
                </c:pt>
                <c:pt idx="2070">
                  <c:v>83.507718584711128</c:v>
                </c:pt>
                <c:pt idx="2071">
                  <c:v>83.505317527594869</c:v>
                </c:pt>
                <c:pt idx="2072">
                  <c:v>83.502580729441149</c:v>
                </c:pt>
                <c:pt idx="2073">
                  <c:v>83.499498016279176</c:v>
                </c:pt>
                <c:pt idx="2074">
                  <c:v>83.496761218125457</c:v>
                </c:pt>
                <c:pt idx="2075">
                  <c:v>83.49401424600093</c:v>
                </c:pt>
                <c:pt idx="2076">
                  <c:v>83.49127744784721</c:v>
                </c:pt>
                <c:pt idx="2077">
                  <c:v>83.488876390730951</c:v>
                </c:pt>
                <c:pt idx="2078">
                  <c:v>83.486139592577246</c:v>
                </c:pt>
                <c:pt idx="2079">
                  <c:v>83.483392620452705</c:v>
                </c:pt>
                <c:pt idx="2080">
                  <c:v>83.480309907290703</c:v>
                </c:pt>
                <c:pt idx="2081">
                  <c:v>83.477573109136998</c:v>
                </c:pt>
                <c:pt idx="2082">
                  <c:v>83.47449039597501</c:v>
                </c:pt>
                <c:pt idx="2083">
                  <c:v>83.471743423850469</c:v>
                </c:pt>
                <c:pt idx="2084">
                  <c:v>83.468660710688496</c:v>
                </c:pt>
                <c:pt idx="2085">
                  <c:v>83.465923912534791</c:v>
                </c:pt>
                <c:pt idx="2086">
                  <c:v>83.462841199372804</c:v>
                </c:pt>
                <c:pt idx="2087">
                  <c:v>83.459758486210816</c:v>
                </c:pt>
                <c:pt idx="2088">
                  <c:v>83.456675773048843</c:v>
                </c:pt>
                <c:pt idx="2089">
                  <c:v>83.453928800924302</c:v>
                </c:pt>
                <c:pt idx="2090">
                  <c:v>83.451192002770568</c:v>
                </c:pt>
                <c:pt idx="2091">
                  <c:v>83.44810928960861</c:v>
                </c:pt>
                <c:pt idx="2092">
                  <c:v>83.445362317484069</c:v>
                </c:pt>
                <c:pt idx="2093">
                  <c:v>83.442971434338617</c:v>
                </c:pt>
                <c:pt idx="2094">
                  <c:v>83.44022446221409</c:v>
                </c:pt>
                <c:pt idx="2095">
                  <c:v>83.43748766406037</c:v>
                </c:pt>
                <c:pt idx="2096">
                  <c:v>83.434740691935843</c:v>
                </c:pt>
                <c:pt idx="2097">
                  <c:v>83.432003893782124</c:v>
                </c:pt>
                <c:pt idx="2098">
                  <c:v>83.429256921657569</c:v>
                </c:pt>
                <c:pt idx="2099">
                  <c:v>83.426520123503877</c:v>
                </c:pt>
                <c:pt idx="2100">
                  <c:v>83.424119066387604</c:v>
                </c:pt>
                <c:pt idx="2101">
                  <c:v>83.421382268233899</c:v>
                </c:pt>
                <c:pt idx="2102">
                  <c:v>83.418299555071911</c:v>
                </c:pt>
                <c:pt idx="2103">
                  <c:v>83.415898497955652</c:v>
                </c:pt>
                <c:pt idx="2104">
                  <c:v>83.413161699801947</c:v>
                </c:pt>
                <c:pt idx="2105">
                  <c:v>83.410760642685659</c:v>
                </c:pt>
                <c:pt idx="2106">
                  <c:v>83.408023844531968</c:v>
                </c:pt>
                <c:pt idx="2107">
                  <c:v>83.405622787415695</c:v>
                </c:pt>
                <c:pt idx="2108">
                  <c:v>83.40322173029945</c:v>
                </c:pt>
                <c:pt idx="2109">
                  <c:v>83.400820673183162</c:v>
                </c:pt>
                <c:pt idx="2110">
                  <c:v>83.398765531075171</c:v>
                </c:pt>
                <c:pt idx="2111">
                  <c:v>83.396710388967193</c:v>
                </c:pt>
                <c:pt idx="2112">
                  <c:v>83.394655246859188</c:v>
                </c:pt>
                <c:pt idx="2113">
                  <c:v>83.392264363713764</c:v>
                </c:pt>
                <c:pt idx="2114">
                  <c:v>83.389863306597505</c:v>
                </c:pt>
                <c:pt idx="2115">
                  <c:v>83.387462249481231</c:v>
                </c:pt>
                <c:pt idx="2116">
                  <c:v>83.385061192364972</c:v>
                </c:pt>
                <c:pt idx="2117">
                  <c:v>83.382670309219534</c:v>
                </c:pt>
                <c:pt idx="2118">
                  <c:v>83.380615167111557</c:v>
                </c:pt>
                <c:pt idx="2119">
                  <c:v>83.378214109995284</c:v>
                </c:pt>
                <c:pt idx="2120">
                  <c:v>83.375813052879025</c:v>
                </c:pt>
                <c:pt idx="2121">
                  <c:v>83.373411995762737</c:v>
                </c:pt>
                <c:pt idx="2122">
                  <c:v>83.37135685365476</c:v>
                </c:pt>
                <c:pt idx="2123">
                  <c:v>83.368965970509322</c:v>
                </c:pt>
                <c:pt idx="2124">
                  <c:v>83.36691082840133</c:v>
                </c:pt>
                <c:pt idx="2125">
                  <c:v>83.364509771285071</c:v>
                </c:pt>
                <c:pt idx="2126">
                  <c:v>83.362108714168798</c:v>
                </c:pt>
                <c:pt idx="2127">
                  <c:v>83.359707657052553</c:v>
                </c:pt>
                <c:pt idx="2128">
                  <c:v>83.356970858898833</c:v>
                </c:pt>
                <c:pt idx="2129">
                  <c:v>83.35456980178256</c:v>
                </c:pt>
                <c:pt idx="2130">
                  <c:v>83.352178918637136</c:v>
                </c:pt>
                <c:pt idx="2131">
                  <c:v>83.350123776529145</c:v>
                </c:pt>
                <c:pt idx="2132">
                  <c:v>83.347722719412886</c:v>
                </c:pt>
                <c:pt idx="2133">
                  <c:v>83.345321662296612</c:v>
                </c:pt>
                <c:pt idx="2134">
                  <c:v>83.342584864142907</c:v>
                </c:pt>
                <c:pt idx="2135">
                  <c:v>83.340183807026619</c:v>
                </c:pt>
                <c:pt idx="2136">
                  <c:v>83.337447008872928</c:v>
                </c:pt>
                <c:pt idx="2137">
                  <c:v>83.335045951756669</c:v>
                </c:pt>
                <c:pt idx="2138">
                  <c:v>83.332644894640381</c:v>
                </c:pt>
                <c:pt idx="2139">
                  <c:v>83.330589752532418</c:v>
                </c:pt>
                <c:pt idx="2140">
                  <c:v>83.328188695416145</c:v>
                </c:pt>
                <c:pt idx="2141">
                  <c:v>83.32545189726244</c:v>
                </c:pt>
                <c:pt idx="2142">
                  <c:v>83.322704925137884</c:v>
                </c:pt>
                <c:pt idx="2143">
                  <c:v>83.320314041992475</c:v>
                </c:pt>
                <c:pt idx="2144">
                  <c:v>83.31756706986792</c:v>
                </c:pt>
                <c:pt idx="2145">
                  <c:v>83.315176186722496</c:v>
                </c:pt>
                <c:pt idx="2146">
                  <c:v>83.312775129606223</c:v>
                </c:pt>
                <c:pt idx="2147">
                  <c:v>83.310374072489964</c:v>
                </c:pt>
                <c:pt idx="2148">
                  <c:v>83.308318930381958</c:v>
                </c:pt>
                <c:pt idx="2149">
                  <c:v>83.305917873265699</c:v>
                </c:pt>
                <c:pt idx="2150">
                  <c:v>83.303526990120261</c:v>
                </c:pt>
                <c:pt idx="2151">
                  <c:v>83.301125933003988</c:v>
                </c:pt>
                <c:pt idx="2152">
                  <c:v>83.299416705904278</c:v>
                </c:pt>
                <c:pt idx="2153">
                  <c:v>83.297697304833747</c:v>
                </c:pt>
                <c:pt idx="2154">
                  <c:v>83.295988077734023</c:v>
                </c:pt>
                <c:pt idx="2155">
                  <c:v>83.294268676663492</c:v>
                </c:pt>
                <c:pt idx="2156">
                  <c:v>83.292559449563768</c:v>
                </c:pt>
                <c:pt idx="2157">
                  <c:v>83.290850222464059</c:v>
                </c:pt>
                <c:pt idx="2158">
                  <c:v>83.289476736401795</c:v>
                </c:pt>
                <c:pt idx="2159">
                  <c:v>83.287767509302071</c:v>
                </c:pt>
                <c:pt idx="2160">
                  <c:v>83.286048108231526</c:v>
                </c:pt>
                <c:pt idx="2161">
                  <c:v>83.283992966123549</c:v>
                </c:pt>
                <c:pt idx="2162">
                  <c:v>83.282283739023825</c:v>
                </c:pt>
                <c:pt idx="2163">
                  <c:v>83.279882681907537</c:v>
                </c:pt>
                <c:pt idx="2164">
                  <c:v>83.277481624791278</c:v>
                </c:pt>
                <c:pt idx="2165">
                  <c:v>83.275090741645855</c:v>
                </c:pt>
                <c:pt idx="2166">
                  <c:v>83.272689684529581</c:v>
                </c:pt>
                <c:pt idx="2167">
                  <c:v>83.270288627413322</c:v>
                </c:pt>
                <c:pt idx="2168">
                  <c:v>83.268233485305331</c:v>
                </c:pt>
                <c:pt idx="2169">
                  <c:v>83.265832428189086</c:v>
                </c:pt>
                <c:pt idx="2170">
                  <c:v>83.26377728608108</c:v>
                </c:pt>
                <c:pt idx="2171">
                  <c:v>83.261386402935628</c:v>
                </c:pt>
                <c:pt idx="2172">
                  <c:v>83.258985345819383</c:v>
                </c:pt>
                <c:pt idx="2173">
                  <c:v>83.256238373694842</c:v>
                </c:pt>
                <c:pt idx="2174">
                  <c:v>83.253501575541137</c:v>
                </c:pt>
                <c:pt idx="2175">
                  <c:v>83.251100518424849</c:v>
                </c:pt>
                <c:pt idx="2176">
                  <c:v>83.248709635279425</c:v>
                </c:pt>
                <c:pt idx="2177">
                  <c:v>83.245962663154899</c:v>
                </c:pt>
                <c:pt idx="2178">
                  <c:v>83.243225865001179</c:v>
                </c:pt>
                <c:pt idx="2179">
                  <c:v>83.240478892876652</c:v>
                </c:pt>
                <c:pt idx="2180">
                  <c:v>83.237742094722918</c:v>
                </c:pt>
                <c:pt idx="2181">
                  <c:v>83.234659381560945</c:v>
                </c:pt>
                <c:pt idx="2182">
                  <c:v>83.23192258340724</c:v>
                </c:pt>
                <c:pt idx="2183">
                  <c:v>83.228829696274417</c:v>
                </c:pt>
                <c:pt idx="2184">
                  <c:v>83.226438813128979</c:v>
                </c:pt>
                <c:pt idx="2185">
                  <c:v>83.223691841004438</c:v>
                </c:pt>
                <c:pt idx="2186">
                  <c:v>83.221300957859015</c:v>
                </c:pt>
                <c:pt idx="2187">
                  <c:v>83.218553985734474</c:v>
                </c:pt>
                <c:pt idx="2188">
                  <c:v>83.216498843626482</c:v>
                </c:pt>
                <c:pt idx="2189">
                  <c:v>83.214789616526772</c:v>
                </c:pt>
                <c:pt idx="2190">
                  <c:v>83.213416130464495</c:v>
                </c:pt>
                <c:pt idx="2191">
                  <c:v>83.212388559410513</c:v>
                </c:pt>
                <c:pt idx="2192">
                  <c:v>83.211360988356518</c:v>
                </c:pt>
                <c:pt idx="2193">
                  <c:v>83.210679332310789</c:v>
                </c:pt>
                <c:pt idx="2194">
                  <c:v>83.209651761256794</c:v>
                </c:pt>
                <c:pt idx="2195">
                  <c:v>83.207932360186248</c:v>
                </c:pt>
                <c:pt idx="2196">
                  <c:v>83.206223133086539</c:v>
                </c:pt>
                <c:pt idx="2197">
                  <c:v>83.204513905986815</c:v>
                </c:pt>
                <c:pt idx="2198">
                  <c:v>83.203140419924551</c:v>
                </c:pt>
                <c:pt idx="2199">
                  <c:v>83.201766933862288</c:v>
                </c:pt>
                <c:pt idx="2200">
                  <c:v>83.200393447799996</c:v>
                </c:pt>
                <c:pt idx="2201">
                  <c:v>83.198684220700287</c:v>
                </c:pt>
                <c:pt idx="2202">
                  <c:v>83.196629078592295</c:v>
                </c:pt>
                <c:pt idx="2203">
                  <c:v>83.194573936484332</c:v>
                </c:pt>
                <c:pt idx="2204">
                  <c:v>83.19251879437634</c:v>
                </c:pt>
                <c:pt idx="2205">
                  <c:v>83.189771822251785</c:v>
                </c:pt>
                <c:pt idx="2206">
                  <c:v>83.187380939106347</c:v>
                </c:pt>
                <c:pt idx="2207">
                  <c:v>83.184633966981806</c:v>
                </c:pt>
                <c:pt idx="2208">
                  <c:v>83.182243083836383</c:v>
                </c:pt>
                <c:pt idx="2209">
                  <c:v>83.179496111711828</c:v>
                </c:pt>
                <c:pt idx="2210">
                  <c:v>83.177095054595569</c:v>
                </c:pt>
                <c:pt idx="2211">
                  <c:v>83.174704171450145</c:v>
                </c:pt>
                <c:pt idx="2212">
                  <c:v>83.172303114333872</c:v>
                </c:pt>
                <c:pt idx="2213">
                  <c:v>83.169902057217598</c:v>
                </c:pt>
                <c:pt idx="2214">
                  <c:v>83.167165259063907</c:v>
                </c:pt>
                <c:pt idx="2215">
                  <c:v>83.164428460910187</c:v>
                </c:pt>
                <c:pt idx="2216">
                  <c:v>83.161335573777379</c:v>
                </c:pt>
                <c:pt idx="2217">
                  <c:v>83.158252860615391</c:v>
                </c:pt>
                <c:pt idx="2218">
                  <c:v>83.155516062461672</c:v>
                </c:pt>
                <c:pt idx="2219">
                  <c:v>83.152779264307966</c:v>
                </c:pt>
                <c:pt idx="2220">
                  <c:v>83.150713948229154</c:v>
                </c:pt>
                <c:pt idx="2221">
                  <c:v>83.148658806121148</c:v>
                </c:pt>
                <c:pt idx="2222">
                  <c:v>83.14660366401317</c:v>
                </c:pt>
                <c:pt idx="2223">
                  <c:v>83.144212780867733</c:v>
                </c:pt>
                <c:pt idx="2224">
                  <c:v>83.141811723751474</c:v>
                </c:pt>
                <c:pt idx="2225">
                  <c:v>83.13907492559774</c:v>
                </c:pt>
                <c:pt idx="2226">
                  <c:v>83.136673868481495</c:v>
                </c:pt>
                <c:pt idx="2227">
                  <c:v>83.134272811365236</c:v>
                </c:pt>
                <c:pt idx="2228">
                  <c:v>83.13221766925723</c:v>
                </c:pt>
                <c:pt idx="2229">
                  <c:v>83.129816612140971</c:v>
                </c:pt>
                <c:pt idx="2230">
                  <c:v>83.128107385041261</c:v>
                </c:pt>
                <c:pt idx="2231">
                  <c:v>83.126398157941537</c:v>
                </c:pt>
                <c:pt idx="2232">
                  <c:v>83.125024671879288</c:v>
                </c:pt>
                <c:pt idx="2233">
                  <c:v>83.123305270808729</c:v>
                </c:pt>
                <c:pt idx="2234">
                  <c:v>83.121596043709019</c:v>
                </c:pt>
                <c:pt idx="2235">
                  <c:v>83.11919498659276</c:v>
                </c:pt>
                <c:pt idx="2236">
                  <c:v>83.117139844484754</c:v>
                </c:pt>
                <c:pt idx="2237">
                  <c:v>83.11474896133933</c:v>
                </c:pt>
                <c:pt idx="2238">
                  <c:v>83.112001989214775</c:v>
                </c:pt>
                <c:pt idx="2239">
                  <c:v>83.109600932098516</c:v>
                </c:pt>
                <c:pt idx="2240">
                  <c:v>83.107545789990539</c:v>
                </c:pt>
                <c:pt idx="2241">
                  <c:v>83.105490647882547</c:v>
                </c:pt>
                <c:pt idx="2242">
                  <c:v>83.103781420782823</c:v>
                </c:pt>
                <c:pt idx="2243">
                  <c:v>83.101726278674832</c:v>
                </c:pt>
                <c:pt idx="2244">
                  <c:v>83.099325221558573</c:v>
                </c:pt>
                <c:pt idx="2245">
                  <c:v>83.096588423404853</c:v>
                </c:pt>
                <c:pt idx="2246">
                  <c:v>83.093841451280326</c:v>
                </c:pt>
                <c:pt idx="2247">
                  <c:v>83.091450568134888</c:v>
                </c:pt>
                <c:pt idx="2248">
                  <c:v>83.089049511018629</c:v>
                </c:pt>
                <c:pt idx="2249">
                  <c:v>83.086648453902342</c:v>
                </c:pt>
                <c:pt idx="2250">
                  <c:v>83.084247396786097</c:v>
                </c:pt>
                <c:pt idx="2251">
                  <c:v>83.082192254678105</c:v>
                </c:pt>
                <c:pt idx="2252">
                  <c:v>83.079801371532682</c:v>
                </c:pt>
                <c:pt idx="2253">
                  <c:v>83.077746229424676</c:v>
                </c:pt>
                <c:pt idx="2254">
                  <c:v>83.076026828354145</c:v>
                </c:pt>
                <c:pt idx="2255">
                  <c:v>83.073635945208707</c:v>
                </c:pt>
                <c:pt idx="2256">
                  <c:v>83.071580803100701</c:v>
                </c:pt>
                <c:pt idx="2257">
                  <c:v>83.069515487021889</c:v>
                </c:pt>
                <c:pt idx="2258">
                  <c:v>83.067460344913897</c:v>
                </c:pt>
                <c:pt idx="2259">
                  <c:v>83.066097032822455</c:v>
                </c:pt>
                <c:pt idx="2260">
                  <c:v>83.06437763175191</c:v>
                </c:pt>
                <c:pt idx="2261">
                  <c:v>83.0626684046522</c:v>
                </c:pt>
                <c:pt idx="2262">
                  <c:v>83.06095917755249</c:v>
                </c:pt>
                <c:pt idx="2263">
                  <c:v>83.059585691490213</c:v>
                </c:pt>
                <c:pt idx="2264">
                  <c:v>83.058212205427949</c:v>
                </c:pt>
                <c:pt idx="2265">
                  <c:v>83.056502978328211</c:v>
                </c:pt>
                <c:pt idx="2266">
                  <c:v>83.054447836220248</c:v>
                </c:pt>
                <c:pt idx="2267">
                  <c:v>83.052392694112257</c:v>
                </c:pt>
                <c:pt idx="2268">
                  <c:v>83.049991636995983</c:v>
                </c:pt>
                <c:pt idx="2269">
                  <c:v>83.04759057987971</c:v>
                </c:pt>
                <c:pt idx="2270">
                  <c:v>83.045535437771733</c:v>
                </c:pt>
                <c:pt idx="2271">
                  <c:v>83.043480295663741</c:v>
                </c:pt>
                <c:pt idx="2272">
                  <c:v>83.041771068564032</c:v>
                </c:pt>
                <c:pt idx="2273">
                  <c:v>83.03971592645604</c:v>
                </c:pt>
                <c:pt idx="2274">
                  <c:v>83.037660784348049</c:v>
                </c:pt>
                <c:pt idx="2275">
                  <c:v>83.035941383277503</c:v>
                </c:pt>
                <c:pt idx="2276">
                  <c:v>83.034232156177779</c:v>
                </c:pt>
                <c:pt idx="2277">
                  <c:v>83.032858670115502</c:v>
                </c:pt>
                <c:pt idx="2278">
                  <c:v>83.03149535802406</c:v>
                </c:pt>
                <c:pt idx="2279">
                  <c:v>83.030121871961825</c:v>
                </c:pt>
                <c:pt idx="2280">
                  <c:v>83.028402470891265</c:v>
                </c:pt>
                <c:pt idx="2281">
                  <c:v>83.026693243791556</c:v>
                </c:pt>
                <c:pt idx="2282">
                  <c:v>83.024984016691832</c:v>
                </c:pt>
                <c:pt idx="2283">
                  <c:v>83.022582959575558</c:v>
                </c:pt>
                <c:pt idx="2284">
                  <c:v>83.020181902459299</c:v>
                </c:pt>
                <c:pt idx="2285">
                  <c:v>83.018126760351322</c:v>
                </c:pt>
                <c:pt idx="2286">
                  <c:v>83.015725703235049</c:v>
                </c:pt>
                <c:pt idx="2287">
                  <c:v>83.013670561127057</c:v>
                </c:pt>
                <c:pt idx="2288">
                  <c:v>83.011615419019051</c:v>
                </c:pt>
                <c:pt idx="2289">
                  <c:v>83.00956027691106</c:v>
                </c:pt>
                <c:pt idx="2290">
                  <c:v>83.007169393765651</c:v>
                </c:pt>
                <c:pt idx="2291">
                  <c:v>83.005114251657659</c:v>
                </c:pt>
                <c:pt idx="2292">
                  <c:v>83.002713194541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026B-4393-93C8-5ACB5ADF4DB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23011744"/>
        <c:axId val="823011088"/>
      </c:scatterChart>
      <c:valAx>
        <c:axId val="823011744"/>
        <c:scaling>
          <c:orientation val="minMax"/>
          <c:max val="900"/>
          <c:min val="0"/>
        </c:scaling>
        <c:delete val="0"/>
        <c:axPos val="b"/>
        <c:title>
          <c:tx>
            <c:rich>
              <a:bodyPr/>
              <a:lstStyle/>
              <a:p>
                <a:pPr>
                  <a:defRPr b="0">
                    <a:solidFill>
                      <a:sysClr val="windowText" lastClr="000000"/>
                    </a:solidFill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r>
                  <a:rPr lang="en-US">
                    <a:solidFill>
                      <a:sysClr val="windowText" lastClr="000000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Temperature (°C)</a:t>
                </a:r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txPr>
          <a:bodyPr/>
          <a:lstStyle/>
          <a:p>
            <a:pPr>
              <a:defRPr sz="900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823011088"/>
        <c:crosses val="autoZero"/>
        <c:crossBetween val="midCat"/>
        <c:majorUnit val="100"/>
      </c:valAx>
      <c:valAx>
        <c:axId val="823011088"/>
        <c:scaling>
          <c:orientation val="minMax"/>
          <c:max val="103"/>
          <c:min val="75"/>
        </c:scaling>
        <c:delete val="0"/>
        <c:axPos val="l"/>
        <c:title>
          <c:tx>
            <c:rich>
              <a:bodyPr/>
              <a:lstStyle/>
              <a:p>
                <a:pPr>
                  <a:defRPr sz="1000" b="0">
                    <a:solidFill>
                      <a:sysClr val="windowText" lastClr="000000"/>
                    </a:solidFill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r>
                  <a:rPr lang="en-US">
                    <a:solidFill>
                      <a:sysClr val="windowText" lastClr="000000"/>
                    </a:solidFill>
                  </a:rPr>
                  <a:t>Wt%</a:t>
                </a:r>
              </a:p>
            </c:rich>
          </c:tx>
          <c:layout>
            <c:manualLayout>
              <c:xMode val="edge"/>
              <c:yMode val="edge"/>
              <c:x val="1.0416666666666666E-2"/>
              <c:y val="0.43405964206260883"/>
            </c:manualLayout>
          </c:layout>
          <c:overlay val="0"/>
        </c:title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txPr>
          <a:bodyPr/>
          <a:lstStyle/>
          <a:p>
            <a:pPr>
              <a:defRPr sz="900">
                <a:solidFill>
                  <a:sysClr val="windowText" lastClr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823011744"/>
        <c:crosses val="autoZero"/>
        <c:crossBetween val="midCat"/>
        <c:majorUnit val="10"/>
      </c:valAx>
      <c:spPr>
        <a:noFill/>
        <a:ln w="9525">
          <a:solidFill>
            <a:schemeClr val="tx1"/>
          </a:solidFill>
        </a:ln>
      </c:spPr>
    </c:plotArea>
    <c:legend>
      <c:legendPos val="r"/>
      <c:layout>
        <c:manualLayout>
          <c:xMode val="edge"/>
          <c:yMode val="edge"/>
          <c:x val="0.57768663679158594"/>
          <c:y val="5.8863914958356162E-2"/>
          <c:w val="0.33171998031496064"/>
          <c:h val="0.3711349537343257"/>
        </c:manualLayout>
      </c:layout>
      <c:overlay val="0"/>
      <c:txPr>
        <a:bodyPr/>
        <a:lstStyle/>
        <a:p>
          <a:pPr>
            <a:defRPr sz="900">
              <a:latin typeface="Arial" panose="020B0604020202020204" pitchFamily="34" charset="0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ln>
      <a:noFill/>
    </a:ln>
  </c:sp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7'!$C$6</c:f>
              <c:strCache>
                <c:ptCount val="1"/>
                <c:pt idx="0">
                  <c:v>25BE5LU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7'!$C$8:$C$38</c:f>
              <c:numCache>
                <c:formatCode>0.000</c:formatCode>
                <c:ptCount val="31"/>
                <c:pt idx="0">
                  <c:v>5.7719216299999996</c:v>
                </c:pt>
                <c:pt idx="1">
                  <c:v>11.80833033</c:v>
                </c:pt>
                <c:pt idx="2">
                  <c:v>17.950533849999999</c:v>
                </c:pt>
                <c:pt idx="3">
                  <c:v>24.092737379999999</c:v>
                </c:pt>
                <c:pt idx="4">
                  <c:v>32.05786715</c:v>
                </c:pt>
                <c:pt idx="5">
                  <c:v>39.660853099999997</c:v>
                </c:pt>
                <c:pt idx="6">
                  <c:v>47.015628110000002</c:v>
                </c:pt>
                <c:pt idx="7">
                  <c:v>58.620506839999997</c:v>
                </c:pt>
                <c:pt idx="8">
                  <c:v>71.350472879999998</c:v>
                </c:pt>
                <c:pt idx="9">
                  <c:v>83.992954729999994</c:v>
                </c:pt>
                <c:pt idx="10">
                  <c:v>87.701877229999994</c:v>
                </c:pt>
                <c:pt idx="11">
                  <c:v>91.516594549999994</c:v>
                </c:pt>
                <c:pt idx="12">
                  <c:v>95.557143139999994</c:v>
                </c:pt>
                <c:pt idx="13">
                  <c:v>99.235547909999994</c:v>
                </c:pt>
                <c:pt idx="14">
                  <c:v>101.91093632</c:v>
                </c:pt>
              </c:numCache>
            </c:numRef>
          </c:xVal>
          <c:yVal>
            <c:numRef>
              <c:f>'Fig 7'!$D$8:$D$38</c:f>
              <c:numCache>
                <c:formatCode>0.000</c:formatCode>
                <c:ptCount val="31"/>
                <c:pt idx="0">
                  <c:v>2.1567857142857146E-2</c:v>
                </c:pt>
                <c:pt idx="1">
                  <c:v>4.0735267857142862E-2</c:v>
                </c:pt>
                <c:pt idx="2">
                  <c:v>6.0320982142857145E-2</c:v>
                </c:pt>
                <c:pt idx="3">
                  <c:v>7.9070535714285725E-2</c:v>
                </c:pt>
                <c:pt idx="4">
                  <c:v>0.10322901785714288</c:v>
                </c:pt>
                <c:pt idx="5">
                  <c:v>0.12600267857142858</c:v>
                </c:pt>
                <c:pt idx="6">
                  <c:v>0.14710625000000002</c:v>
                </c:pt>
                <c:pt idx="7">
                  <c:v>0.17756294642857143</c:v>
                </c:pt>
                <c:pt idx="8">
                  <c:v>0.21369241071428574</c:v>
                </c:pt>
                <c:pt idx="9">
                  <c:v>0.24683125000000003</c:v>
                </c:pt>
                <c:pt idx="10">
                  <c:v>0.25788303571428572</c:v>
                </c:pt>
                <c:pt idx="11">
                  <c:v>0.26921964285714289</c:v>
                </c:pt>
                <c:pt idx="12">
                  <c:v>0.28004107142857143</c:v>
                </c:pt>
                <c:pt idx="13">
                  <c:v>0.29099107142857145</c:v>
                </c:pt>
                <c:pt idx="14">
                  <c:v>0.3013392857142857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A37-40FA-AC21-BF42A57EC5A5}"/>
            </c:ext>
          </c:extLst>
        </c:ser>
        <c:ser>
          <c:idx val="1"/>
          <c:order val="1"/>
          <c:tx>
            <c:strRef>
              <c:f>'Fig 7'!$E$6</c:f>
              <c:strCache>
                <c:ptCount val="1"/>
                <c:pt idx="0">
                  <c:v>20BE0LU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7'!$E$8:$E$38</c:f>
              <c:numCache>
                <c:formatCode>General</c:formatCode>
                <c:ptCount val="31"/>
                <c:pt idx="0">
                  <c:v>3.6967154</c:v>
                </c:pt>
                <c:pt idx="1">
                  <c:v>7.5338124100000003</c:v>
                </c:pt>
                <c:pt idx="2">
                  <c:v>11.32615006</c:v>
                </c:pt>
                <c:pt idx="3">
                  <c:v>17.907809019999998</c:v>
                </c:pt>
                <c:pt idx="4">
                  <c:v>24.501675070000001</c:v>
                </c:pt>
                <c:pt idx="5">
                  <c:v>31.085368549999998</c:v>
                </c:pt>
                <c:pt idx="6">
                  <c:v>37.382195279999998</c:v>
                </c:pt>
                <c:pt idx="7">
                  <c:v>43.593572350000002</c:v>
                </c:pt>
                <c:pt idx="8">
                  <c:v>52.136504649999999</c:v>
                </c:pt>
                <c:pt idx="9">
                  <c:v>60.94799304</c:v>
                </c:pt>
                <c:pt idx="10">
                  <c:v>70.628219729999998</c:v>
                </c:pt>
                <c:pt idx="11">
                  <c:v>79.091805910000005</c:v>
                </c:pt>
                <c:pt idx="12">
                  <c:v>89.158590619999998</c:v>
                </c:pt>
                <c:pt idx="13">
                  <c:v>99.314894030000005</c:v>
                </c:pt>
              </c:numCache>
            </c:numRef>
          </c:xVal>
          <c:yVal>
            <c:numRef>
              <c:f>'Fig 7'!$F$8:$F$38</c:f>
              <c:numCache>
                <c:formatCode>General</c:formatCode>
                <c:ptCount val="31"/>
                <c:pt idx="0">
                  <c:v>2.4585714285714287E-2</c:v>
                </c:pt>
                <c:pt idx="1">
                  <c:v>4.2831696428571431E-2</c:v>
                </c:pt>
                <c:pt idx="2">
                  <c:v>6.0131250000000004E-2</c:v>
                </c:pt>
                <c:pt idx="3">
                  <c:v>8.8862946428571427E-2</c:v>
                </c:pt>
                <c:pt idx="4">
                  <c:v>0.11621116071428574</c:v>
                </c:pt>
                <c:pt idx="5">
                  <c:v>0.14440937500000001</c:v>
                </c:pt>
                <c:pt idx="6">
                  <c:v>0.16942678571428574</c:v>
                </c:pt>
                <c:pt idx="7">
                  <c:v>0.19327187500000004</c:v>
                </c:pt>
                <c:pt idx="8">
                  <c:v>0.224146875</c:v>
                </c:pt>
                <c:pt idx="9">
                  <c:v>0.25620044642857143</c:v>
                </c:pt>
                <c:pt idx="10">
                  <c:v>0.28993973214285718</c:v>
                </c:pt>
                <c:pt idx="11">
                  <c:v>0.31826294642857145</c:v>
                </c:pt>
                <c:pt idx="12">
                  <c:v>0.35036517857142863</c:v>
                </c:pt>
                <c:pt idx="13">
                  <c:v>0.3807633928571428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CA37-40FA-AC21-BF42A57EC5A5}"/>
            </c:ext>
          </c:extLst>
        </c:ser>
        <c:ser>
          <c:idx val="2"/>
          <c:order val="2"/>
          <c:tx>
            <c:strRef>
              <c:f>'Fig 7'!$G$6</c:f>
              <c:strCache>
                <c:ptCount val="1"/>
                <c:pt idx="0">
                  <c:v>20BE5LU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7'!$G$8:$G$46</c:f>
              <c:numCache>
                <c:formatCode>0.000</c:formatCode>
                <c:ptCount val="39"/>
                <c:pt idx="0">
                  <c:v>2.4109013500000001</c:v>
                </c:pt>
                <c:pt idx="1">
                  <c:v>4.99880558</c:v>
                </c:pt>
                <c:pt idx="2">
                  <c:v>7.4870185400000002</c:v>
                </c:pt>
                <c:pt idx="3">
                  <c:v>9.9101269900000002</c:v>
                </c:pt>
                <c:pt idx="4">
                  <c:v>12.35358059</c:v>
                </c:pt>
                <c:pt idx="5">
                  <c:v>18.882342139999999</c:v>
                </c:pt>
                <c:pt idx="6">
                  <c:v>25.341930139999999</c:v>
                </c:pt>
                <c:pt idx="7">
                  <c:v>31.762862349999999</c:v>
                </c:pt>
                <c:pt idx="8">
                  <c:v>37.921342000000003</c:v>
                </c:pt>
                <c:pt idx="9">
                  <c:v>43.900784250000001</c:v>
                </c:pt>
                <c:pt idx="10">
                  <c:v>52.468130739999999</c:v>
                </c:pt>
                <c:pt idx="11">
                  <c:v>61.106685280000001</c:v>
                </c:pt>
                <c:pt idx="12">
                  <c:v>69.47261469</c:v>
                </c:pt>
                <c:pt idx="13">
                  <c:v>77.789715720000004</c:v>
                </c:pt>
                <c:pt idx="14">
                  <c:v>87.461804349999994</c:v>
                </c:pt>
                <c:pt idx="15">
                  <c:v>97.39227649</c:v>
                </c:pt>
                <c:pt idx="16">
                  <c:v>99.835730100000006</c:v>
                </c:pt>
              </c:numCache>
            </c:numRef>
          </c:xVal>
          <c:yVal>
            <c:numRef>
              <c:f>'Fig 7'!$H$8:$H$46</c:f>
              <c:numCache>
                <c:formatCode>0.000</c:formatCode>
                <c:ptCount val="39"/>
                <c:pt idx="0">
                  <c:v>1.4052678571428572E-2</c:v>
                </c:pt>
                <c:pt idx="1">
                  <c:v>2.4770089285714284E-2</c:v>
                </c:pt>
                <c:pt idx="2">
                  <c:v>3.5521428571428579E-2</c:v>
                </c:pt>
                <c:pt idx="3">
                  <c:v>4.540580357142858E-2</c:v>
                </c:pt>
                <c:pt idx="4">
                  <c:v>5.5690178571428578E-2</c:v>
                </c:pt>
                <c:pt idx="5">
                  <c:v>8.0623214285714298E-2</c:v>
                </c:pt>
                <c:pt idx="6">
                  <c:v>0.10494330357142857</c:v>
                </c:pt>
                <c:pt idx="7">
                  <c:v>0.12936964285714286</c:v>
                </c:pt>
                <c:pt idx="8">
                  <c:v>0.15145044642857144</c:v>
                </c:pt>
                <c:pt idx="9">
                  <c:v>0.17180223214285717</c:v>
                </c:pt>
                <c:pt idx="10">
                  <c:v>0.19980223214285717</c:v>
                </c:pt>
                <c:pt idx="11">
                  <c:v>0.2275933035714286</c:v>
                </c:pt>
                <c:pt idx="12">
                  <c:v>0.25398839285714286</c:v>
                </c:pt>
                <c:pt idx="13">
                  <c:v>0.27963482142857143</c:v>
                </c:pt>
                <c:pt idx="14">
                  <c:v>0.30770892857142862</c:v>
                </c:pt>
                <c:pt idx="15">
                  <c:v>0.33614508928571429</c:v>
                </c:pt>
                <c:pt idx="16">
                  <c:v>0.3503897321428571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CA37-40FA-AC21-BF42A57EC5A5}"/>
            </c:ext>
          </c:extLst>
        </c:ser>
        <c:ser>
          <c:idx val="3"/>
          <c:order val="3"/>
          <c:tx>
            <c:strRef>
              <c:f>'Fig 7'!$I$6</c:f>
              <c:strCache>
                <c:ptCount val="1"/>
                <c:pt idx="0">
                  <c:v>25BE0LU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7'!$I$8:$I$51</c:f>
              <c:numCache>
                <c:formatCode>0.000</c:formatCode>
                <c:ptCount val="44"/>
                <c:pt idx="0">
                  <c:v>12.048403199999999</c:v>
                </c:pt>
                <c:pt idx="1">
                  <c:v>24.106978990000002</c:v>
                </c:pt>
                <c:pt idx="2">
                  <c:v>36.049587369999998</c:v>
                </c:pt>
                <c:pt idx="3">
                  <c:v>47.276046139999998</c:v>
                </c:pt>
                <c:pt idx="4">
                  <c:v>66.614119840000001</c:v>
                </c:pt>
                <c:pt idx="5">
                  <c:v>86.129196429999993</c:v>
                </c:pt>
                <c:pt idx="6">
                  <c:v>101.65662184</c:v>
                </c:pt>
              </c:numCache>
            </c:numRef>
          </c:xVal>
          <c:yVal>
            <c:numRef>
              <c:f>'Fig 7'!$J$8:$J$51</c:f>
              <c:numCache>
                <c:formatCode>0.000</c:formatCode>
                <c:ptCount val="44"/>
                <c:pt idx="0">
                  <c:v>4.8464732142857146E-2</c:v>
                </c:pt>
                <c:pt idx="1">
                  <c:v>8.7250000000000008E-2</c:v>
                </c:pt>
                <c:pt idx="2">
                  <c:v>0.12423660714285716</c:v>
                </c:pt>
                <c:pt idx="3">
                  <c:v>0.15867098214285716</c:v>
                </c:pt>
                <c:pt idx="4">
                  <c:v>0.21393080357142857</c:v>
                </c:pt>
                <c:pt idx="5">
                  <c:v>0.27074241071428573</c:v>
                </c:pt>
                <c:pt idx="6">
                  <c:v>0.3291142857142857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CA37-40FA-AC21-BF42A57EC5A5}"/>
            </c:ext>
          </c:extLst>
        </c:ser>
        <c:ser>
          <c:idx val="4"/>
          <c:order val="4"/>
          <c:tx>
            <c:strRef>
              <c:f>'Fig 7'!$K$6</c:f>
              <c:strCache>
                <c:ptCount val="1"/>
                <c:pt idx="0">
                  <c:v>30BE0LU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g 7'!$K$8:$K$22</c:f>
              <c:numCache>
                <c:formatCode>General</c:formatCode>
                <c:ptCount val="15"/>
                <c:pt idx="0">
                  <c:v>5.7373348599999998</c:v>
                </c:pt>
                <c:pt idx="1">
                  <c:v>11.51332552</c:v>
                </c:pt>
                <c:pt idx="2">
                  <c:v>17.602631630000001</c:v>
                </c:pt>
                <c:pt idx="3">
                  <c:v>23.696006780000001</c:v>
                </c:pt>
                <c:pt idx="4">
                  <c:v>31.5004098</c:v>
                </c:pt>
                <c:pt idx="5">
                  <c:v>38.9569106</c:v>
                </c:pt>
                <c:pt idx="6">
                  <c:v>46.523275259999998</c:v>
                </c:pt>
                <c:pt idx="7">
                  <c:v>59.212550970000002</c:v>
                </c:pt>
                <c:pt idx="8">
                  <c:v>71.877412500000005</c:v>
                </c:pt>
                <c:pt idx="9">
                  <c:v>84.489376609999994</c:v>
                </c:pt>
                <c:pt idx="10">
                  <c:v>88.367163930000004</c:v>
                </c:pt>
                <c:pt idx="11">
                  <c:v>92.401608969999998</c:v>
                </c:pt>
                <c:pt idx="12">
                  <c:v>96.185808559999998</c:v>
                </c:pt>
                <c:pt idx="13">
                  <c:v>100.13276942</c:v>
                </c:pt>
                <c:pt idx="14">
                  <c:v>101.56710314</c:v>
                </c:pt>
              </c:numCache>
            </c:numRef>
          </c:xVal>
          <c:yVal>
            <c:numRef>
              <c:f>'Fig 7'!$L$8:$L$22</c:f>
              <c:numCache>
                <c:formatCode>General</c:formatCode>
                <c:ptCount val="15"/>
                <c:pt idx="0">
                  <c:v>2.3012053571428572E-2</c:v>
                </c:pt>
                <c:pt idx="1">
                  <c:v>4.2533482142857147E-2</c:v>
                </c:pt>
                <c:pt idx="2">
                  <c:v>6.3238839285714291E-2</c:v>
                </c:pt>
                <c:pt idx="3">
                  <c:v>8.3263392857142862E-2</c:v>
                </c:pt>
                <c:pt idx="4">
                  <c:v>0.108390625</c:v>
                </c:pt>
                <c:pt idx="5">
                  <c:v>0.13100089285714286</c:v>
                </c:pt>
                <c:pt idx="6">
                  <c:v>0.15427276785714286</c:v>
                </c:pt>
                <c:pt idx="7">
                  <c:v>0.1907294642857143</c:v>
                </c:pt>
                <c:pt idx="8">
                  <c:v>0.22746651785714286</c:v>
                </c:pt>
                <c:pt idx="9">
                  <c:v>0.26400982142857143</c:v>
                </c:pt>
                <c:pt idx="10">
                  <c:v>0.2756397321428572</c:v>
                </c:pt>
                <c:pt idx="11">
                  <c:v>0.28746830357142855</c:v>
                </c:pt>
                <c:pt idx="12">
                  <c:v>0.29714687500000003</c:v>
                </c:pt>
                <c:pt idx="13">
                  <c:v>0.30776741071428571</c:v>
                </c:pt>
                <c:pt idx="14">
                  <c:v>0.316964285714285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B985-415D-8C45-2D822864BA07}"/>
            </c:ext>
          </c:extLst>
        </c:ser>
        <c:ser>
          <c:idx val="5"/>
          <c:order val="5"/>
          <c:tx>
            <c:strRef>
              <c:f>'Fig 7'!$M$6</c:f>
              <c:strCache>
                <c:ptCount val="1"/>
                <c:pt idx="0">
                  <c:v>SBA-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g 7'!$M$8:$M$63</c:f>
              <c:numCache>
                <c:formatCode>General</c:formatCode>
                <c:ptCount val="56"/>
                <c:pt idx="0">
                  <c:v>1.45467887</c:v>
                </c:pt>
                <c:pt idx="1">
                  <c:v>2.2766232999999998</c:v>
                </c:pt>
                <c:pt idx="2">
                  <c:v>3.0375322499999999</c:v>
                </c:pt>
                <c:pt idx="3">
                  <c:v>3.8167518399999998</c:v>
                </c:pt>
                <c:pt idx="4">
                  <c:v>5.51760714</c:v>
                </c:pt>
                <c:pt idx="5">
                  <c:v>6.1299964300000003</c:v>
                </c:pt>
                <c:pt idx="6">
                  <c:v>7.8410243099999999</c:v>
                </c:pt>
                <c:pt idx="7">
                  <c:v>8.2540310399999992</c:v>
                </c:pt>
                <c:pt idx="8">
                  <c:v>9.8450224800000008</c:v>
                </c:pt>
                <c:pt idx="9">
                  <c:v>10.044405039999999</c:v>
                </c:pt>
                <c:pt idx="10">
                  <c:v>10.01592181</c:v>
                </c:pt>
                <c:pt idx="11">
                  <c:v>10.199028240000001</c:v>
                </c:pt>
                <c:pt idx="12">
                  <c:v>10.2193734</c:v>
                </c:pt>
                <c:pt idx="13">
                  <c:v>15.29142156</c:v>
                </c:pt>
                <c:pt idx="14">
                  <c:v>16.35954241</c:v>
                </c:pt>
                <c:pt idx="15">
                  <c:v>17.4317323</c:v>
                </c:pt>
                <c:pt idx="16">
                  <c:v>18.479507989999998</c:v>
                </c:pt>
                <c:pt idx="17">
                  <c:v>23.407105520000002</c:v>
                </c:pt>
                <c:pt idx="18">
                  <c:v>26.601295489999998</c:v>
                </c:pt>
                <c:pt idx="19">
                  <c:v>27.49851701</c:v>
                </c:pt>
                <c:pt idx="20">
                  <c:v>31.913416529999999</c:v>
                </c:pt>
                <c:pt idx="21">
                  <c:v>32.808603519999998</c:v>
                </c:pt>
                <c:pt idx="22">
                  <c:v>33.624444400000002</c:v>
                </c:pt>
                <c:pt idx="23">
                  <c:v>38.063758110000002</c:v>
                </c:pt>
                <c:pt idx="24">
                  <c:v>42.871319200000002</c:v>
                </c:pt>
                <c:pt idx="25">
                  <c:v>43.558985579999998</c:v>
                </c:pt>
                <c:pt idx="26">
                  <c:v>47.145837129999997</c:v>
                </c:pt>
                <c:pt idx="27">
                  <c:v>52.301300429999998</c:v>
                </c:pt>
                <c:pt idx="28">
                  <c:v>53.117141310000001</c:v>
                </c:pt>
                <c:pt idx="29">
                  <c:v>56.935927669999998</c:v>
                </c:pt>
                <c:pt idx="30">
                  <c:v>57.645973720000001</c:v>
                </c:pt>
                <c:pt idx="31">
                  <c:v>58.282777199999998</c:v>
                </c:pt>
                <c:pt idx="32">
                  <c:v>58.811751340000001</c:v>
                </c:pt>
                <c:pt idx="33">
                  <c:v>63.942800460000001</c:v>
                </c:pt>
                <c:pt idx="34">
                  <c:v>67.895864869999997</c:v>
                </c:pt>
                <c:pt idx="35">
                  <c:v>68.270215789999995</c:v>
                </c:pt>
                <c:pt idx="36">
                  <c:v>68.548944469999995</c:v>
                </c:pt>
                <c:pt idx="37">
                  <c:v>71.944551520000005</c:v>
                </c:pt>
                <c:pt idx="38">
                  <c:v>76.343174910000002</c:v>
                </c:pt>
                <c:pt idx="39">
                  <c:v>81.468120490000004</c:v>
                </c:pt>
                <c:pt idx="40">
                  <c:v>82.157821380000001</c:v>
                </c:pt>
                <c:pt idx="41">
                  <c:v>87.215627920000003</c:v>
                </c:pt>
                <c:pt idx="42">
                  <c:v>87.830051729999994</c:v>
                </c:pt>
                <c:pt idx="43">
                  <c:v>88.059952030000005</c:v>
                </c:pt>
                <c:pt idx="44">
                  <c:v>88.835102590000005</c:v>
                </c:pt>
                <c:pt idx="45">
                  <c:v>94.161465230000005</c:v>
                </c:pt>
                <c:pt idx="46">
                  <c:v>94.621265829999999</c:v>
                </c:pt>
                <c:pt idx="47">
                  <c:v>94.8857529</c:v>
                </c:pt>
                <c:pt idx="48">
                  <c:v>95.237724150000005</c:v>
                </c:pt>
                <c:pt idx="49">
                  <c:v>96.023047289999994</c:v>
                </c:pt>
                <c:pt idx="50">
                  <c:v>96.130876630000003</c:v>
                </c:pt>
                <c:pt idx="51">
                  <c:v>96.21022275</c:v>
                </c:pt>
                <c:pt idx="52">
                  <c:v>96.72902431</c:v>
                </c:pt>
                <c:pt idx="53">
                  <c:v>96.962993639999993</c:v>
                </c:pt>
                <c:pt idx="54">
                  <c:v>97.575382930000004</c:v>
                </c:pt>
                <c:pt idx="55">
                  <c:v>99.9</c:v>
                </c:pt>
              </c:numCache>
            </c:numRef>
          </c:xVal>
          <c:yVal>
            <c:numRef>
              <c:f>'Fig 7'!$N$8:$N$63</c:f>
              <c:numCache>
                <c:formatCode>General</c:formatCode>
                <c:ptCount val="56"/>
                <c:pt idx="0">
                  <c:v>9.9714285714285721E-3</c:v>
                </c:pt>
                <c:pt idx="1">
                  <c:v>1.4530803571428573E-2</c:v>
                </c:pt>
                <c:pt idx="2">
                  <c:v>1.8948660714285716E-2</c:v>
                </c:pt>
                <c:pt idx="3">
                  <c:v>2.3046428571428575E-2</c:v>
                </c:pt>
                <c:pt idx="4">
                  <c:v>3.2351339285714292E-2</c:v>
                </c:pt>
                <c:pt idx="5">
                  <c:v>3.6166517857142859E-2</c:v>
                </c:pt>
                <c:pt idx="6">
                  <c:v>4.5137946428571434E-2</c:v>
                </c:pt>
                <c:pt idx="7">
                  <c:v>4.7533482142857152E-2</c:v>
                </c:pt>
                <c:pt idx="8">
                  <c:v>5.5878125000000008E-2</c:v>
                </c:pt>
                <c:pt idx="9">
                  <c:v>5.6960267857142866E-2</c:v>
                </c:pt>
                <c:pt idx="10">
                  <c:v>5.7025892857142858E-2</c:v>
                </c:pt>
                <c:pt idx="11">
                  <c:v>5.7368303571428574E-2</c:v>
                </c:pt>
                <c:pt idx="12">
                  <c:v>5.7570982142857149E-2</c:v>
                </c:pt>
                <c:pt idx="13">
                  <c:v>8.271116071428572E-2</c:v>
                </c:pt>
                <c:pt idx="14">
                  <c:v>8.8094196428571428E-2</c:v>
                </c:pt>
                <c:pt idx="15">
                  <c:v>9.2784821428571446E-2</c:v>
                </c:pt>
                <c:pt idx="16">
                  <c:v>9.8045089285714301E-2</c:v>
                </c:pt>
                <c:pt idx="17">
                  <c:v>0.12148794642857144</c:v>
                </c:pt>
                <c:pt idx="18">
                  <c:v>0.13656383928571428</c:v>
                </c:pt>
                <c:pt idx="19">
                  <c:v>0.1410875</c:v>
                </c:pt>
                <c:pt idx="20">
                  <c:v>0.16077187500000001</c:v>
                </c:pt>
                <c:pt idx="21">
                  <c:v>0.16532991071428574</c:v>
                </c:pt>
                <c:pt idx="22">
                  <c:v>0.16942812500000001</c:v>
                </c:pt>
                <c:pt idx="23">
                  <c:v>0.18909107142857146</c:v>
                </c:pt>
                <c:pt idx="24">
                  <c:v>0.21010848214285716</c:v>
                </c:pt>
                <c:pt idx="25">
                  <c:v>0.21418794642857145</c:v>
                </c:pt>
                <c:pt idx="26">
                  <c:v>0.23028348214285718</c:v>
                </c:pt>
                <c:pt idx="27">
                  <c:v>0.25243526785714288</c:v>
                </c:pt>
                <c:pt idx="28">
                  <c:v>0.25622276785714287</c:v>
                </c:pt>
                <c:pt idx="29">
                  <c:v>0.27175000000000005</c:v>
                </c:pt>
                <c:pt idx="30">
                  <c:v>0.27635937500000002</c:v>
                </c:pt>
                <c:pt idx="31">
                  <c:v>0.27957678571428574</c:v>
                </c:pt>
                <c:pt idx="32">
                  <c:v>0.28220133928571434</c:v>
                </c:pt>
                <c:pt idx="33">
                  <c:v>0.30231116071428571</c:v>
                </c:pt>
                <c:pt idx="34">
                  <c:v>0.31805044642857144</c:v>
                </c:pt>
                <c:pt idx="35">
                  <c:v>0.3207714285714286</c:v>
                </c:pt>
                <c:pt idx="36">
                  <c:v>0.32261071428571431</c:v>
                </c:pt>
                <c:pt idx="37">
                  <c:v>0.33580446428571431</c:v>
                </c:pt>
                <c:pt idx="38">
                  <c:v>0.35272767857142856</c:v>
                </c:pt>
                <c:pt idx="39">
                  <c:v>0.37126383928571427</c:v>
                </c:pt>
                <c:pt idx="40">
                  <c:v>0.37468214285714285</c:v>
                </c:pt>
                <c:pt idx="41">
                  <c:v>0.39240178571428574</c:v>
                </c:pt>
                <c:pt idx="42">
                  <c:v>0.39574375000000006</c:v>
                </c:pt>
                <c:pt idx="43">
                  <c:v>0.39740982142857145</c:v>
                </c:pt>
                <c:pt idx="44">
                  <c:v>0.40062142857142857</c:v>
                </c:pt>
                <c:pt idx="45">
                  <c:v>0.4187147321428572</c:v>
                </c:pt>
                <c:pt idx="46">
                  <c:v>0.42139330357142857</c:v>
                </c:pt>
                <c:pt idx="47">
                  <c:v>0.42307678571428575</c:v>
                </c:pt>
                <c:pt idx="48">
                  <c:v>0.42530982142857143</c:v>
                </c:pt>
                <c:pt idx="49">
                  <c:v>0.42858080357142864</c:v>
                </c:pt>
                <c:pt idx="50">
                  <c:v>0.4295553571428572</c:v>
                </c:pt>
                <c:pt idx="51">
                  <c:v>0.43024241071428576</c:v>
                </c:pt>
                <c:pt idx="52">
                  <c:v>0.43224241071428576</c:v>
                </c:pt>
                <c:pt idx="53">
                  <c:v>0.43382767857142857</c:v>
                </c:pt>
                <c:pt idx="54">
                  <c:v>0.43649553571428573</c:v>
                </c:pt>
                <c:pt idx="55">
                  <c:v>0.4538049107142856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B985-415D-8C45-2D822864BA0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1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  <c:max val="0.5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8'!$C$6</c:f>
              <c:strCache>
                <c:ptCount val="1"/>
                <c:pt idx="0">
                  <c:v>25BE0LU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8'!$C$8:$C$38</c:f>
              <c:numCache>
                <c:formatCode>0.000</c:formatCode>
                <c:ptCount val="31"/>
                <c:pt idx="0">
                  <c:v>3.9515410000000001E-2</c:v>
                </c:pt>
                <c:pt idx="1">
                  <c:v>9.2976760000000006E-2</c:v>
                </c:pt>
                <c:pt idx="2">
                  <c:v>0.22352071000000001</c:v>
                </c:pt>
                <c:pt idx="3">
                  <c:v>0.59600604999999995</c:v>
                </c:pt>
                <c:pt idx="4">
                  <c:v>1.26139986</c:v>
                </c:pt>
                <c:pt idx="5">
                  <c:v>2.6936990600000001</c:v>
                </c:pt>
                <c:pt idx="6">
                  <c:v>4.2012753500000004</c:v>
                </c:pt>
                <c:pt idx="7">
                  <c:v>5.8899235499999998</c:v>
                </c:pt>
                <c:pt idx="8">
                  <c:v>7.5114327300000001</c:v>
                </c:pt>
                <c:pt idx="9">
                  <c:v>9.4360847799999998</c:v>
                </c:pt>
                <c:pt idx="10">
                  <c:v>11.444151979999999</c:v>
                </c:pt>
                <c:pt idx="11">
                  <c:v>17.142831040000001</c:v>
                </c:pt>
                <c:pt idx="12">
                  <c:v>23.193481349999999</c:v>
                </c:pt>
                <c:pt idx="13">
                  <c:v>29.09357748</c:v>
                </c:pt>
                <c:pt idx="14">
                  <c:v>35.046571020000002</c:v>
                </c:pt>
                <c:pt idx="15">
                  <c:v>40.958874250000001</c:v>
                </c:pt>
                <c:pt idx="16">
                  <c:v>49.162042390000003</c:v>
                </c:pt>
                <c:pt idx="17">
                  <c:v>57.383521170000002</c:v>
                </c:pt>
                <c:pt idx="18">
                  <c:v>65.753519620000006</c:v>
                </c:pt>
                <c:pt idx="19">
                  <c:v>74.072655159999996</c:v>
                </c:pt>
                <c:pt idx="20">
                  <c:v>83.466015110000001</c:v>
                </c:pt>
                <c:pt idx="21">
                  <c:v>93.156414369999993</c:v>
                </c:pt>
                <c:pt idx="22">
                  <c:v>99.251824029999995</c:v>
                </c:pt>
              </c:numCache>
            </c:numRef>
          </c:xVal>
          <c:yVal>
            <c:numRef>
              <c:f>'Fig 8'!$D$8:$D$38</c:f>
              <c:numCache>
                <c:formatCode>0.000</c:formatCode>
                <c:ptCount val="31"/>
                <c:pt idx="0">
                  <c:v>0.11262053571428572</c:v>
                </c:pt>
                <c:pt idx="1">
                  <c:v>0.22163526785714285</c:v>
                </c:pt>
                <c:pt idx="2">
                  <c:v>0.32704375000000002</c:v>
                </c:pt>
                <c:pt idx="3">
                  <c:v>0.42333660714285715</c:v>
                </c:pt>
                <c:pt idx="4">
                  <c:v>0.50806651785714285</c:v>
                </c:pt>
                <c:pt idx="5">
                  <c:v>0.5599004464285714</c:v>
                </c:pt>
                <c:pt idx="6">
                  <c:v>0.60810223214285719</c:v>
                </c:pt>
                <c:pt idx="7">
                  <c:v>0.64195312500000001</c:v>
                </c:pt>
                <c:pt idx="8">
                  <c:v>0.67570491071428573</c:v>
                </c:pt>
                <c:pt idx="9">
                  <c:v>0.70657366071428573</c:v>
                </c:pt>
                <c:pt idx="10">
                  <c:v>0.73096026785714285</c:v>
                </c:pt>
                <c:pt idx="11">
                  <c:v>0.78543794642857157</c:v>
                </c:pt>
                <c:pt idx="12">
                  <c:v>0.82640580357142857</c:v>
                </c:pt>
                <c:pt idx="13">
                  <c:v>0.87026741071428582</c:v>
                </c:pt>
                <c:pt idx="14">
                  <c:v>0.90028348214285725</c:v>
                </c:pt>
                <c:pt idx="15">
                  <c:v>0.92831473214285731</c:v>
                </c:pt>
                <c:pt idx="16">
                  <c:v>0.96393705357142856</c:v>
                </c:pt>
                <c:pt idx="17">
                  <c:v>1.0003562500000001</c:v>
                </c:pt>
                <c:pt idx="18">
                  <c:v>1.0287620535714286</c:v>
                </c:pt>
                <c:pt idx="19">
                  <c:v>1.0526151785714286</c:v>
                </c:pt>
                <c:pt idx="20">
                  <c:v>1.0874424107142857</c:v>
                </c:pt>
                <c:pt idx="21">
                  <c:v>1.1160723214285715</c:v>
                </c:pt>
                <c:pt idx="22">
                  <c:v>1.153512946428571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3E65-4BEF-ABEE-49A056FFA1E3}"/>
            </c:ext>
          </c:extLst>
        </c:ser>
        <c:ser>
          <c:idx val="1"/>
          <c:order val="1"/>
          <c:tx>
            <c:strRef>
              <c:f>'Fig 8'!$E$6</c:f>
              <c:strCache>
                <c:ptCount val="1"/>
                <c:pt idx="0">
                  <c:v>20BE5LU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8'!$E$8:$E$38</c:f>
              <c:numCache>
                <c:formatCode>General</c:formatCode>
                <c:ptCount val="31"/>
                <c:pt idx="0">
                  <c:v>8.0692219999999995E-2</c:v>
                </c:pt>
                <c:pt idx="1">
                  <c:v>0.41081821000000002</c:v>
                </c:pt>
                <c:pt idx="2">
                  <c:v>1.6683030400000001</c:v>
                </c:pt>
                <c:pt idx="3">
                  <c:v>4.3050356599999997</c:v>
                </c:pt>
                <c:pt idx="4">
                  <c:v>7.3629130700000003</c:v>
                </c:pt>
                <c:pt idx="5">
                  <c:v>10.500136599999999</c:v>
                </c:pt>
                <c:pt idx="6">
                  <c:v>16.402267250000001</c:v>
                </c:pt>
                <c:pt idx="7">
                  <c:v>22.684852370000002</c:v>
                </c:pt>
                <c:pt idx="8">
                  <c:v>28.914540079999998</c:v>
                </c:pt>
                <c:pt idx="9">
                  <c:v>35.205263260000002</c:v>
                </c:pt>
                <c:pt idx="10">
                  <c:v>41.351535820000002</c:v>
                </c:pt>
                <c:pt idx="11">
                  <c:v>49.815122000000002</c:v>
                </c:pt>
                <c:pt idx="12">
                  <c:v>58.516746529999999</c:v>
                </c:pt>
                <c:pt idx="13">
                  <c:v>67.010850450000007</c:v>
                </c:pt>
                <c:pt idx="14" formatCode="0.000">
                  <c:v>75.539541130000003</c:v>
                </c:pt>
                <c:pt idx="15" formatCode="0.000">
                  <c:v>83.903436029999995</c:v>
                </c:pt>
                <c:pt idx="16" formatCode="0.000">
                  <c:v>93.884771069999999</c:v>
                </c:pt>
                <c:pt idx="17" formatCode="0.000">
                  <c:v>99.658727209999995</c:v>
                </c:pt>
              </c:numCache>
            </c:numRef>
          </c:xVal>
          <c:yVal>
            <c:numRef>
              <c:f>'Fig 8'!$F$8:$F$38</c:f>
              <c:numCache>
                <c:formatCode>General</c:formatCode>
                <c:ptCount val="31"/>
                <c:pt idx="0">
                  <c:v>0.20560669642857146</c:v>
                </c:pt>
                <c:pt idx="1">
                  <c:v>0.40115357142857144</c:v>
                </c:pt>
                <c:pt idx="2">
                  <c:v>0.5401424107142857</c:v>
                </c:pt>
                <c:pt idx="3">
                  <c:v>0.61317053571428581</c:v>
                </c:pt>
                <c:pt idx="4">
                  <c:v>0.66510044642857147</c:v>
                </c:pt>
                <c:pt idx="5">
                  <c:v>0.70971473214285719</c:v>
                </c:pt>
                <c:pt idx="6">
                  <c:v>0.77056696428571436</c:v>
                </c:pt>
                <c:pt idx="7">
                  <c:v>0.81264107142857145</c:v>
                </c:pt>
                <c:pt idx="8">
                  <c:v>0.85852098214285721</c:v>
                </c:pt>
                <c:pt idx="9">
                  <c:v>0.89213348214285715</c:v>
                </c:pt>
                <c:pt idx="10">
                  <c:v>0.9248665178571428</c:v>
                </c:pt>
                <c:pt idx="11">
                  <c:v>0.95880982142857152</c:v>
                </c:pt>
                <c:pt idx="12">
                  <c:v>0.9962683035714287</c:v>
                </c:pt>
                <c:pt idx="13">
                  <c:v>1.026210267857143</c:v>
                </c:pt>
                <c:pt idx="14" formatCode="0.000">
                  <c:v>1.0547129464285714</c:v>
                </c:pt>
                <c:pt idx="15" formatCode="0.000">
                  <c:v>1.0797066964285715</c:v>
                </c:pt>
                <c:pt idx="16" formatCode="0.000">
                  <c:v>1.1114227678571429</c:v>
                </c:pt>
                <c:pt idx="17" formatCode="0.000">
                  <c:v>1.147908928571428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3E65-4BEF-ABEE-49A056FFA1E3}"/>
            </c:ext>
          </c:extLst>
        </c:ser>
        <c:ser>
          <c:idx val="2"/>
          <c:order val="2"/>
          <c:tx>
            <c:strRef>
              <c:f>'Fig 8'!$G$6</c:f>
              <c:strCache>
                <c:ptCount val="1"/>
                <c:pt idx="0">
                  <c:v>20BE0LU-TA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8'!$G$8:$G$46</c:f>
              <c:numCache>
                <c:formatCode>0.000</c:formatCode>
                <c:ptCount val="39"/>
                <c:pt idx="0">
                  <c:v>8.0692219999999995E-2</c:v>
                </c:pt>
                <c:pt idx="1">
                  <c:v>0.41081821000000002</c:v>
                </c:pt>
                <c:pt idx="2">
                  <c:v>1.6683030400000001</c:v>
                </c:pt>
                <c:pt idx="3">
                  <c:v>4.3050356599999997</c:v>
                </c:pt>
                <c:pt idx="4">
                  <c:v>7.3629130700000003</c:v>
                </c:pt>
                <c:pt idx="5">
                  <c:v>10.500136599999999</c:v>
                </c:pt>
                <c:pt idx="6">
                  <c:v>16.402267250000001</c:v>
                </c:pt>
                <c:pt idx="7">
                  <c:v>22.684852370000002</c:v>
                </c:pt>
                <c:pt idx="8">
                  <c:v>28.914540079999998</c:v>
                </c:pt>
                <c:pt idx="9">
                  <c:v>35.205263260000002</c:v>
                </c:pt>
                <c:pt idx="10">
                  <c:v>41.351535820000002</c:v>
                </c:pt>
                <c:pt idx="11">
                  <c:v>49.815122000000002</c:v>
                </c:pt>
                <c:pt idx="12">
                  <c:v>58.516746529999999</c:v>
                </c:pt>
                <c:pt idx="13">
                  <c:v>67.010850450000007</c:v>
                </c:pt>
                <c:pt idx="14">
                  <c:v>75.539541130000003</c:v>
                </c:pt>
                <c:pt idx="15">
                  <c:v>83.903436029999995</c:v>
                </c:pt>
                <c:pt idx="16">
                  <c:v>93.884771069999999</c:v>
                </c:pt>
                <c:pt idx="17">
                  <c:v>99.658727209999995</c:v>
                </c:pt>
              </c:numCache>
            </c:numRef>
          </c:xVal>
          <c:yVal>
            <c:numRef>
              <c:f>'Fig 8'!$H$8:$H$46</c:f>
              <c:numCache>
                <c:formatCode>0.000</c:formatCode>
                <c:ptCount val="39"/>
                <c:pt idx="0">
                  <c:v>0.22371785714285716</c:v>
                </c:pt>
                <c:pt idx="1">
                  <c:v>0.43649017857142863</c:v>
                </c:pt>
                <c:pt idx="2">
                  <c:v>0.58772187500000006</c:v>
                </c:pt>
                <c:pt idx="3">
                  <c:v>0.66718258928571428</c:v>
                </c:pt>
                <c:pt idx="4">
                  <c:v>0.72368660714285715</c:v>
                </c:pt>
                <c:pt idx="5">
                  <c:v>0.77223125000000004</c:v>
                </c:pt>
                <c:pt idx="6">
                  <c:v>0.83844375000000004</c:v>
                </c:pt>
                <c:pt idx="7">
                  <c:v>0.88422366071428571</c:v>
                </c:pt>
                <c:pt idx="8">
                  <c:v>0.93414553571428571</c:v>
                </c:pt>
                <c:pt idx="9">
                  <c:v>0.97071875000000007</c:v>
                </c:pt>
                <c:pt idx="10">
                  <c:v>1.0063348214285714</c:v>
                </c:pt>
                <c:pt idx="11">
                  <c:v>1.0432678571428571</c:v>
                </c:pt>
                <c:pt idx="12">
                  <c:v>1.0840263392857143</c:v>
                </c:pt>
                <c:pt idx="13">
                  <c:v>1.1166058035714288</c:v>
                </c:pt>
                <c:pt idx="14">
                  <c:v>1.1476191964285714</c:v>
                </c:pt>
                <c:pt idx="15">
                  <c:v>1.1748147321428573</c:v>
                </c:pt>
                <c:pt idx="16">
                  <c:v>1.2093245535714285</c:v>
                </c:pt>
                <c:pt idx="17">
                  <c:v>1.249024553571428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3E65-4BEF-ABEE-49A056FFA1E3}"/>
            </c:ext>
          </c:extLst>
        </c:ser>
        <c:ser>
          <c:idx val="4"/>
          <c:order val="3"/>
          <c:tx>
            <c:strRef>
              <c:f>'Fig 8'!$I$6</c:f>
              <c:strCache>
                <c:ptCount val="1"/>
                <c:pt idx="0">
                  <c:v>20BE10LU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g 8'!$I$8:$I$22</c:f>
              <c:numCache>
                <c:formatCode>General</c:formatCode>
                <c:ptCount val="15"/>
                <c:pt idx="0">
                  <c:v>0.18888669999999999</c:v>
                </c:pt>
                <c:pt idx="1">
                  <c:v>1.7537527100000001</c:v>
                </c:pt>
                <c:pt idx="2">
                  <c:v>6.0994786899999998</c:v>
                </c:pt>
                <c:pt idx="3">
                  <c:v>11.340391670000001</c:v>
                </c:pt>
                <c:pt idx="4">
                  <c:v>16.794928819999999</c:v>
                </c:pt>
                <c:pt idx="5">
                  <c:v>22.064325019999998</c:v>
                </c:pt>
                <c:pt idx="6">
                  <c:v>29.59813742</c:v>
                </c:pt>
                <c:pt idx="7">
                  <c:v>43.235497549999998</c:v>
                </c:pt>
                <c:pt idx="8">
                  <c:v>62.15853001</c:v>
                </c:pt>
                <c:pt idx="9">
                  <c:v>81.472189520000001</c:v>
                </c:pt>
                <c:pt idx="10">
                  <c:v>88.666237769999995</c:v>
                </c:pt>
                <c:pt idx="11">
                  <c:v>95.839940859999999</c:v>
                </c:pt>
                <c:pt idx="12">
                  <c:v>101.75427860000001</c:v>
                </c:pt>
              </c:numCache>
            </c:numRef>
          </c:xVal>
          <c:yVal>
            <c:numRef>
              <c:f>'Fig 8'!$J$8:$J$22</c:f>
              <c:numCache>
                <c:formatCode>General</c:formatCode>
                <c:ptCount val="15"/>
                <c:pt idx="0">
                  <c:v>0.29290580357142859</c:v>
                </c:pt>
                <c:pt idx="1">
                  <c:v>0.5169263392857143</c:v>
                </c:pt>
                <c:pt idx="2">
                  <c:v>0.61343973214285719</c:v>
                </c:pt>
                <c:pt idx="3">
                  <c:v>0.67416964285714287</c:v>
                </c:pt>
                <c:pt idx="4">
                  <c:v>0.72444687499999993</c:v>
                </c:pt>
                <c:pt idx="5">
                  <c:v>0.77002767857142862</c:v>
                </c:pt>
                <c:pt idx="6">
                  <c:v>0.81161651785714284</c:v>
                </c:pt>
                <c:pt idx="7">
                  <c:v>0.87104419642857145</c:v>
                </c:pt>
                <c:pt idx="8">
                  <c:v>0.94137678571428574</c:v>
                </c:pt>
                <c:pt idx="9">
                  <c:v>0.99931473214285726</c:v>
                </c:pt>
                <c:pt idx="10">
                  <c:v>1.0264799107142857</c:v>
                </c:pt>
                <c:pt idx="11">
                  <c:v>1.0508571428571429</c:v>
                </c:pt>
                <c:pt idx="12">
                  <c:v>1.091488392857142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3E65-4BEF-ABEE-49A056FFA1E3}"/>
            </c:ext>
          </c:extLst>
        </c:ser>
        <c:ser>
          <c:idx val="5"/>
          <c:order val="4"/>
          <c:tx>
            <c:strRef>
              <c:f>'Fig 8'!$L$6</c:f>
              <c:strCache>
                <c:ptCount val="1"/>
                <c:pt idx="0">
                  <c:v>SBA-P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g 8'!$L$8:$L$63</c:f>
              <c:numCache>
                <c:formatCode>General</c:formatCode>
                <c:ptCount val="56"/>
                <c:pt idx="0">
                  <c:v>2.0723289999999998E-2</c:v>
                </c:pt>
                <c:pt idx="1">
                  <c:v>3.9515410000000001E-2</c:v>
                </c:pt>
                <c:pt idx="2">
                  <c:v>4.3659950000000003E-2</c:v>
                </c:pt>
                <c:pt idx="3">
                  <c:v>6.8385840000000003E-2</c:v>
                </c:pt>
                <c:pt idx="4">
                  <c:v>9.9112939999999997E-2</c:v>
                </c:pt>
                <c:pt idx="5">
                  <c:v>0.17665885000000001</c:v>
                </c:pt>
                <c:pt idx="6">
                  <c:v>0.29072079000000001</c:v>
                </c:pt>
                <c:pt idx="7">
                  <c:v>0.48408350999999999</c:v>
                </c:pt>
                <c:pt idx="8">
                  <c:v>0.70995585000000005</c:v>
                </c:pt>
                <c:pt idx="9">
                  <c:v>1.1535705199999999</c:v>
                </c:pt>
                <c:pt idx="10">
                  <c:v>1.6621995000000001</c:v>
                </c:pt>
                <c:pt idx="11">
                  <c:v>2.2867958800000001</c:v>
                </c:pt>
                <c:pt idx="12">
                  <c:v>2.84221872</c:v>
                </c:pt>
                <c:pt idx="13">
                  <c:v>4.0263069800000002</c:v>
                </c:pt>
                <c:pt idx="14">
                  <c:v>4.7994230299999998</c:v>
                </c:pt>
                <c:pt idx="15">
                  <c:v>6.2296877100000003</c:v>
                </c:pt>
                <c:pt idx="16">
                  <c:v>6.9478718199999996</c:v>
                </c:pt>
                <c:pt idx="17">
                  <c:v>8.4595171400000009</c:v>
                </c:pt>
                <c:pt idx="18">
                  <c:v>12.38206381</c:v>
                </c:pt>
                <c:pt idx="19">
                  <c:v>12.906968920000001</c:v>
                </c:pt>
                <c:pt idx="20">
                  <c:v>16.82544656</c:v>
                </c:pt>
                <c:pt idx="21">
                  <c:v>20.522161959999998</c:v>
                </c:pt>
                <c:pt idx="22">
                  <c:v>24.265671229999999</c:v>
                </c:pt>
                <c:pt idx="23">
                  <c:v>27.754866010000001</c:v>
                </c:pt>
                <c:pt idx="24">
                  <c:v>28.768054930000002</c:v>
                </c:pt>
                <c:pt idx="25">
                  <c:v>29.63068968</c:v>
                </c:pt>
                <c:pt idx="26">
                  <c:v>30.61742989</c:v>
                </c:pt>
                <c:pt idx="27">
                  <c:v>31.506513340000001</c:v>
                </c:pt>
                <c:pt idx="28">
                  <c:v>32.306078100000001</c:v>
                </c:pt>
                <c:pt idx="29">
                  <c:v>35.831894159999997</c:v>
                </c:pt>
                <c:pt idx="30">
                  <c:v>36.474801190000001</c:v>
                </c:pt>
                <c:pt idx="31">
                  <c:v>39.654749549999998</c:v>
                </c:pt>
                <c:pt idx="32">
                  <c:v>40.411589470000003</c:v>
                </c:pt>
                <c:pt idx="33">
                  <c:v>44.382964520000002</c:v>
                </c:pt>
                <c:pt idx="34">
                  <c:v>48.27092442</c:v>
                </c:pt>
                <c:pt idx="35">
                  <c:v>48.862968549999998</c:v>
                </c:pt>
                <c:pt idx="36">
                  <c:v>52.553580410000002</c:v>
                </c:pt>
                <c:pt idx="37">
                  <c:v>56.372366769999999</c:v>
                </c:pt>
                <c:pt idx="38">
                  <c:v>56.826063810000001</c:v>
                </c:pt>
                <c:pt idx="39">
                  <c:v>60.006012179999999</c:v>
                </c:pt>
                <c:pt idx="40">
                  <c:v>63.491137930000001</c:v>
                </c:pt>
                <c:pt idx="41">
                  <c:v>63.405688259999998</c:v>
                </c:pt>
                <c:pt idx="42">
                  <c:v>67.383166860000003</c:v>
                </c:pt>
                <c:pt idx="43">
                  <c:v>70.793015519999997</c:v>
                </c:pt>
                <c:pt idx="44">
                  <c:v>70.937466150000006</c:v>
                </c:pt>
                <c:pt idx="45">
                  <c:v>74.860012819999994</c:v>
                </c:pt>
                <c:pt idx="46">
                  <c:v>78.784593999999998</c:v>
                </c:pt>
                <c:pt idx="47">
                  <c:v>82.434515540000007</c:v>
                </c:pt>
                <c:pt idx="48">
                  <c:v>86.784310550000001</c:v>
                </c:pt>
                <c:pt idx="49">
                  <c:v>87.215627920000003</c:v>
                </c:pt>
                <c:pt idx="50">
                  <c:v>86.715137010000007</c:v>
                </c:pt>
                <c:pt idx="51">
                  <c:v>90.837066239999999</c:v>
                </c:pt>
                <c:pt idx="52">
                  <c:v>94.244880379999998</c:v>
                </c:pt>
                <c:pt idx="53">
                  <c:v>98.269152849999998</c:v>
                </c:pt>
                <c:pt idx="54">
                  <c:v>98.507191210000002</c:v>
                </c:pt>
                <c:pt idx="55">
                  <c:v>99.9</c:v>
                </c:pt>
              </c:numCache>
            </c:numRef>
          </c:xVal>
          <c:yVal>
            <c:numRef>
              <c:f>'Fig 8'!$M$8:$M$63</c:f>
              <c:numCache>
                <c:formatCode>General</c:formatCode>
                <c:ptCount val="56"/>
                <c:pt idx="0">
                  <c:v>8.281875000000001E-2</c:v>
                </c:pt>
                <c:pt idx="1">
                  <c:v>0.15181562500000001</c:v>
                </c:pt>
                <c:pt idx="2">
                  <c:v>0.22121473214285717</c:v>
                </c:pt>
                <c:pt idx="3">
                  <c:v>0.28975401785714289</c:v>
                </c:pt>
                <c:pt idx="4">
                  <c:v>0.35854241071428572</c:v>
                </c:pt>
                <c:pt idx="5">
                  <c:v>0.42510267857142858</c:v>
                </c:pt>
                <c:pt idx="6">
                  <c:v>0.4891879464285715</c:v>
                </c:pt>
                <c:pt idx="7">
                  <c:v>0.54906116071428579</c:v>
                </c:pt>
                <c:pt idx="8">
                  <c:v>0.60622366071428568</c:v>
                </c:pt>
                <c:pt idx="9">
                  <c:v>0.65181383928571435</c:v>
                </c:pt>
                <c:pt idx="10">
                  <c:v>0.69423392857142863</c:v>
                </c:pt>
                <c:pt idx="11">
                  <c:v>0.72953750000000017</c:v>
                </c:pt>
                <c:pt idx="12">
                  <c:v>0.76520937499999997</c:v>
                </c:pt>
                <c:pt idx="13">
                  <c:v>0.81278839285714288</c:v>
                </c:pt>
                <c:pt idx="14">
                  <c:v>0.83480401785714287</c:v>
                </c:pt>
                <c:pt idx="15">
                  <c:v>0.86428482142857144</c:v>
                </c:pt>
                <c:pt idx="16">
                  <c:v>0.88440446428571429</c:v>
                </c:pt>
                <c:pt idx="17">
                  <c:v>0.90807455357142863</c:v>
                </c:pt>
                <c:pt idx="18">
                  <c:v>0.95394241071428587</c:v>
                </c:pt>
                <c:pt idx="19">
                  <c:v>0.96840267857142859</c:v>
                </c:pt>
                <c:pt idx="20">
                  <c:v>1.0044200892857142</c:v>
                </c:pt>
                <c:pt idx="21">
                  <c:v>1.0377285714285716</c:v>
                </c:pt>
                <c:pt idx="22">
                  <c:v>1.066291517857143</c:v>
                </c:pt>
                <c:pt idx="23">
                  <c:v>1.0995816964285714</c:v>
                </c:pt>
                <c:pt idx="24">
                  <c:v>1.1076459821428573</c:v>
                </c:pt>
                <c:pt idx="25">
                  <c:v>1.1193767857142858</c:v>
                </c:pt>
                <c:pt idx="26">
                  <c:v>1.125715625</c:v>
                </c:pt>
                <c:pt idx="27">
                  <c:v>1.1353276785714286</c:v>
                </c:pt>
                <c:pt idx="28">
                  <c:v>1.145428125</c:v>
                </c:pt>
                <c:pt idx="29">
                  <c:v>1.1639558035714286</c:v>
                </c:pt>
                <c:pt idx="30">
                  <c:v>1.172863392857143</c:v>
                </c:pt>
                <c:pt idx="31">
                  <c:v>1.1897491071428572</c:v>
                </c:pt>
                <c:pt idx="32">
                  <c:v>1.1968504464285714</c:v>
                </c:pt>
                <c:pt idx="33">
                  <c:v>1.2174441964285714</c:v>
                </c:pt>
                <c:pt idx="34">
                  <c:v>1.2381933035714288</c:v>
                </c:pt>
                <c:pt idx="35">
                  <c:v>1.2457486607142858</c:v>
                </c:pt>
                <c:pt idx="36">
                  <c:v>1.2670852678571429</c:v>
                </c:pt>
                <c:pt idx="37">
                  <c:v>1.2818892857142858</c:v>
                </c:pt>
                <c:pt idx="38">
                  <c:v>1.2872687500000002</c:v>
                </c:pt>
                <c:pt idx="39">
                  <c:v>1.3034441964285715</c:v>
                </c:pt>
                <c:pt idx="40">
                  <c:v>1.3256767857142859</c:v>
                </c:pt>
                <c:pt idx="41">
                  <c:v>1.3274325892857144</c:v>
                </c:pt>
                <c:pt idx="42">
                  <c:v>1.3420964285714287</c:v>
                </c:pt>
                <c:pt idx="43">
                  <c:v>1.3529209821428574</c:v>
                </c:pt>
                <c:pt idx="44">
                  <c:v>1.3549736607142859</c:v>
                </c:pt>
                <c:pt idx="45">
                  <c:v>1.3735553571428571</c:v>
                </c:pt>
                <c:pt idx="46">
                  <c:v>1.385507142857143</c:v>
                </c:pt>
                <c:pt idx="47">
                  <c:v>1.3946285714285716</c:v>
                </c:pt>
                <c:pt idx="48">
                  <c:v>1.4071982142857142</c:v>
                </c:pt>
                <c:pt idx="49">
                  <c:v>1.4104406250000001</c:v>
                </c:pt>
                <c:pt idx="50">
                  <c:v>1.4118205357142859</c:v>
                </c:pt>
                <c:pt idx="51">
                  <c:v>1.4223625000000002</c:v>
                </c:pt>
                <c:pt idx="52">
                  <c:v>1.4313714285714285</c:v>
                </c:pt>
                <c:pt idx="53">
                  <c:v>1.4429227678571428</c:v>
                </c:pt>
                <c:pt idx="54">
                  <c:v>1.4466718750000003</c:v>
                </c:pt>
                <c:pt idx="55">
                  <c:v>1.457536607142857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3E65-4BEF-ABEE-49A056FFA1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  <c:max val="1.5"/>
          <c:min val="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g 9'!$C$6</c:f>
              <c:strCache>
                <c:ptCount val="1"/>
                <c:pt idx="0">
                  <c:v>SBA-P-TA-N2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'Fig 9'!$C$8:$C$38</c:f>
              <c:numCache>
                <c:formatCode>0.000</c:formatCode>
                <c:ptCount val="31"/>
                <c:pt idx="0">
                  <c:v>14.84586258</c:v>
                </c:pt>
                <c:pt idx="1">
                  <c:v>29.701897729999999</c:v>
                </c:pt>
                <c:pt idx="2">
                  <c:v>50.789655119999999</c:v>
                </c:pt>
                <c:pt idx="3">
                  <c:v>72.831600460000004</c:v>
                </c:pt>
                <c:pt idx="4">
                  <c:v>97.001649439999994</c:v>
                </c:pt>
              </c:numCache>
            </c:numRef>
          </c:xVal>
          <c:yVal>
            <c:numRef>
              <c:f>'Fig 9'!$D$8:$D$38</c:f>
              <c:numCache>
                <c:formatCode>0.000</c:formatCode>
                <c:ptCount val="31"/>
                <c:pt idx="0">
                  <c:v>4.4160714285714289E-3</c:v>
                </c:pt>
                <c:pt idx="1">
                  <c:v>6.478571428571429E-3</c:v>
                </c:pt>
                <c:pt idx="2">
                  <c:v>9.6084821428571443E-3</c:v>
                </c:pt>
                <c:pt idx="3">
                  <c:v>1.2487946428571428E-2</c:v>
                </c:pt>
                <c:pt idx="4">
                  <c:v>1.591875000000000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B5C-4F96-8FE2-55A2A84E32D3}"/>
            </c:ext>
          </c:extLst>
        </c:ser>
        <c:ser>
          <c:idx val="1"/>
          <c:order val="1"/>
          <c:tx>
            <c:strRef>
              <c:f>'Fig 9'!$E$6</c:f>
              <c:strCache>
                <c:ptCount val="1"/>
                <c:pt idx="0">
                  <c:v>SBA-P-TA-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  <a:prstDash val="solid"/>
              </a:ln>
              <a:effectLst/>
            </c:spPr>
          </c:marker>
          <c:xVal>
            <c:numRef>
              <c:f>'Fig 9'!$E$8:$E$38</c:f>
              <c:numCache>
                <c:formatCode>0.000</c:formatCode>
                <c:ptCount val="31"/>
                <c:pt idx="0">
                  <c:v>5.0903587999999997</c:v>
                </c:pt>
                <c:pt idx="1">
                  <c:v>10.740209480000001</c:v>
                </c:pt>
                <c:pt idx="2">
                  <c:v>16.774583660000001</c:v>
                </c:pt>
                <c:pt idx="3">
                  <c:v>22.31457047</c:v>
                </c:pt>
                <c:pt idx="4">
                  <c:v>27.539207319999999</c:v>
                </c:pt>
                <c:pt idx="5">
                  <c:v>33.162609289999999</c:v>
                </c:pt>
                <c:pt idx="6">
                  <c:v>38.421832909999999</c:v>
                </c:pt>
                <c:pt idx="7">
                  <c:v>43.99030295</c:v>
                </c:pt>
                <c:pt idx="8">
                  <c:v>49.96364166</c:v>
                </c:pt>
                <c:pt idx="9">
                  <c:v>55.774219090000003</c:v>
                </c:pt>
                <c:pt idx="10">
                  <c:v>61.084305610000001</c:v>
                </c:pt>
                <c:pt idx="11">
                  <c:v>67.136990429999997</c:v>
                </c:pt>
                <c:pt idx="12">
                  <c:v>72.786841109999997</c:v>
                </c:pt>
                <c:pt idx="13">
                  <c:v>80.542415750000004</c:v>
                </c:pt>
                <c:pt idx="14">
                  <c:v>88.574684550000001</c:v>
                </c:pt>
                <c:pt idx="15" formatCode="General">
                  <c:v>96.254982100000007</c:v>
                </c:pt>
                <c:pt idx="16" formatCode="General">
                  <c:v>99.9</c:v>
                </c:pt>
              </c:numCache>
            </c:numRef>
          </c:xVal>
          <c:yVal>
            <c:numRef>
              <c:f>'Fig 9'!$F$8:$F$38</c:f>
              <c:numCache>
                <c:formatCode>0.000</c:formatCode>
                <c:ptCount val="31"/>
                <c:pt idx="0">
                  <c:v>1.8977678571428572E-3</c:v>
                </c:pt>
                <c:pt idx="1">
                  <c:v>4.5526785714285721E-3</c:v>
                </c:pt>
                <c:pt idx="2">
                  <c:v>6.9857142857142869E-3</c:v>
                </c:pt>
                <c:pt idx="3">
                  <c:v>9.1250000000000012E-3</c:v>
                </c:pt>
                <c:pt idx="4">
                  <c:v>1.1696428571428573E-2</c:v>
                </c:pt>
                <c:pt idx="5">
                  <c:v>1.4101339285714286E-2</c:v>
                </c:pt>
                <c:pt idx="6">
                  <c:v>1.5865178571428572E-2</c:v>
                </c:pt>
                <c:pt idx="7">
                  <c:v>1.8952678571428572E-2</c:v>
                </c:pt>
                <c:pt idx="8">
                  <c:v>2.1380357142857145E-2</c:v>
                </c:pt>
                <c:pt idx="9">
                  <c:v>2.4202678571428569E-2</c:v>
                </c:pt>
                <c:pt idx="10">
                  <c:v>2.6689285714285717E-2</c:v>
                </c:pt>
                <c:pt idx="11">
                  <c:v>2.9280803571428572E-2</c:v>
                </c:pt>
                <c:pt idx="12">
                  <c:v>3.1785714285714285E-2</c:v>
                </c:pt>
                <c:pt idx="13">
                  <c:v>3.5224107142857147E-2</c:v>
                </c:pt>
                <c:pt idx="14">
                  <c:v>3.8764732142857146E-2</c:v>
                </c:pt>
                <c:pt idx="15" formatCode="General">
                  <c:v>4.2240625000000004E-2</c:v>
                </c:pt>
                <c:pt idx="16" formatCode="General">
                  <c:v>4.5216964285714291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5B5C-4F96-8FE2-55A2A84E32D3}"/>
            </c:ext>
          </c:extLst>
        </c:ser>
        <c:ser>
          <c:idx val="2"/>
          <c:order val="2"/>
          <c:tx>
            <c:strRef>
              <c:f>'Fig 9'!$G$6</c:f>
              <c:strCache>
                <c:ptCount val="1"/>
                <c:pt idx="0">
                  <c:v>25BE0LU-TA-N2</c:v>
                </c:pt>
              </c:strCache>
            </c:strRef>
          </c:tx>
          <c:spPr>
            <a:ln w="25400" cap="rnd">
              <a:noFill/>
              <a:prstDash val="dash"/>
              <a:round/>
            </a:ln>
            <a:effectLst/>
          </c:spPr>
          <c:marker>
            <c:symbol val="square"/>
            <c:size val="5"/>
            <c:spPr>
              <a:solidFill>
                <a:srgbClr val="C00000"/>
              </a:solidFill>
              <a:ln w="9525">
                <a:noFill/>
                <a:prstDash val="dash"/>
              </a:ln>
              <a:effectLst/>
            </c:spPr>
          </c:marker>
          <c:xVal>
            <c:numRef>
              <c:f>'Fig 9'!$G$8:$G$38</c:f>
              <c:numCache>
                <c:formatCode>0.000</c:formatCode>
                <c:ptCount val="31"/>
                <c:pt idx="0">
                  <c:v>6.5033300799999996</c:v>
                </c:pt>
                <c:pt idx="1">
                  <c:v>13.72586156</c:v>
                </c:pt>
                <c:pt idx="2">
                  <c:v>20.869046910000002</c:v>
                </c:pt>
                <c:pt idx="3">
                  <c:v>27.963403880000001</c:v>
                </c:pt>
                <c:pt idx="4">
                  <c:v>35.047588269999999</c:v>
                </c:pt>
                <c:pt idx="5">
                  <c:v>41.999529119999998</c:v>
                </c:pt>
                <c:pt idx="6">
                  <c:v>48.996229329999998</c:v>
                </c:pt>
                <c:pt idx="7">
                  <c:v>56.151621779999999</c:v>
                </c:pt>
                <c:pt idx="8">
                  <c:v>63.08932102</c:v>
                </c:pt>
                <c:pt idx="9">
                  <c:v>69.963950269999998</c:v>
                </c:pt>
                <c:pt idx="10">
                  <c:v>76.508987950000005</c:v>
                </c:pt>
                <c:pt idx="11">
                  <c:v>82.925851120000004</c:v>
                </c:pt>
                <c:pt idx="12">
                  <c:v>90.829945420000001</c:v>
                </c:pt>
                <c:pt idx="13">
                  <c:v>98.723867139999996</c:v>
                </c:pt>
                <c:pt idx="14">
                  <c:v>106.66458273000001</c:v>
                </c:pt>
              </c:numCache>
            </c:numRef>
          </c:xVal>
          <c:yVal>
            <c:numRef>
              <c:f>'Fig 9'!$H$8:$H$38</c:f>
              <c:numCache>
                <c:formatCode>0.000</c:formatCode>
                <c:ptCount val="31"/>
                <c:pt idx="0">
                  <c:v>3.3879464285714285E-3</c:v>
                </c:pt>
                <c:pt idx="1">
                  <c:v>4.7281250000000006E-3</c:v>
                </c:pt>
                <c:pt idx="2">
                  <c:v>5.6566964285714285E-3</c:v>
                </c:pt>
                <c:pt idx="3">
                  <c:v>6.9191964285714282E-3</c:v>
                </c:pt>
                <c:pt idx="4">
                  <c:v>8.0745535714285728E-3</c:v>
                </c:pt>
                <c:pt idx="5">
                  <c:v>9.2245535714285728E-3</c:v>
                </c:pt>
                <c:pt idx="6">
                  <c:v>1.0410267857142858E-2</c:v>
                </c:pt>
                <c:pt idx="7">
                  <c:v>1.1792410714285715E-2</c:v>
                </c:pt>
                <c:pt idx="8">
                  <c:v>1.2957142857142858E-2</c:v>
                </c:pt>
                <c:pt idx="9">
                  <c:v>1.400044642857143E-2</c:v>
                </c:pt>
                <c:pt idx="10">
                  <c:v>1.4604910714285714E-2</c:v>
                </c:pt>
                <c:pt idx="11">
                  <c:v>1.5676785714285716E-2</c:v>
                </c:pt>
                <c:pt idx="12">
                  <c:v>1.6315178571428574E-2</c:v>
                </c:pt>
                <c:pt idx="13">
                  <c:v>1.6945535714285715E-2</c:v>
                </c:pt>
                <c:pt idx="14">
                  <c:v>1.8545982142857145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5B5C-4F96-8FE2-55A2A84E32D3}"/>
            </c:ext>
          </c:extLst>
        </c:ser>
        <c:ser>
          <c:idx val="3"/>
          <c:order val="3"/>
          <c:tx>
            <c:strRef>
              <c:f>'Fig 9'!$I$6</c:f>
              <c:strCache>
                <c:ptCount val="1"/>
                <c:pt idx="0">
                  <c:v>25BE0LU-TA-CH4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rgbClr val="002060"/>
              </a:solidFill>
              <a:ln w="9525">
                <a:solidFill>
                  <a:srgbClr val="002060"/>
                </a:solidFill>
              </a:ln>
              <a:effectLst/>
            </c:spPr>
          </c:marker>
          <c:xVal>
            <c:numRef>
              <c:f>'Fig 9'!$I$8:$I$38</c:f>
              <c:numCache>
                <c:formatCode>0.000</c:formatCode>
                <c:ptCount val="31"/>
                <c:pt idx="0">
                  <c:v>7.1779755400000003</c:v>
                </c:pt>
                <c:pt idx="1">
                  <c:v>14.2967467</c:v>
                </c:pt>
                <c:pt idx="2">
                  <c:v>21.35448238</c:v>
                </c:pt>
                <c:pt idx="3">
                  <c:v>28.157903579999999</c:v>
                </c:pt>
                <c:pt idx="4">
                  <c:v>34.884013170000003</c:v>
                </c:pt>
                <c:pt idx="5">
                  <c:v>41.331394080000003</c:v>
                </c:pt>
                <c:pt idx="6">
                  <c:v>47.786913050000003</c:v>
                </c:pt>
                <c:pt idx="7">
                  <c:v>53.739906599999998</c:v>
                </c:pt>
                <c:pt idx="8">
                  <c:v>59.849557869999998</c:v>
                </c:pt>
                <c:pt idx="9">
                  <c:v>65.951071069999998</c:v>
                </c:pt>
                <c:pt idx="10">
                  <c:v>71.950858490000002</c:v>
                </c:pt>
                <c:pt idx="11">
                  <c:v>79.743054409999999</c:v>
                </c:pt>
                <c:pt idx="12">
                  <c:v>87.449800670000002</c:v>
                </c:pt>
                <c:pt idx="13">
                  <c:v>95.396619799999996</c:v>
                </c:pt>
                <c:pt idx="14">
                  <c:v>102.93246673</c:v>
                </c:pt>
              </c:numCache>
            </c:numRef>
          </c:xVal>
          <c:yVal>
            <c:numRef>
              <c:f>'Fig 9'!$J$8:$J$38</c:f>
              <c:numCache>
                <c:formatCode>0.000</c:formatCode>
                <c:ptCount val="31"/>
                <c:pt idx="0">
                  <c:v>2.7531250000000004E-3</c:v>
                </c:pt>
                <c:pt idx="1">
                  <c:v>4.8223214285714293E-3</c:v>
                </c:pt>
                <c:pt idx="2">
                  <c:v>7.2964285714285718E-3</c:v>
                </c:pt>
                <c:pt idx="3">
                  <c:v>9.2187499999999995E-3</c:v>
                </c:pt>
                <c:pt idx="4">
                  <c:v>1.1383035714285714E-2</c:v>
                </c:pt>
                <c:pt idx="5">
                  <c:v>1.3133928571428572E-2</c:v>
                </c:pt>
                <c:pt idx="6">
                  <c:v>1.5303125000000001E-2</c:v>
                </c:pt>
                <c:pt idx="7">
                  <c:v>1.7262053571428574E-2</c:v>
                </c:pt>
                <c:pt idx="8">
                  <c:v>1.9452232142857143E-2</c:v>
                </c:pt>
                <c:pt idx="9">
                  <c:v>2.1311607142857146E-2</c:v>
                </c:pt>
                <c:pt idx="10">
                  <c:v>2.3853124999999999E-2</c:v>
                </c:pt>
                <c:pt idx="11">
                  <c:v>2.6568303571428576E-2</c:v>
                </c:pt>
                <c:pt idx="12">
                  <c:v>2.9120535714285717E-2</c:v>
                </c:pt>
                <c:pt idx="13">
                  <c:v>3.1723214285714285E-2</c:v>
                </c:pt>
                <c:pt idx="14">
                  <c:v>3.5972767857142859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5B5C-4F96-8FE2-55A2A84E32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76784288"/>
        <c:axId val="476775432"/>
      </c:scatterChart>
      <c:valAx>
        <c:axId val="476784288"/>
        <c:scaling>
          <c:orientation val="minMax"/>
          <c:max val="1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 (kPa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solidFill>
            <a:schemeClr val="bg1"/>
          </a:solidFill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75432"/>
        <c:crosses val="autoZero"/>
        <c:crossBetween val="midCat"/>
      </c:valAx>
      <c:valAx>
        <c:axId val="4767754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q</a:t>
                </a:r>
                <a:r>
                  <a:rPr lang="en-US" baseline="0"/>
                  <a:t> (mmol/g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76784288"/>
        <c:crosses val="autoZero"/>
        <c:crossBetween val="midCat"/>
      </c:valAx>
      <c:spPr>
        <a:noFill/>
        <a:ln>
          <a:solidFill>
            <a:schemeClr val="tx1"/>
          </a:solidFill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chemeClr val="tx1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35873493322602"/>
          <c:y val="4.9099307126885684E-2"/>
          <c:w val="0.81534303950691689"/>
          <c:h val="0.73182780869475972"/>
        </c:manualLayout>
      </c:layout>
      <c:scatterChart>
        <c:scatterStyle val="lineMarker"/>
        <c:varyColors val="0"/>
        <c:ser>
          <c:idx val="2"/>
          <c:order val="0"/>
          <c:tx>
            <c:strRef>
              <c:f>'Fig 10'!$D$7</c:f>
              <c:strCache>
                <c:ptCount val="1"/>
                <c:pt idx="0">
                  <c:v>SBA-P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Fig 10'!$D$9:$D$1508</c:f>
              <c:numCache>
                <c:formatCode>General</c:formatCode>
                <c:ptCount val="1500"/>
                <c:pt idx="0">
                  <c:v>0.11666700000000674</c:v>
                </c:pt>
                <c:pt idx="1">
                  <c:v>0.13333400000000495</c:v>
                </c:pt>
                <c:pt idx="2">
                  <c:v>0.15000000000000568</c:v>
                </c:pt>
                <c:pt idx="3">
                  <c:v>0.1666670000000039</c:v>
                </c:pt>
                <c:pt idx="4">
                  <c:v>0.18333400000000211</c:v>
                </c:pt>
                <c:pt idx="5">
                  <c:v>0.20000000000000284</c:v>
                </c:pt>
                <c:pt idx="6">
                  <c:v>0.21666700000000105</c:v>
                </c:pt>
                <c:pt idx="7">
                  <c:v>0.23333400000001348</c:v>
                </c:pt>
                <c:pt idx="8">
                  <c:v>0.25</c:v>
                </c:pt>
                <c:pt idx="9">
                  <c:v>0.26666700000001242</c:v>
                </c:pt>
                <c:pt idx="10">
                  <c:v>0.28333400000001063</c:v>
                </c:pt>
                <c:pt idx="11">
                  <c:v>0.30000000000001137</c:v>
                </c:pt>
                <c:pt idx="12">
                  <c:v>0.31666700000000958</c:v>
                </c:pt>
                <c:pt idx="13">
                  <c:v>0.33333400000000779</c:v>
                </c:pt>
                <c:pt idx="14">
                  <c:v>0.35000000000000853</c:v>
                </c:pt>
                <c:pt idx="15">
                  <c:v>0.36666700000000674</c:v>
                </c:pt>
                <c:pt idx="16">
                  <c:v>0.38333400000000495</c:v>
                </c:pt>
                <c:pt idx="17">
                  <c:v>0.40000000000000568</c:v>
                </c:pt>
                <c:pt idx="18">
                  <c:v>0.4166670000000039</c:v>
                </c:pt>
                <c:pt idx="19">
                  <c:v>0.43333400000000211</c:v>
                </c:pt>
                <c:pt idx="20">
                  <c:v>0.45000000000000284</c:v>
                </c:pt>
                <c:pt idx="21">
                  <c:v>0.46666700000000105</c:v>
                </c:pt>
                <c:pt idx="22">
                  <c:v>0.48333400000001348</c:v>
                </c:pt>
                <c:pt idx="23">
                  <c:v>0.5</c:v>
                </c:pt>
                <c:pt idx="24">
                  <c:v>0.51666700000001242</c:v>
                </c:pt>
                <c:pt idx="25">
                  <c:v>0.53333400000001063</c:v>
                </c:pt>
                <c:pt idx="26">
                  <c:v>0.55000000000001137</c:v>
                </c:pt>
                <c:pt idx="27">
                  <c:v>0.56666700000000958</c:v>
                </c:pt>
                <c:pt idx="28">
                  <c:v>0.58333400000000779</c:v>
                </c:pt>
                <c:pt idx="29">
                  <c:v>0.60000000000000853</c:v>
                </c:pt>
                <c:pt idx="30">
                  <c:v>0.61666700000000674</c:v>
                </c:pt>
                <c:pt idx="31">
                  <c:v>0.63333400000000495</c:v>
                </c:pt>
                <c:pt idx="32">
                  <c:v>0.65000000000000568</c:v>
                </c:pt>
                <c:pt idx="33">
                  <c:v>0.6666670000000039</c:v>
                </c:pt>
                <c:pt idx="34">
                  <c:v>0.68333400000000211</c:v>
                </c:pt>
                <c:pt idx="35">
                  <c:v>0.70000000000000284</c:v>
                </c:pt>
                <c:pt idx="36">
                  <c:v>0.71666700000000105</c:v>
                </c:pt>
                <c:pt idx="37">
                  <c:v>0.73333400000001348</c:v>
                </c:pt>
                <c:pt idx="38">
                  <c:v>0.75</c:v>
                </c:pt>
                <c:pt idx="39">
                  <c:v>0.76666700000001242</c:v>
                </c:pt>
                <c:pt idx="40">
                  <c:v>0.78333400000001063</c:v>
                </c:pt>
                <c:pt idx="41">
                  <c:v>0.80000000000001137</c:v>
                </c:pt>
                <c:pt idx="42">
                  <c:v>0.81666700000000958</c:v>
                </c:pt>
                <c:pt idx="43">
                  <c:v>0.83333400000000779</c:v>
                </c:pt>
                <c:pt idx="44">
                  <c:v>0.85000000000000853</c:v>
                </c:pt>
                <c:pt idx="45">
                  <c:v>0.86666700000000674</c:v>
                </c:pt>
                <c:pt idx="46">
                  <c:v>0.88333400000000495</c:v>
                </c:pt>
                <c:pt idx="47">
                  <c:v>0.90000000000000568</c:v>
                </c:pt>
                <c:pt idx="48">
                  <c:v>0.9166670000000039</c:v>
                </c:pt>
                <c:pt idx="49">
                  <c:v>0.93333400000000211</c:v>
                </c:pt>
                <c:pt idx="50">
                  <c:v>0.95000000000000284</c:v>
                </c:pt>
                <c:pt idx="51">
                  <c:v>0.96666700000000105</c:v>
                </c:pt>
                <c:pt idx="52">
                  <c:v>0.98333400000001348</c:v>
                </c:pt>
                <c:pt idx="53">
                  <c:v>1</c:v>
                </c:pt>
                <c:pt idx="54">
                  <c:v>1.0166670000000124</c:v>
                </c:pt>
                <c:pt idx="55">
                  <c:v>1.0333340000000106</c:v>
                </c:pt>
                <c:pt idx="56">
                  <c:v>1.0500000000000114</c:v>
                </c:pt>
                <c:pt idx="57">
                  <c:v>1.0666670000000096</c:v>
                </c:pt>
                <c:pt idx="58">
                  <c:v>1.0833340000000078</c:v>
                </c:pt>
                <c:pt idx="59">
                  <c:v>1.1000000000000085</c:v>
                </c:pt>
                <c:pt idx="60">
                  <c:v>1.1166670000000067</c:v>
                </c:pt>
                <c:pt idx="61">
                  <c:v>1.1333340000000049</c:v>
                </c:pt>
                <c:pt idx="62">
                  <c:v>1.1500000000000057</c:v>
                </c:pt>
                <c:pt idx="63">
                  <c:v>1.1666670000000039</c:v>
                </c:pt>
                <c:pt idx="64">
                  <c:v>1.1833340000000021</c:v>
                </c:pt>
                <c:pt idx="65">
                  <c:v>1.2000000000000028</c:v>
                </c:pt>
                <c:pt idx="66">
                  <c:v>1.2166670000000011</c:v>
                </c:pt>
                <c:pt idx="67">
                  <c:v>1.2333340000000135</c:v>
                </c:pt>
                <c:pt idx="68">
                  <c:v>1.25</c:v>
                </c:pt>
                <c:pt idx="69">
                  <c:v>1.2666670000000124</c:v>
                </c:pt>
                <c:pt idx="70">
                  <c:v>1.2833340000000106</c:v>
                </c:pt>
                <c:pt idx="71">
                  <c:v>1.3000000000000114</c:v>
                </c:pt>
                <c:pt idx="72">
                  <c:v>1.3166670000000096</c:v>
                </c:pt>
                <c:pt idx="73">
                  <c:v>1.3333340000000078</c:v>
                </c:pt>
                <c:pt idx="74">
                  <c:v>1.3500000000000085</c:v>
                </c:pt>
                <c:pt idx="75">
                  <c:v>1.3666670000000067</c:v>
                </c:pt>
                <c:pt idx="76">
                  <c:v>1.3833340000000049</c:v>
                </c:pt>
                <c:pt idx="77">
                  <c:v>1.4000000000000057</c:v>
                </c:pt>
                <c:pt idx="78">
                  <c:v>1.4166670000000039</c:v>
                </c:pt>
                <c:pt idx="79">
                  <c:v>1.4333340000000021</c:v>
                </c:pt>
                <c:pt idx="80">
                  <c:v>1.4500000000000028</c:v>
                </c:pt>
                <c:pt idx="81">
                  <c:v>1.4666670000000011</c:v>
                </c:pt>
                <c:pt idx="82">
                  <c:v>1.4833340000000135</c:v>
                </c:pt>
                <c:pt idx="83">
                  <c:v>1.5</c:v>
                </c:pt>
                <c:pt idx="84">
                  <c:v>1.5166670000000124</c:v>
                </c:pt>
                <c:pt idx="85">
                  <c:v>1.5333340000000106</c:v>
                </c:pt>
                <c:pt idx="86">
                  <c:v>1.5500000000000114</c:v>
                </c:pt>
                <c:pt idx="87">
                  <c:v>1.5666670000000096</c:v>
                </c:pt>
                <c:pt idx="88">
                  <c:v>1.5833340000000078</c:v>
                </c:pt>
                <c:pt idx="89">
                  <c:v>1.6000000000000085</c:v>
                </c:pt>
                <c:pt idx="90">
                  <c:v>1.6166670000000067</c:v>
                </c:pt>
                <c:pt idx="91">
                  <c:v>1.6333340000000049</c:v>
                </c:pt>
                <c:pt idx="92">
                  <c:v>1.6500000000000057</c:v>
                </c:pt>
                <c:pt idx="93">
                  <c:v>1.6666670000000039</c:v>
                </c:pt>
                <c:pt idx="94">
                  <c:v>1.6833340000000021</c:v>
                </c:pt>
                <c:pt idx="95">
                  <c:v>1.7000000000000028</c:v>
                </c:pt>
                <c:pt idx="96">
                  <c:v>1.7166670000000011</c:v>
                </c:pt>
                <c:pt idx="97">
                  <c:v>1.7333340000000135</c:v>
                </c:pt>
                <c:pt idx="98">
                  <c:v>1.75</c:v>
                </c:pt>
                <c:pt idx="99">
                  <c:v>1.7666670000000124</c:v>
                </c:pt>
                <c:pt idx="100">
                  <c:v>1.7833340000000106</c:v>
                </c:pt>
                <c:pt idx="101">
                  <c:v>1.8000000000000114</c:v>
                </c:pt>
                <c:pt idx="102">
                  <c:v>1.8166670000000096</c:v>
                </c:pt>
                <c:pt idx="103">
                  <c:v>1.8333340000000078</c:v>
                </c:pt>
                <c:pt idx="104">
                  <c:v>1.8500000000000085</c:v>
                </c:pt>
                <c:pt idx="105">
                  <c:v>1.8666670000000067</c:v>
                </c:pt>
                <c:pt idx="106">
                  <c:v>1.8833340000000049</c:v>
                </c:pt>
                <c:pt idx="107">
                  <c:v>1.9000000000000057</c:v>
                </c:pt>
                <c:pt idx="108">
                  <c:v>1.9166670000000039</c:v>
                </c:pt>
                <c:pt idx="109">
                  <c:v>1.9333340000000021</c:v>
                </c:pt>
                <c:pt idx="110">
                  <c:v>1.9500000000000028</c:v>
                </c:pt>
                <c:pt idx="111">
                  <c:v>1.9666670000000011</c:v>
                </c:pt>
                <c:pt idx="112">
                  <c:v>1.9833340000000135</c:v>
                </c:pt>
                <c:pt idx="113">
                  <c:v>2</c:v>
                </c:pt>
                <c:pt idx="114">
                  <c:v>2.0166670000000124</c:v>
                </c:pt>
                <c:pt idx="115">
                  <c:v>2.0333340000000106</c:v>
                </c:pt>
                <c:pt idx="116">
                  <c:v>2.0500000000000114</c:v>
                </c:pt>
                <c:pt idx="117">
                  <c:v>2.0666670000000096</c:v>
                </c:pt>
                <c:pt idx="118">
                  <c:v>2.0833340000000078</c:v>
                </c:pt>
                <c:pt idx="119">
                  <c:v>2.1000000000000085</c:v>
                </c:pt>
                <c:pt idx="120">
                  <c:v>2.1166670000000067</c:v>
                </c:pt>
                <c:pt idx="121">
                  <c:v>2.1333340000000049</c:v>
                </c:pt>
                <c:pt idx="122">
                  <c:v>2.1500000000000057</c:v>
                </c:pt>
                <c:pt idx="123">
                  <c:v>2.1666670000000039</c:v>
                </c:pt>
                <c:pt idx="124">
                  <c:v>2.1833340000000021</c:v>
                </c:pt>
                <c:pt idx="125">
                  <c:v>2.2000000000000028</c:v>
                </c:pt>
                <c:pt idx="126">
                  <c:v>2.2166670000000011</c:v>
                </c:pt>
                <c:pt idx="127">
                  <c:v>2.2333340000000135</c:v>
                </c:pt>
                <c:pt idx="128">
                  <c:v>2.25</c:v>
                </c:pt>
                <c:pt idx="129">
                  <c:v>2.2666670000000124</c:v>
                </c:pt>
                <c:pt idx="130">
                  <c:v>2.2833340000000106</c:v>
                </c:pt>
                <c:pt idx="131">
                  <c:v>2.3000000000000114</c:v>
                </c:pt>
                <c:pt idx="132">
                  <c:v>2.3166670000000096</c:v>
                </c:pt>
                <c:pt idx="133">
                  <c:v>2.3333340000000078</c:v>
                </c:pt>
                <c:pt idx="134">
                  <c:v>2.3500000000000085</c:v>
                </c:pt>
                <c:pt idx="135">
                  <c:v>2.3666670000000067</c:v>
                </c:pt>
                <c:pt idx="136">
                  <c:v>2.3833340000000049</c:v>
                </c:pt>
                <c:pt idx="137">
                  <c:v>2.4000000000000057</c:v>
                </c:pt>
                <c:pt idx="138">
                  <c:v>2.4166670000000039</c:v>
                </c:pt>
                <c:pt idx="139">
                  <c:v>2.4333340000000021</c:v>
                </c:pt>
                <c:pt idx="140">
                  <c:v>2.4500000000000028</c:v>
                </c:pt>
                <c:pt idx="141">
                  <c:v>2.4666670000000011</c:v>
                </c:pt>
                <c:pt idx="142">
                  <c:v>2.4833340000000135</c:v>
                </c:pt>
                <c:pt idx="143">
                  <c:v>2.5</c:v>
                </c:pt>
                <c:pt idx="144">
                  <c:v>2.5166670000000124</c:v>
                </c:pt>
                <c:pt idx="145">
                  <c:v>2.5333340000000106</c:v>
                </c:pt>
                <c:pt idx="146">
                  <c:v>2.5500000000000114</c:v>
                </c:pt>
                <c:pt idx="147">
                  <c:v>2.5666670000000096</c:v>
                </c:pt>
                <c:pt idx="148">
                  <c:v>2.5833340000000078</c:v>
                </c:pt>
                <c:pt idx="149">
                  <c:v>2.6000000000000085</c:v>
                </c:pt>
                <c:pt idx="150">
                  <c:v>2.6166670000000067</c:v>
                </c:pt>
                <c:pt idx="151">
                  <c:v>2.6333340000000049</c:v>
                </c:pt>
                <c:pt idx="152">
                  <c:v>2.6500000000000057</c:v>
                </c:pt>
                <c:pt idx="153">
                  <c:v>2.6666670000000039</c:v>
                </c:pt>
                <c:pt idx="154">
                  <c:v>2.6833340000000021</c:v>
                </c:pt>
                <c:pt idx="155">
                  <c:v>2.7000000000000028</c:v>
                </c:pt>
                <c:pt idx="156">
                  <c:v>2.7166670000000011</c:v>
                </c:pt>
                <c:pt idx="157">
                  <c:v>2.7333340000000135</c:v>
                </c:pt>
                <c:pt idx="158">
                  <c:v>2.75</c:v>
                </c:pt>
                <c:pt idx="159">
                  <c:v>2.7666670000000124</c:v>
                </c:pt>
                <c:pt idx="160">
                  <c:v>2.7833340000000106</c:v>
                </c:pt>
                <c:pt idx="161">
                  <c:v>2.8000000000000114</c:v>
                </c:pt>
                <c:pt idx="162">
                  <c:v>2.8166670000000096</c:v>
                </c:pt>
                <c:pt idx="163">
                  <c:v>2.8333340000000078</c:v>
                </c:pt>
                <c:pt idx="164">
                  <c:v>2.8500000000000085</c:v>
                </c:pt>
                <c:pt idx="165">
                  <c:v>2.8666670000000067</c:v>
                </c:pt>
                <c:pt idx="166">
                  <c:v>2.8833340000000049</c:v>
                </c:pt>
                <c:pt idx="167">
                  <c:v>2.9000000000000057</c:v>
                </c:pt>
                <c:pt idx="168">
                  <c:v>2.9166670000000039</c:v>
                </c:pt>
                <c:pt idx="169">
                  <c:v>2.9333340000000021</c:v>
                </c:pt>
                <c:pt idx="170">
                  <c:v>2.9500000000000028</c:v>
                </c:pt>
                <c:pt idx="171">
                  <c:v>2.9666670000000011</c:v>
                </c:pt>
                <c:pt idx="172">
                  <c:v>2.9833340000000135</c:v>
                </c:pt>
                <c:pt idx="173">
                  <c:v>3</c:v>
                </c:pt>
                <c:pt idx="174">
                  <c:v>3.0166670000000124</c:v>
                </c:pt>
                <c:pt idx="175">
                  <c:v>3.0333340000000106</c:v>
                </c:pt>
                <c:pt idx="176">
                  <c:v>3.0500000000000114</c:v>
                </c:pt>
                <c:pt idx="177">
                  <c:v>3.0666670000000096</c:v>
                </c:pt>
                <c:pt idx="178">
                  <c:v>3.0833340000000078</c:v>
                </c:pt>
                <c:pt idx="179">
                  <c:v>3.1000000000000085</c:v>
                </c:pt>
                <c:pt idx="180">
                  <c:v>3.1166670000000067</c:v>
                </c:pt>
                <c:pt idx="181">
                  <c:v>3.1333340000000049</c:v>
                </c:pt>
                <c:pt idx="182">
                  <c:v>3.1500000000000057</c:v>
                </c:pt>
                <c:pt idx="183">
                  <c:v>3.1666670000000039</c:v>
                </c:pt>
                <c:pt idx="184">
                  <c:v>3.1833340000000021</c:v>
                </c:pt>
                <c:pt idx="185">
                  <c:v>3.2000000000000028</c:v>
                </c:pt>
                <c:pt idx="186">
                  <c:v>3.2166670000000011</c:v>
                </c:pt>
                <c:pt idx="187">
                  <c:v>3.2333340000000135</c:v>
                </c:pt>
                <c:pt idx="188">
                  <c:v>3.25</c:v>
                </c:pt>
                <c:pt idx="189">
                  <c:v>3.2666670000000124</c:v>
                </c:pt>
                <c:pt idx="190">
                  <c:v>3.2833340000000106</c:v>
                </c:pt>
                <c:pt idx="191">
                  <c:v>3.3000000000000114</c:v>
                </c:pt>
                <c:pt idx="192">
                  <c:v>3.3166670000000096</c:v>
                </c:pt>
                <c:pt idx="193">
                  <c:v>3.3333340000000078</c:v>
                </c:pt>
                <c:pt idx="194">
                  <c:v>3.3500000000000085</c:v>
                </c:pt>
                <c:pt idx="195">
                  <c:v>3.3666670000000067</c:v>
                </c:pt>
                <c:pt idx="196">
                  <c:v>3.3833340000000049</c:v>
                </c:pt>
                <c:pt idx="197">
                  <c:v>3.4000000000000057</c:v>
                </c:pt>
                <c:pt idx="198">
                  <c:v>3.4166670000000039</c:v>
                </c:pt>
                <c:pt idx="199">
                  <c:v>3.4333340000000021</c:v>
                </c:pt>
                <c:pt idx="200">
                  <c:v>3.4500000000000028</c:v>
                </c:pt>
                <c:pt idx="201">
                  <c:v>3.4666670000000011</c:v>
                </c:pt>
                <c:pt idx="202">
                  <c:v>3.4833340000000135</c:v>
                </c:pt>
                <c:pt idx="203">
                  <c:v>3.5</c:v>
                </c:pt>
                <c:pt idx="204">
                  <c:v>3.5166670000000124</c:v>
                </c:pt>
                <c:pt idx="205">
                  <c:v>3.5333340000000106</c:v>
                </c:pt>
                <c:pt idx="206">
                  <c:v>3.5500000000000114</c:v>
                </c:pt>
                <c:pt idx="207">
                  <c:v>3.5666670000000096</c:v>
                </c:pt>
                <c:pt idx="208">
                  <c:v>3.5833340000000078</c:v>
                </c:pt>
                <c:pt idx="209">
                  <c:v>3.6000000000000085</c:v>
                </c:pt>
                <c:pt idx="210">
                  <c:v>3.6166670000000067</c:v>
                </c:pt>
                <c:pt idx="211">
                  <c:v>3.6333340000000049</c:v>
                </c:pt>
                <c:pt idx="212">
                  <c:v>3.6500000000000057</c:v>
                </c:pt>
                <c:pt idx="213">
                  <c:v>3.6666670000000039</c:v>
                </c:pt>
                <c:pt idx="214">
                  <c:v>3.6833340000000021</c:v>
                </c:pt>
                <c:pt idx="215">
                  <c:v>3.7000000000000028</c:v>
                </c:pt>
                <c:pt idx="216">
                  <c:v>3.7166670000000011</c:v>
                </c:pt>
                <c:pt idx="217">
                  <c:v>3.7333340000000135</c:v>
                </c:pt>
                <c:pt idx="218">
                  <c:v>3.75</c:v>
                </c:pt>
                <c:pt idx="219">
                  <c:v>3.7666670000000124</c:v>
                </c:pt>
                <c:pt idx="220">
                  <c:v>3.7833340000000106</c:v>
                </c:pt>
                <c:pt idx="221">
                  <c:v>3.8000000000000114</c:v>
                </c:pt>
                <c:pt idx="222">
                  <c:v>3.8166670000000096</c:v>
                </c:pt>
                <c:pt idx="223">
                  <c:v>3.8333340000000078</c:v>
                </c:pt>
                <c:pt idx="224">
                  <c:v>3.8500000000000085</c:v>
                </c:pt>
                <c:pt idx="225">
                  <c:v>3.8666670000000067</c:v>
                </c:pt>
                <c:pt idx="226">
                  <c:v>3.8833340000000049</c:v>
                </c:pt>
                <c:pt idx="227">
                  <c:v>3.9000000000000057</c:v>
                </c:pt>
                <c:pt idx="228">
                  <c:v>3.9166670000000039</c:v>
                </c:pt>
                <c:pt idx="229">
                  <c:v>3.9333340000000021</c:v>
                </c:pt>
                <c:pt idx="230">
                  <c:v>3.9500000000000028</c:v>
                </c:pt>
                <c:pt idx="231">
                  <c:v>3.9666670000000011</c:v>
                </c:pt>
                <c:pt idx="232">
                  <c:v>3.9833340000000135</c:v>
                </c:pt>
                <c:pt idx="233">
                  <c:v>4</c:v>
                </c:pt>
                <c:pt idx="234">
                  <c:v>4.0166670000000124</c:v>
                </c:pt>
                <c:pt idx="235">
                  <c:v>4.0333340000000106</c:v>
                </c:pt>
                <c:pt idx="236">
                  <c:v>4.0500000000000114</c:v>
                </c:pt>
                <c:pt idx="237">
                  <c:v>4.0666670000000096</c:v>
                </c:pt>
                <c:pt idx="238">
                  <c:v>4.0833340000000078</c:v>
                </c:pt>
                <c:pt idx="239">
                  <c:v>4.1000000000000085</c:v>
                </c:pt>
                <c:pt idx="240">
                  <c:v>4.1166670000000067</c:v>
                </c:pt>
                <c:pt idx="241">
                  <c:v>4.1333340000000049</c:v>
                </c:pt>
                <c:pt idx="242">
                  <c:v>4.1500000000000057</c:v>
                </c:pt>
                <c:pt idx="243">
                  <c:v>4.1666670000000039</c:v>
                </c:pt>
                <c:pt idx="244">
                  <c:v>4.1833340000000021</c:v>
                </c:pt>
                <c:pt idx="245">
                  <c:v>4.2000000000000028</c:v>
                </c:pt>
                <c:pt idx="246">
                  <c:v>4.2166670000000011</c:v>
                </c:pt>
                <c:pt idx="247">
                  <c:v>4.2333340000000135</c:v>
                </c:pt>
                <c:pt idx="248">
                  <c:v>4.25</c:v>
                </c:pt>
                <c:pt idx="249">
                  <c:v>4.2666670000000124</c:v>
                </c:pt>
                <c:pt idx="250">
                  <c:v>4.2833340000000106</c:v>
                </c:pt>
                <c:pt idx="251">
                  <c:v>4.3000000000000114</c:v>
                </c:pt>
                <c:pt idx="252">
                  <c:v>4.3166670000000096</c:v>
                </c:pt>
                <c:pt idx="253">
                  <c:v>4.3333340000000078</c:v>
                </c:pt>
                <c:pt idx="254">
                  <c:v>4.3500000000000085</c:v>
                </c:pt>
                <c:pt idx="255">
                  <c:v>4.3666670000000067</c:v>
                </c:pt>
                <c:pt idx="256">
                  <c:v>4.3833340000000049</c:v>
                </c:pt>
                <c:pt idx="257">
                  <c:v>4.4000000000000057</c:v>
                </c:pt>
                <c:pt idx="258">
                  <c:v>4.4166670000000039</c:v>
                </c:pt>
                <c:pt idx="259">
                  <c:v>4.4333340000000021</c:v>
                </c:pt>
                <c:pt idx="260">
                  <c:v>4.4500000000000028</c:v>
                </c:pt>
                <c:pt idx="261">
                  <c:v>4.4666670000000011</c:v>
                </c:pt>
                <c:pt idx="262">
                  <c:v>4.4833340000000135</c:v>
                </c:pt>
                <c:pt idx="263">
                  <c:v>4.5</c:v>
                </c:pt>
                <c:pt idx="264">
                  <c:v>4.5166670000000124</c:v>
                </c:pt>
                <c:pt idx="265">
                  <c:v>4.5333340000000106</c:v>
                </c:pt>
                <c:pt idx="266">
                  <c:v>4.5500000000000114</c:v>
                </c:pt>
                <c:pt idx="267">
                  <c:v>4.5666670000000096</c:v>
                </c:pt>
                <c:pt idx="268">
                  <c:v>4.5833340000000078</c:v>
                </c:pt>
                <c:pt idx="269">
                  <c:v>4.6000000000000085</c:v>
                </c:pt>
                <c:pt idx="270">
                  <c:v>4.6166670000000067</c:v>
                </c:pt>
                <c:pt idx="271">
                  <c:v>4.6333340000000049</c:v>
                </c:pt>
                <c:pt idx="272">
                  <c:v>4.6500000000000057</c:v>
                </c:pt>
                <c:pt idx="273">
                  <c:v>4.6666670000000039</c:v>
                </c:pt>
                <c:pt idx="274">
                  <c:v>4.6833340000000021</c:v>
                </c:pt>
                <c:pt idx="275">
                  <c:v>4.7000000000000028</c:v>
                </c:pt>
                <c:pt idx="276">
                  <c:v>4.7166670000000011</c:v>
                </c:pt>
                <c:pt idx="277">
                  <c:v>4.7333340000000135</c:v>
                </c:pt>
                <c:pt idx="278">
                  <c:v>4.75</c:v>
                </c:pt>
                <c:pt idx="279">
                  <c:v>4.7666670000000124</c:v>
                </c:pt>
                <c:pt idx="280">
                  <c:v>4.7833340000000106</c:v>
                </c:pt>
                <c:pt idx="281">
                  <c:v>4.8000000000000114</c:v>
                </c:pt>
                <c:pt idx="282">
                  <c:v>4.8166670000000096</c:v>
                </c:pt>
                <c:pt idx="283">
                  <c:v>4.8333340000000078</c:v>
                </c:pt>
                <c:pt idx="284">
                  <c:v>4.8500000000000085</c:v>
                </c:pt>
                <c:pt idx="285">
                  <c:v>4.8666670000000067</c:v>
                </c:pt>
                <c:pt idx="286">
                  <c:v>4.8833340000000049</c:v>
                </c:pt>
                <c:pt idx="287">
                  <c:v>4.9000000000000057</c:v>
                </c:pt>
                <c:pt idx="288">
                  <c:v>4.9166670000000039</c:v>
                </c:pt>
                <c:pt idx="289">
                  <c:v>4.9333340000000021</c:v>
                </c:pt>
                <c:pt idx="290">
                  <c:v>4.9500000000000028</c:v>
                </c:pt>
                <c:pt idx="291">
                  <c:v>4.9666670000000011</c:v>
                </c:pt>
                <c:pt idx="292">
                  <c:v>4.9833340000000135</c:v>
                </c:pt>
                <c:pt idx="293">
                  <c:v>5</c:v>
                </c:pt>
                <c:pt idx="294">
                  <c:v>5.0166670000000124</c:v>
                </c:pt>
                <c:pt idx="295">
                  <c:v>5.0333340000000106</c:v>
                </c:pt>
                <c:pt idx="296">
                  <c:v>5.0500000000000114</c:v>
                </c:pt>
                <c:pt idx="297">
                  <c:v>5.0666670000000096</c:v>
                </c:pt>
                <c:pt idx="298">
                  <c:v>5.0833340000000078</c:v>
                </c:pt>
                <c:pt idx="299">
                  <c:v>5.1000000000000085</c:v>
                </c:pt>
                <c:pt idx="300">
                  <c:v>5.1166670000000067</c:v>
                </c:pt>
                <c:pt idx="301">
                  <c:v>5.1333340000000049</c:v>
                </c:pt>
                <c:pt idx="302">
                  <c:v>5.1500000000000057</c:v>
                </c:pt>
                <c:pt idx="303">
                  <c:v>5.1666670000000039</c:v>
                </c:pt>
                <c:pt idx="304">
                  <c:v>5.1833340000000021</c:v>
                </c:pt>
                <c:pt idx="305">
                  <c:v>5.2000000000000028</c:v>
                </c:pt>
                <c:pt idx="306">
                  <c:v>5.2166670000000011</c:v>
                </c:pt>
                <c:pt idx="307">
                  <c:v>5.2333340000000135</c:v>
                </c:pt>
                <c:pt idx="308">
                  <c:v>5.25</c:v>
                </c:pt>
                <c:pt idx="309">
                  <c:v>5.2666670000000124</c:v>
                </c:pt>
                <c:pt idx="310">
                  <c:v>5.2833340000000106</c:v>
                </c:pt>
                <c:pt idx="311">
                  <c:v>5.3000000000000114</c:v>
                </c:pt>
                <c:pt idx="312">
                  <c:v>5.3166670000000096</c:v>
                </c:pt>
                <c:pt idx="313">
                  <c:v>5.3333340000000078</c:v>
                </c:pt>
                <c:pt idx="314">
                  <c:v>5.3500000000000085</c:v>
                </c:pt>
                <c:pt idx="315">
                  <c:v>5.3666670000000067</c:v>
                </c:pt>
                <c:pt idx="316">
                  <c:v>5.3833340000000049</c:v>
                </c:pt>
                <c:pt idx="317">
                  <c:v>5.4000000000000057</c:v>
                </c:pt>
                <c:pt idx="318">
                  <c:v>5.4166670000000039</c:v>
                </c:pt>
                <c:pt idx="319">
                  <c:v>5.4333340000000021</c:v>
                </c:pt>
                <c:pt idx="320">
                  <c:v>5.4500000000000028</c:v>
                </c:pt>
                <c:pt idx="321">
                  <c:v>5.4666670000000011</c:v>
                </c:pt>
                <c:pt idx="322">
                  <c:v>5.4833340000000135</c:v>
                </c:pt>
                <c:pt idx="323">
                  <c:v>5.5</c:v>
                </c:pt>
                <c:pt idx="324">
                  <c:v>5.5166670000000124</c:v>
                </c:pt>
                <c:pt idx="325">
                  <c:v>5.5333340000000106</c:v>
                </c:pt>
                <c:pt idx="326">
                  <c:v>5.5500000000000114</c:v>
                </c:pt>
                <c:pt idx="327">
                  <c:v>5.5666670000000096</c:v>
                </c:pt>
                <c:pt idx="328">
                  <c:v>5.5833340000000078</c:v>
                </c:pt>
                <c:pt idx="329">
                  <c:v>5.6000000000000085</c:v>
                </c:pt>
                <c:pt idx="330">
                  <c:v>5.6166670000000067</c:v>
                </c:pt>
                <c:pt idx="331">
                  <c:v>5.6333340000000049</c:v>
                </c:pt>
                <c:pt idx="332">
                  <c:v>5.6500000000000057</c:v>
                </c:pt>
                <c:pt idx="333">
                  <c:v>5.6666670000000039</c:v>
                </c:pt>
                <c:pt idx="334">
                  <c:v>5.6833340000000021</c:v>
                </c:pt>
                <c:pt idx="335">
                  <c:v>5.7000000000000028</c:v>
                </c:pt>
                <c:pt idx="336">
                  <c:v>5.7166670000000011</c:v>
                </c:pt>
                <c:pt idx="337">
                  <c:v>5.7333340000000135</c:v>
                </c:pt>
                <c:pt idx="338">
                  <c:v>5.75</c:v>
                </c:pt>
                <c:pt idx="339">
                  <c:v>5.7666670000000124</c:v>
                </c:pt>
                <c:pt idx="340">
                  <c:v>5.7833340000000106</c:v>
                </c:pt>
                <c:pt idx="341">
                  <c:v>5.8000000000000114</c:v>
                </c:pt>
                <c:pt idx="342">
                  <c:v>5.8166670000000096</c:v>
                </c:pt>
                <c:pt idx="343">
                  <c:v>5.8333340000000078</c:v>
                </c:pt>
                <c:pt idx="344">
                  <c:v>5.8500000000000085</c:v>
                </c:pt>
                <c:pt idx="345">
                  <c:v>5.8666670000000067</c:v>
                </c:pt>
                <c:pt idx="346">
                  <c:v>5.8833340000000049</c:v>
                </c:pt>
                <c:pt idx="347">
                  <c:v>5.9000000000000057</c:v>
                </c:pt>
                <c:pt idx="348">
                  <c:v>5.9166670000000039</c:v>
                </c:pt>
                <c:pt idx="349">
                  <c:v>5.9333340000000021</c:v>
                </c:pt>
                <c:pt idx="350">
                  <c:v>5.9500000000000028</c:v>
                </c:pt>
                <c:pt idx="351">
                  <c:v>5.9666670000000011</c:v>
                </c:pt>
                <c:pt idx="352">
                  <c:v>5.9833340000000135</c:v>
                </c:pt>
                <c:pt idx="353">
                  <c:v>6</c:v>
                </c:pt>
                <c:pt idx="354">
                  <c:v>6.0166670000000124</c:v>
                </c:pt>
                <c:pt idx="355">
                  <c:v>6.0333340000000106</c:v>
                </c:pt>
                <c:pt idx="356">
                  <c:v>6.0500000000000114</c:v>
                </c:pt>
                <c:pt idx="357">
                  <c:v>6.0666670000000096</c:v>
                </c:pt>
                <c:pt idx="358">
                  <c:v>6.0833340000000078</c:v>
                </c:pt>
                <c:pt idx="359">
                  <c:v>6.1000000000000085</c:v>
                </c:pt>
                <c:pt idx="360">
                  <c:v>6.1166670000000067</c:v>
                </c:pt>
                <c:pt idx="361">
                  <c:v>6.1333340000000049</c:v>
                </c:pt>
                <c:pt idx="362">
                  <c:v>6.1500000000000057</c:v>
                </c:pt>
                <c:pt idx="363">
                  <c:v>6.1666670000000039</c:v>
                </c:pt>
                <c:pt idx="364">
                  <c:v>6.1833340000000021</c:v>
                </c:pt>
                <c:pt idx="365">
                  <c:v>6.2000000000000028</c:v>
                </c:pt>
                <c:pt idx="366">
                  <c:v>6.2166670000000011</c:v>
                </c:pt>
                <c:pt idx="367">
                  <c:v>6.2333340000000135</c:v>
                </c:pt>
                <c:pt idx="368">
                  <c:v>6.25</c:v>
                </c:pt>
                <c:pt idx="369">
                  <c:v>6.2666670000000124</c:v>
                </c:pt>
                <c:pt idx="370">
                  <c:v>6.2833340000000106</c:v>
                </c:pt>
                <c:pt idx="371">
                  <c:v>6.3000000000000114</c:v>
                </c:pt>
                <c:pt idx="372">
                  <c:v>6.3166670000000096</c:v>
                </c:pt>
                <c:pt idx="373">
                  <c:v>6.3333340000000078</c:v>
                </c:pt>
                <c:pt idx="374">
                  <c:v>6.3500000000000085</c:v>
                </c:pt>
                <c:pt idx="375">
                  <c:v>6.3666670000000067</c:v>
                </c:pt>
                <c:pt idx="376">
                  <c:v>6.3833340000000049</c:v>
                </c:pt>
                <c:pt idx="377">
                  <c:v>6.4000000000000057</c:v>
                </c:pt>
                <c:pt idx="378">
                  <c:v>6.4166670000000039</c:v>
                </c:pt>
                <c:pt idx="379">
                  <c:v>6.4333340000000021</c:v>
                </c:pt>
                <c:pt idx="380">
                  <c:v>6.4500000000000028</c:v>
                </c:pt>
                <c:pt idx="381">
                  <c:v>6.4666670000000011</c:v>
                </c:pt>
                <c:pt idx="382">
                  <c:v>6.4833340000000135</c:v>
                </c:pt>
                <c:pt idx="383">
                  <c:v>6.5</c:v>
                </c:pt>
                <c:pt idx="384">
                  <c:v>6.5166670000000124</c:v>
                </c:pt>
                <c:pt idx="385">
                  <c:v>6.5333340000000106</c:v>
                </c:pt>
                <c:pt idx="386">
                  <c:v>6.5500000000000114</c:v>
                </c:pt>
                <c:pt idx="387">
                  <c:v>6.5666670000000096</c:v>
                </c:pt>
                <c:pt idx="388">
                  <c:v>6.5833340000000078</c:v>
                </c:pt>
                <c:pt idx="389">
                  <c:v>6.6000000000000085</c:v>
                </c:pt>
                <c:pt idx="390">
                  <c:v>6.6166670000000067</c:v>
                </c:pt>
                <c:pt idx="391">
                  <c:v>6.6333340000000049</c:v>
                </c:pt>
                <c:pt idx="392">
                  <c:v>6.6500000000000057</c:v>
                </c:pt>
                <c:pt idx="393">
                  <c:v>6.6666670000000039</c:v>
                </c:pt>
                <c:pt idx="394">
                  <c:v>6.6833340000000021</c:v>
                </c:pt>
                <c:pt idx="395">
                  <c:v>6.7000000000000028</c:v>
                </c:pt>
                <c:pt idx="396">
                  <c:v>6.7166670000000011</c:v>
                </c:pt>
                <c:pt idx="397">
                  <c:v>6.7333340000000135</c:v>
                </c:pt>
                <c:pt idx="398">
                  <c:v>6.75</c:v>
                </c:pt>
                <c:pt idx="399">
                  <c:v>6.7666670000000124</c:v>
                </c:pt>
                <c:pt idx="400">
                  <c:v>6.7833340000000106</c:v>
                </c:pt>
                <c:pt idx="401">
                  <c:v>6.8000000000000114</c:v>
                </c:pt>
                <c:pt idx="402">
                  <c:v>6.8166670000000096</c:v>
                </c:pt>
                <c:pt idx="403">
                  <c:v>6.8333340000000078</c:v>
                </c:pt>
                <c:pt idx="404">
                  <c:v>6.8500000000000085</c:v>
                </c:pt>
                <c:pt idx="405">
                  <c:v>6.8666670000000067</c:v>
                </c:pt>
                <c:pt idx="406">
                  <c:v>6.8833340000000049</c:v>
                </c:pt>
                <c:pt idx="407">
                  <c:v>6.9000000000000057</c:v>
                </c:pt>
                <c:pt idx="408">
                  <c:v>6.9166670000000039</c:v>
                </c:pt>
                <c:pt idx="409">
                  <c:v>6.9333340000000021</c:v>
                </c:pt>
                <c:pt idx="410">
                  <c:v>6.9500000000000028</c:v>
                </c:pt>
                <c:pt idx="411">
                  <c:v>6.9666670000000011</c:v>
                </c:pt>
                <c:pt idx="412">
                  <c:v>6.9833340000000135</c:v>
                </c:pt>
                <c:pt idx="413">
                  <c:v>7</c:v>
                </c:pt>
                <c:pt idx="414">
                  <c:v>7.0166670000000124</c:v>
                </c:pt>
                <c:pt idx="415">
                  <c:v>7.0333340000000106</c:v>
                </c:pt>
                <c:pt idx="416">
                  <c:v>7.0500000000000114</c:v>
                </c:pt>
                <c:pt idx="417">
                  <c:v>7.0666670000000096</c:v>
                </c:pt>
                <c:pt idx="418">
                  <c:v>7.0833340000000078</c:v>
                </c:pt>
                <c:pt idx="419">
                  <c:v>7.1000000000000085</c:v>
                </c:pt>
                <c:pt idx="420">
                  <c:v>7.1166670000000067</c:v>
                </c:pt>
                <c:pt idx="421">
                  <c:v>7.1333340000000049</c:v>
                </c:pt>
                <c:pt idx="422">
                  <c:v>7.1500000000000057</c:v>
                </c:pt>
                <c:pt idx="423">
                  <c:v>7.1666670000000039</c:v>
                </c:pt>
                <c:pt idx="424">
                  <c:v>7.1833340000000021</c:v>
                </c:pt>
                <c:pt idx="425">
                  <c:v>7.2000000000000028</c:v>
                </c:pt>
                <c:pt idx="426">
                  <c:v>7.2166670000000011</c:v>
                </c:pt>
                <c:pt idx="427">
                  <c:v>7.2333340000000135</c:v>
                </c:pt>
                <c:pt idx="428">
                  <c:v>7.25</c:v>
                </c:pt>
                <c:pt idx="429">
                  <c:v>7.2666670000000124</c:v>
                </c:pt>
                <c:pt idx="430">
                  <c:v>7.2833340000000106</c:v>
                </c:pt>
                <c:pt idx="431">
                  <c:v>7.3000000000000114</c:v>
                </c:pt>
                <c:pt idx="432">
                  <c:v>7.3166670000000096</c:v>
                </c:pt>
                <c:pt idx="433">
                  <c:v>7.3333340000000078</c:v>
                </c:pt>
                <c:pt idx="434">
                  <c:v>7.3500000000000085</c:v>
                </c:pt>
                <c:pt idx="435">
                  <c:v>7.3666670000000067</c:v>
                </c:pt>
                <c:pt idx="436">
                  <c:v>7.3833340000000049</c:v>
                </c:pt>
                <c:pt idx="437">
                  <c:v>7.4000000000000057</c:v>
                </c:pt>
                <c:pt idx="438">
                  <c:v>7.4166670000000039</c:v>
                </c:pt>
                <c:pt idx="439">
                  <c:v>7.4333340000000021</c:v>
                </c:pt>
                <c:pt idx="440">
                  <c:v>7.4500000000000028</c:v>
                </c:pt>
                <c:pt idx="441">
                  <c:v>7.4666670000000011</c:v>
                </c:pt>
                <c:pt idx="442">
                  <c:v>7.4833340000000135</c:v>
                </c:pt>
                <c:pt idx="443">
                  <c:v>7.5</c:v>
                </c:pt>
                <c:pt idx="444">
                  <c:v>7.5166670000000124</c:v>
                </c:pt>
                <c:pt idx="445">
                  <c:v>7.5333340000000106</c:v>
                </c:pt>
                <c:pt idx="446">
                  <c:v>7.5500000000000114</c:v>
                </c:pt>
                <c:pt idx="447">
                  <c:v>7.5666670000000096</c:v>
                </c:pt>
                <c:pt idx="448">
                  <c:v>7.5833340000000078</c:v>
                </c:pt>
                <c:pt idx="449">
                  <c:v>7.6000000000000085</c:v>
                </c:pt>
                <c:pt idx="450">
                  <c:v>7.6166670000000067</c:v>
                </c:pt>
                <c:pt idx="451">
                  <c:v>7.6333340000000049</c:v>
                </c:pt>
                <c:pt idx="452">
                  <c:v>7.6500000000000057</c:v>
                </c:pt>
                <c:pt idx="453">
                  <c:v>7.6666670000000039</c:v>
                </c:pt>
                <c:pt idx="454">
                  <c:v>7.6833340000000021</c:v>
                </c:pt>
                <c:pt idx="455">
                  <c:v>7.7000000000000028</c:v>
                </c:pt>
                <c:pt idx="456">
                  <c:v>7.7166670000000011</c:v>
                </c:pt>
                <c:pt idx="457">
                  <c:v>7.7333340000000135</c:v>
                </c:pt>
                <c:pt idx="458">
                  <c:v>7.75</c:v>
                </c:pt>
                <c:pt idx="459">
                  <c:v>7.7666670000000124</c:v>
                </c:pt>
                <c:pt idx="460">
                  <c:v>7.7833340000000106</c:v>
                </c:pt>
                <c:pt idx="461">
                  <c:v>7.8000000000000114</c:v>
                </c:pt>
                <c:pt idx="462">
                  <c:v>7.8166670000000096</c:v>
                </c:pt>
                <c:pt idx="463">
                  <c:v>7.8333340000000078</c:v>
                </c:pt>
                <c:pt idx="464">
                  <c:v>7.8500000000000085</c:v>
                </c:pt>
                <c:pt idx="465">
                  <c:v>7.8666670000000067</c:v>
                </c:pt>
                <c:pt idx="466">
                  <c:v>7.8833340000000049</c:v>
                </c:pt>
                <c:pt idx="467">
                  <c:v>7.9000000000000057</c:v>
                </c:pt>
                <c:pt idx="468">
                  <c:v>7.9166670000000039</c:v>
                </c:pt>
                <c:pt idx="469">
                  <c:v>7.9333340000000021</c:v>
                </c:pt>
                <c:pt idx="470">
                  <c:v>7.9500000000000028</c:v>
                </c:pt>
                <c:pt idx="471">
                  <c:v>7.9666670000000011</c:v>
                </c:pt>
                <c:pt idx="472">
                  <c:v>7.9833340000000135</c:v>
                </c:pt>
                <c:pt idx="473">
                  <c:v>8</c:v>
                </c:pt>
                <c:pt idx="474">
                  <c:v>8.0166670000000124</c:v>
                </c:pt>
                <c:pt idx="475">
                  <c:v>8.0333340000000106</c:v>
                </c:pt>
                <c:pt idx="476">
                  <c:v>8.0500000000000114</c:v>
                </c:pt>
                <c:pt idx="477">
                  <c:v>8.0666670000000096</c:v>
                </c:pt>
                <c:pt idx="478">
                  <c:v>8.0833340000000078</c:v>
                </c:pt>
                <c:pt idx="479">
                  <c:v>8.1000000000000085</c:v>
                </c:pt>
                <c:pt idx="480">
                  <c:v>8.1166670000000067</c:v>
                </c:pt>
                <c:pt idx="481">
                  <c:v>8.1333340000000049</c:v>
                </c:pt>
                <c:pt idx="482">
                  <c:v>8.1500000000000057</c:v>
                </c:pt>
                <c:pt idx="483">
                  <c:v>8.1666670000000039</c:v>
                </c:pt>
                <c:pt idx="484">
                  <c:v>8.1833340000000021</c:v>
                </c:pt>
                <c:pt idx="485">
                  <c:v>8.2000000000000028</c:v>
                </c:pt>
                <c:pt idx="486">
                  <c:v>8.2166670000000011</c:v>
                </c:pt>
                <c:pt idx="487">
                  <c:v>8.2333340000000135</c:v>
                </c:pt>
                <c:pt idx="488">
                  <c:v>8.25</c:v>
                </c:pt>
                <c:pt idx="489">
                  <c:v>8.2666670000000124</c:v>
                </c:pt>
                <c:pt idx="490">
                  <c:v>8.2833340000000106</c:v>
                </c:pt>
                <c:pt idx="491">
                  <c:v>8.3000000000000114</c:v>
                </c:pt>
                <c:pt idx="492">
                  <c:v>8.3166670000000096</c:v>
                </c:pt>
                <c:pt idx="493">
                  <c:v>8.3333340000000078</c:v>
                </c:pt>
                <c:pt idx="494">
                  <c:v>8.3500000000000085</c:v>
                </c:pt>
                <c:pt idx="495">
                  <c:v>8.3666670000000067</c:v>
                </c:pt>
                <c:pt idx="496">
                  <c:v>8.3833340000000049</c:v>
                </c:pt>
                <c:pt idx="497">
                  <c:v>8.4000000000000057</c:v>
                </c:pt>
                <c:pt idx="498">
                  <c:v>8.4166670000000039</c:v>
                </c:pt>
                <c:pt idx="499">
                  <c:v>8.4333340000000021</c:v>
                </c:pt>
                <c:pt idx="500">
                  <c:v>8.4500000000000028</c:v>
                </c:pt>
                <c:pt idx="501">
                  <c:v>8.4666670000000011</c:v>
                </c:pt>
                <c:pt idx="502">
                  <c:v>8.4833340000000135</c:v>
                </c:pt>
                <c:pt idx="503">
                  <c:v>8.5</c:v>
                </c:pt>
                <c:pt idx="504">
                  <c:v>8.5166670000000124</c:v>
                </c:pt>
                <c:pt idx="505">
                  <c:v>8.5333340000000106</c:v>
                </c:pt>
                <c:pt idx="506">
                  <c:v>8.5500000000000114</c:v>
                </c:pt>
                <c:pt idx="507">
                  <c:v>8.5666670000000096</c:v>
                </c:pt>
                <c:pt idx="508">
                  <c:v>8.5833340000000078</c:v>
                </c:pt>
                <c:pt idx="509">
                  <c:v>8.6000000000000085</c:v>
                </c:pt>
                <c:pt idx="510">
                  <c:v>8.6166670000000067</c:v>
                </c:pt>
                <c:pt idx="511">
                  <c:v>8.6333340000000049</c:v>
                </c:pt>
                <c:pt idx="512">
                  <c:v>8.6500000000000057</c:v>
                </c:pt>
                <c:pt idx="513">
                  <c:v>8.6666670000000039</c:v>
                </c:pt>
                <c:pt idx="514">
                  <c:v>8.6833340000000021</c:v>
                </c:pt>
                <c:pt idx="515">
                  <c:v>8.7000000000000028</c:v>
                </c:pt>
                <c:pt idx="516">
                  <c:v>8.7166670000000011</c:v>
                </c:pt>
                <c:pt idx="517">
                  <c:v>8.7333340000000135</c:v>
                </c:pt>
                <c:pt idx="518">
                  <c:v>8.75</c:v>
                </c:pt>
                <c:pt idx="519">
                  <c:v>8.7666670000000124</c:v>
                </c:pt>
                <c:pt idx="520">
                  <c:v>8.7833340000000106</c:v>
                </c:pt>
                <c:pt idx="521">
                  <c:v>8.8000000000000114</c:v>
                </c:pt>
                <c:pt idx="522">
                  <c:v>8.8166670000000096</c:v>
                </c:pt>
                <c:pt idx="523">
                  <c:v>8.8333340000000078</c:v>
                </c:pt>
                <c:pt idx="524">
                  <c:v>8.8500000000000085</c:v>
                </c:pt>
                <c:pt idx="525">
                  <c:v>8.8666670000000067</c:v>
                </c:pt>
                <c:pt idx="526">
                  <c:v>8.8833340000000049</c:v>
                </c:pt>
                <c:pt idx="527">
                  <c:v>8.9000000000000057</c:v>
                </c:pt>
                <c:pt idx="528">
                  <c:v>8.9166670000000039</c:v>
                </c:pt>
                <c:pt idx="529">
                  <c:v>8.9333340000000021</c:v>
                </c:pt>
                <c:pt idx="530">
                  <c:v>8.9500000000000028</c:v>
                </c:pt>
                <c:pt idx="531">
                  <c:v>8.9666670000000011</c:v>
                </c:pt>
                <c:pt idx="532">
                  <c:v>8.9833340000000135</c:v>
                </c:pt>
                <c:pt idx="533">
                  <c:v>9</c:v>
                </c:pt>
                <c:pt idx="534">
                  <c:v>9.0166670000000124</c:v>
                </c:pt>
                <c:pt idx="535">
                  <c:v>9.0333340000000106</c:v>
                </c:pt>
                <c:pt idx="536">
                  <c:v>9.0500000000000114</c:v>
                </c:pt>
                <c:pt idx="537">
                  <c:v>9.0666670000000096</c:v>
                </c:pt>
                <c:pt idx="538">
                  <c:v>9.0833340000000078</c:v>
                </c:pt>
                <c:pt idx="539">
                  <c:v>9.1000000000000085</c:v>
                </c:pt>
                <c:pt idx="540">
                  <c:v>9.1166670000000067</c:v>
                </c:pt>
                <c:pt idx="541">
                  <c:v>9.1333340000000049</c:v>
                </c:pt>
                <c:pt idx="542">
                  <c:v>9.1500000000000057</c:v>
                </c:pt>
                <c:pt idx="543">
                  <c:v>9.1666670000000039</c:v>
                </c:pt>
                <c:pt idx="544">
                  <c:v>9.1833340000000021</c:v>
                </c:pt>
                <c:pt idx="545">
                  <c:v>9.2000000000000028</c:v>
                </c:pt>
                <c:pt idx="546">
                  <c:v>9.2166670000000011</c:v>
                </c:pt>
                <c:pt idx="547">
                  <c:v>9.2333340000000135</c:v>
                </c:pt>
                <c:pt idx="548">
                  <c:v>9.25</c:v>
                </c:pt>
                <c:pt idx="549">
                  <c:v>9.2666670000000124</c:v>
                </c:pt>
                <c:pt idx="550">
                  <c:v>9.2833340000000106</c:v>
                </c:pt>
                <c:pt idx="551">
                  <c:v>9.3000000000000114</c:v>
                </c:pt>
                <c:pt idx="552">
                  <c:v>9.3166670000000096</c:v>
                </c:pt>
                <c:pt idx="553">
                  <c:v>9.3333340000000078</c:v>
                </c:pt>
                <c:pt idx="554">
                  <c:v>9.3500000000000085</c:v>
                </c:pt>
                <c:pt idx="555">
                  <c:v>9.3666670000000067</c:v>
                </c:pt>
                <c:pt idx="556">
                  <c:v>9.3833340000000049</c:v>
                </c:pt>
                <c:pt idx="557">
                  <c:v>9.4000000000000057</c:v>
                </c:pt>
                <c:pt idx="558">
                  <c:v>9.4166670000000039</c:v>
                </c:pt>
                <c:pt idx="559">
                  <c:v>9.4333340000000021</c:v>
                </c:pt>
                <c:pt idx="560">
                  <c:v>9.4500000000000028</c:v>
                </c:pt>
                <c:pt idx="561">
                  <c:v>9.4666670000000011</c:v>
                </c:pt>
                <c:pt idx="562">
                  <c:v>9.4833340000000135</c:v>
                </c:pt>
                <c:pt idx="563">
                  <c:v>9.5</c:v>
                </c:pt>
                <c:pt idx="564">
                  <c:v>9.5166670000000124</c:v>
                </c:pt>
                <c:pt idx="565">
                  <c:v>9.5333340000000106</c:v>
                </c:pt>
                <c:pt idx="566">
                  <c:v>9.5500000000000114</c:v>
                </c:pt>
                <c:pt idx="567">
                  <c:v>9.5666670000000096</c:v>
                </c:pt>
                <c:pt idx="568">
                  <c:v>9.5833340000000078</c:v>
                </c:pt>
                <c:pt idx="569">
                  <c:v>9.6000000000000085</c:v>
                </c:pt>
                <c:pt idx="570">
                  <c:v>9.6166670000000067</c:v>
                </c:pt>
                <c:pt idx="571">
                  <c:v>9.6333340000000049</c:v>
                </c:pt>
                <c:pt idx="572">
                  <c:v>9.6500000000000057</c:v>
                </c:pt>
                <c:pt idx="573">
                  <c:v>9.6666670000000039</c:v>
                </c:pt>
                <c:pt idx="574">
                  <c:v>9.6833340000000021</c:v>
                </c:pt>
                <c:pt idx="575">
                  <c:v>9.7000000000000028</c:v>
                </c:pt>
                <c:pt idx="576">
                  <c:v>9.7166670000000011</c:v>
                </c:pt>
                <c:pt idx="577">
                  <c:v>9.7333340000000135</c:v>
                </c:pt>
                <c:pt idx="578">
                  <c:v>9.75</c:v>
                </c:pt>
                <c:pt idx="579">
                  <c:v>9.7666670000000124</c:v>
                </c:pt>
                <c:pt idx="580">
                  <c:v>9.7833340000000106</c:v>
                </c:pt>
                <c:pt idx="581">
                  <c:v>9.8000000000000114</c:v>
                </c:pt>
                <c:pt idx="582">
                  <c:v>9.8166670000000096</c:v>
                </c:pt>
                <c:pt idx="583">
                  <c:v>9.8333340000000078</c:v>
                </c:pt>
                <c:pt idx="584">
                  <c:v>9.8500000000000085</c:v>
                </c:pt>
                <c:pt idx="585">
                  <c:v>9.8666670000000067</c:v>
                </c:pt>
                <c:pt idx="586">
                  <c:v>9.8833340000000049</c:v>
                </c:pt>
                <c:pt idx="587">
                  <c:v>9.9000000000000057</c:v>
                </c:pt>
                <c:pt idx="588">
                  <c:v>9.9166670000000039</c:v>
                </c:pt>
                <c:pt idx="589">
                  <c:v>9.9333340000000021</c:v>
                </c:pt>
                <c:pt idx="590">
                  <c:v>9.9500000000000028</c:v>
                </c:pt>
                <c:pt idx="591">
                  <c:v>9.9666670000000011</c:v>
                </c:pt>
                <c:pt idx="592">
                  <c:v>9.9833340000000135</c:v>
                </c:pt>
                <c:pt idx="593">
                  <c:v>10</c:v>
                </c:pt>
                <c:pt idx="594">
                  <c:v>10.016667000000012</c:v>
                </c:pt>
                <c:pt idx="595">
                  <c:v>10.033334000000011</c:v>
                </c:pt>
                <c:pt idx="596">
                  <c:v>10.050000000000011</c:v>
                </c:pt>
                <c:pt idx="597">
                  <c:v>10.06666700000001</c:v>
                </c:pt>
                <c:pt idx="598">
                  <c:v>10.083334000000008</c:v>
                </c:pt>
                <c:pt idx="599">
                  <c:v>10.100000000000009</c:v>
                </c:pt>
                <c:pt idx="600">
                  <c:v>10.116667000000007</c:v>
                </c:pt>
                <c:pt idx="601">
                  <c:v>10.133334000000005</c:v>
                </c:pt>
                <c:pt idx="602">
                  <c:v>10.150000000000006</c:v>
                </c:pt>
                <c:pt idx="603">
                  <c:v>10.166667000000004</c:v>
                </c:pt>
                <c:pt idx="604">
                  <c:v>10.183334000000002</c:v>
                </c:pt>
                <c:pt idx="605">
                  <c:v>10.200000000000003</c:v>
                </c:pt>
                <c:pt idx="606">
                  <c:v>10.216667000000001</c:v>
                </c:pt>
                <c:pt idx="607">
                  <c:v>10.233334000000013</c:v>
                </c:pt>
                <c:pt idx="608">
                  <c:v>10.25</c:v>
                </c:pt>
                <c:pt idx="609">
                  <c:v>10.266667000000012</c:v>
                </c:pt>
                <c:pt idx="610">
                  <c:v>10.283334000000011</c:v>
                </c:pt>
                <c:pt idx="611">
                  <c:v>10.300000000000011</c:v>
                </c:pt>
                <c:pt idx="612">
                  <c:v>10.31666700000001</c:v>
                </c:pt>
                <c:pt idx="613">
                  <c:v>10.333334000000008</c:v>
                </c:pt>
                <c:pt idx="614">
                  <c:v>10.350000000000009</c:v>
                </c:pt>
                <c:pt idx="615">
                  <c:v>10.366667000000007</c:v>
                </c:pt>
                <c:pt idx="616">
                  <c:v>10.383334000000005</c:v>
                </c:pt>
                <c:pt idx="617">
                  <c:v>10.400000000000006</c:v>
                </c:pt>
                <c:pt idx="618">
                  <c:v>10.416667000000004</c:v>
                </c:pt>
                <c:pt idx="619">
                  <c:v>10.433334000000002</c:v>
                </c:pt>
                <c:pt idx="620">
                  <c:v>10.450000000000003</c:v>
                </c:pt>
                <c:pt idx="621">
                  <c:v>10.466667000000001</c:v>
                </c:pt>
                <c:pt idx="622">
                  <c:v>10.483334000000013</c:v>
                </c:pt>
                <c:pt idx="623">
                  <c:v>10.5</c:v>
                </c:pt>
                <c:pt idx="624">
                  <c:v>10.516667000000012</c:v>
                </c:pt>
                <c:pt idx="625">
                  <c:v>10.533334000000011</c:v>
                </c:pt>
                <c:pt idx="626">
                  <c:v>10.550000000000011</c:v>
                </c:pt>
                <c:pt idx="627">
                  <c:v>10.56666700000001</c:v>
                </c:pt>
                <c:pt idx="628">
                  <c:v>10.583334000000008</c:v>
                </c:pt>
                <c:pt idx="629">
                  <c:v>10.600000000000009</c:v>
                </c:pt>
                <c:pt idx="630">
                  <c:v>10.616667000000007</c:v>
                </c:pt>
                <c:pt idx="631">
                  <c:v>10.633334000000005</c:v>
                </c:pt>
                <c:pt idx="632">
                  <c:v>10.650000000000006</c:v>
                </c:pt>
                <c:pt idx="633">
                  <c:v>10.666667000000004</c:v>
                </c:pt>
                <c:pt idx="634">
                  <c:v>10.683334000000002</c:v>
                </c:pt>
                <c:pt idx="635">
                  <c:v>10.700000000000003</c:v>
                </c:pt>
                <c:pt idx="636">
                  <c:v>10.716667000000001</c:v>
                </c:pt>
                <c:pt idx="637">
                  <c:v>10.733334000000013</c:v>
                </c:pt>
                <c:pt idx="638">
                  <c:v>10.75</c:v>
                </c:pt>
                <c:pt idx="639">
                  <c:v>10.766667000000012</c:v>
                </c:pt>
                <c:pt idx="640">
                  <c:v>10.783334000000011</c:v>
                </c:pt>
                <c:pt idx="641">
                  <c:v>10.800000000000011</c:v>
                </c:pt>
                <c:pt idx="642">
                  <c:v>10.81666700000001</c:v>
                </c:pt>
                <c:pt idx="643">
                  <c:v>10.833334000000008</c:v>
                </c:pt>
                <c:pt idx="644">
                  <c:v>10.850000000000009</c:v>
                </c:pt>
                <c:pt idx="645">
                  <c:v>10.866667000000007</c:v>
                </c:pt>
                <c:pt idx="646">
                  <c:v>10.883334000000005</c:v>
                </c:pt>
                <c:pt idx="647">
                  <c:v>10.900000000000006</c:v>
                </c:pt>
                <c:pt idx="648">
                  <c:v>10.916667000000004</c:v>
                </c:pt>
                <c:pt idx="649">
                  <c:v>10.933334000000002</c:v>
                </c:pt>
                <c:pt idx="650">
                  <c:v>10.950000000000003</c:v>
                </c:pt>
                <c:pt idx="651">
                  <c:v>10.966667000000001</c:v>
                </c:pt>
                <c:pt idx="652">
                  <c:v>10.983334000000013</c:v>
                </c:pt>
                <c:pt idx="653">
                  <c:v>11</c:v>
                </c:pt>
                <c:pt idx="654">
                  <c:v>11.016667000000012</c:v>
                </c:pt>
                <c:pt idx="655">
                  <c:v>11.033334000000011</c:v>
                </c:pt>
                <c:pt idx="656">
                  <c:v>11.050000000000011</c:v>
                </c:pt>
                <c:pt idx="657">
                  <c:v>11.06666700000001</c:v>
                </c:pt>
                <c:pt idx="658">
                  <c:v>11.083334000000008</c:v>
                </c:pt>
                <c:pt idx="659">
                  <c:v>11.100000000000009</c:v>
                </c:pt>
                <c:pt idx="660">
                  <c:v>11.116667000000007</c:v>
                </c:pt>
                <c:pt idx="661">
                  <c:v>11.133334000000005</c:v>
                </c:pt>
                <c:pt idx="662">
                  <c:v>11.150000000000006</c:v>
                </c:pt>
                <c:pt idx="663">
                  <c:v>11.166667000000004</c:v>
                </c:pt>
                <c:pt idx="664">
                  <c:v>11.183334000000002</c:v>
                </c:pt>
                <c:pt idx="665">
                  <c:v>11.200000000000003</c:v>
                </c:pt>
                <c:pt idx="666">
                  <c:v>11.216667000000001</c:v>
                </c:pt>
                <c:pt idx="667">
                  <c:v>11.233334000000013</c:v>
                </c:pt>
                <c:pt idx="668">
                  <c:v>11.25</c:v>
                </c:pt>
                <c:pt idx="669">
                  <c:v>11.266667000000012</c:v>
                </c:pt>
                <c:pt idx="670">
                  <c:v>11.283334000000011</c:v>
                </c:pt>
                <c:pt idx="671">
                  <c:v>11.300000000000011</c:v>
                </c:pt>
                <c:pt idx="672">
                  <c:v>11.31666700000001</c:v>
                </c:pt>
                <c:pt idx="673">
                  <c:v>11.333334000000008</c:v>
                </c:pt>
                <c:pt idx="674">
                  <c:v>11.350000000000009</c:v>
                </c:pt>
                <c:pt idx="675">
                  <c:v>11.366667000000007</c:v>
                </c:pt>
                <c:pt idx="676">
                  <c:v>11.383334000000005</c:v>
                </c:pt>
                <c:pt idx="677">
                  <c:v>11.400000000000006</c:v>
                </c:pt>
                <c:pt idx="678">
                  <c:v>11.416667000000004</c:v>
                </c:pt>
                <c:pt idx="679">
                  <c:v>11.433334000000002</c:v>
                </c:pt>
                <c:pt idx="680">
                  <c:v>11.450000000000003</c:v>
                </c:pt>
                <c:pt idx="681">
                  <c:v>11.466667000000001</c:v>
                </c:pt>
                <c:pt idx="682">
                  <c:v>11.483334000000013</c:v>
                </c:pt>
                <c:pt idx="683">
                  <c:v>11.5</c:v>
                </c:pt>
                <c:pt idx="684">
                  <c:v>11.516667000000012</c:v>
                </c:pt>
                <c:pt idx="685">
                  <c:v>11.533334000000011</c:v>
                </c:pt>
                <c:pt idx="686">
                  <c:v>11.550000000000011</c:v>
                </c:pt>
                <c:pt idx="687">
                  <c:v>11.56666700000001</c:v>
                </c:pt>
                <c:pt idx="688">
                  <c:v>11.583334000000008</c:v>
                </c:pt>
                <c:pt idx="689">
                  <c:v>11.600000000000009</c:v>
                </c:pt>
                <c:pt idx="690">
                  <c:v>11.616667000000007</c:v>
                </c:pt>
                <c:pt idx="691">
                  <c:v>11.633334000000005</c:v>
                </c:pt>
                <c:pt idx="692">
                  <c:v>11.650000000000006</c:v>
                </c:pt>
                <c:pt idx="693">
                  <c:v>11.666667000000004</c:v>
                </c:pt>
                <c:pt idx="694">
                  <c:v>11.683334000000002</c:v>
                </c:pt>
                <c:pt idx="695">
                  <c:v>11.700000000000003</c:v>
                </c:pt>
                <c:pt idx="696">
                  <c:v>11.716667000000001</c:v>
                </c:pt>
                <c:pt idx="697">
                  <c:v>11.733334000000013</c:v>
                </c:pt>
                <c:pt idx="698">
                  <c:v>11.75</c:v>
                </c:pt>
                <c:pt idx="699">
                  <c:v>11.766667000000012</c:v>
                </c:pt>
                <c:pt idx="700">
                  <c:v>11.783334000000011</c:v>
                </c:pt>
                <c:pt idx="701">
                  <c:v>11.800000000000011</c:v>
                </c:pt>
                <c:pt idx="702">
                  <c:v>11.81666700000001</c:v>
                </c:pt>
                <c:pt idx="703">
                  <c:v>11.833334000000008</c:v>
                </c:pt>
                <c:pt idx="704">
                  <c:v>11.850000000000009</c:v>
                </c:pt>
                <c:pt idx="705">
                  <c:v>11.866667000000007</c:v>
                </c:pt>
                <c:pt idx="706">
                  <c:v>11.883334000000005</c:v>
                </c:pt>
                <c:pt idx="707">
                  <c:v>11.900000000000006</c:v>
                </c:pt>
                <c:pt idx="708">
                  <c:v>11.916667000000004</c:v>
                </c:pt>
                <c:pt idx="709">
                  <c:v>11.933334000000002</c:v>
                </c:pt>
                <c:pt idx="710">
                  <c:v>11.950000000000003</c:v>
                </c:pt>
                <c:pt idx="711">
                  <c:v>11.966667000000001</c:v>
                </c:pt>
                <c:pt idx="712">
                  <c:v>11.983334000000013</c:v>
                </c:pt>
                <c:pt idx="713">
                  <c:v>12</c:v>
                </c:pt>
                <c:pt idx="714">
                  <c:v>12.016667000000012</c:v>
                </c:pt>
                <c:pt idx="715">
                  <c:v>12.033334000000011</c:v>
                </c:pt>
                <c:pt idx="716">
                  <c:v>12.050000000000011</c:v>
                </c:pt>
                <c:pt idx="717">
                  <c:v>12.06666700000001</c:v>
                </c:pt>
                <c:pt idx="718">
                  <c:v>12.083334000000008</c:v>
                </c:pt>
                <c:pt idx="719">
                  <c:v>12.100000000000009</c:v>
                </c:pt>
                <c:pt idx="720">
                  <c:v>12.116667000000007</c:v>
                </c:pt>
                <c:pt idx="721">
                  <c:v>12.133334000000005</c:v>
                </c:pt>
                <c:pt idx="722">
                  <c:v>12.150000000000006</c:v>
                </c:pt>
                <c:pt idx="723">
                  <c:v>12.166667000000004</c:v>
                </c:pt>
                <c:pt idx="724">
                  <c:v>12.183334000000002</c:v>
                </c:pt>
                <c:pt idx="725">
                  <c:v>12.200000000000003</c:v>
                </c:pt>
                <c:pt idx="726">
                  <c:v>12.216667000000001</c:v>
                </c:pt>
                <c:pt idx="727">
                  <c:v>12.233334000000013</c:v>
                </c:pt>
                <c:pt idx="728">
                  <c:v>12.25</c:v>
                </c:pt>
                <c:pt idx="729">
                  <c:v>12.266667000000012</c:v>
                </c:pt>
                <c:pt idx="730">
                  <c:v>12.283334000000011</c:v>
                </c:pt>
                <c:pt idx="731">
                  <c:v>12.300000000000011</c:v>
                </c:pt>
                <c:pt idx="732">
                  <c:v>12.31666700000001</c:v>
                </c:pt>
                <c:pt idx="733">
                  <c:v>12.333334000000008</c:v>
                </c:pt>
                <c:pt idx="734">
                  <c:v>12.350000000000009</c:v>
                </c:pt>
                <c:pt idx="735">
                  <c:v>12.366667000000007</c:v>
                </c:pt>
                <c:pt idx="736">
                  <c:v>12.383334000000005</c:v>
                </c:pt>
                <c:pt idx="737">
                  <c:v>12.400000000000006</c:v>
                </c:pt>
                <c:pt idx="738">
                  <c:v>12.416667000000004</c:v>
                </c:pt>
                <c:pt idx="739">
                  <c:v>12.433334000000002</c:v>
                </c:pt>
                <c:pt idx="740">
                  <c:v>12.450000000000003</c:v>
                </c:pt>
                <c:pt idx="741">
                  <c:v>12.466667000000001</c:v>
                </c:pt>
                <c:pt idx="742">
                  <c:v>12.483334000000013</c:v>
                </c:pt>
                <c:pt idx="743">
                  <c:v>12.5</c:v>
                </c:pt>
                <c:pt idx="744">
                  <c:v>12.516667000000012</c:v>
                </c:pt>
                <c:pt idx="745">
                  <c:v>12.533334000000011</c:v>
                </c:pt>
                <c:pt idx="746">
                  <c:v>12.550000000000011</c:v>
                </c:pt>
                <c:pt idx="747">
                  <c:v>12.56666700000001</c:v>
                </c:pt>
                <c:pt idx="748">
                  <c:v>12.583334000000008</c:v>
                </c:pt>
                <c:pt idx="749">
                  <c:v>12.600000000000009</c:v>
                </c:pt>
                <c:pt idx="750">
                  <c:v>12.616667000000007</c:v>
                </c:pt>
                <c:pt idx="751">
                  <c:v>12.633334000000005</c:v>
                </c:pt>
                <c:pt idx="752">
                  <c:v>12.650000000000006</c:v>
                </c:pt>
                <c:pt idx="753">
                  <c:v>12.666667000000004</c:v>
                </c:pt>
                <c:pt idx="754">
                  <c:v>12.683334000000002</c:v>
                </c:pt>
                <c:pt idx="755">
                  <c:v>12.700000000000003</c:v>
                </c:pt>
                <c:pt idx="756">
                  <c:v>12.716667000000001</c:v>
                </c:pt>
                <c:pt idx="757">
                  <c:v>12.733334000000013</c:v>
                </c:pt>
                <c:pt idx="758">
                  <c:v>12.75</c:v>
                </c:pt>
                <c:pt idx="759">
                  <c:v>12.766667000000012</c:v>
                </c:pt>
                <c:pt idx="760">
                  <c:v>12.783334000000011</c:v>
                </c:pt>
                <c:pt idx="761">
                  <c:v>12.800000000000011</c:v>
                </c:pt>
                <c:pt idx="762">
                  <c:v>12.81666700000001</c:v>
                </c:pt>
                <c:pt idx="763">
                  <c:v>12.833334000000008</c:v>
                </c:pt>
                <c:pt idx="764">
                  <c:v>12.850000000000009</c:v>
                </c:pt>
                <c:pt idx="765">
                  <c:v>12.866667000000007</c:v>
                </c:pt>
                <c:pt idx="766">
                  <c:v>12.883334000000005</c:v>
                </c:pt>
                <c:pt idx="767">
                  <c:v>12.900000000000006</c:v>
                </c:pt>
                <c:pt idx="768">
                  <c:v>12.916667000000004</c:v>
                </c:pt>
                <c:pt idx="769">
                  <c:v>12.933334000000002</c:v>
                </c:pt>
                <c:pt idx="770">
                  <c:v>12.950000000000003</c:v>
                </c:pt>
                <c:pt idx="771">
                  <c:v>12.966667000000001</c:v>
                </c:pt>
                <c:pt idx="772">
                  <c:v>12.983334000000013</c:v>
                </c:pt>
                <c:pt idx="773">
                  <c:v>13</c:v>
                </c:pt>
                <c:pt idx="774">
                  <c:v>13.016667000000012</c:v>
                </c:pt>
                <c:pt idx="775">
                  <c:v>13.033334000000011</c:v>
                </c:pt>
                <c:pt idx="776">
                  <c:v>13.050000000000011</c:v>
                </c:pt>
                <c:pt idx="777">
                  <c:v>13.06666700000001</c:v>
                </c:pt>
                <c:pt idx="778">
                  <c:v>13.083334000000008</c:v>
                </c:pt>
                <c:pt idx="779">
                  <c:v>13.100000000000009</c:v>
                </c:pt>
                <c:pt idx="780">
                  <c:v>13.116667000000007</c:v>
                </c:pt>
                <c:pt idx="781">
                  <c:v>13.133334000000005</c:v>
                </c:pt>
                <c:pt idx="782">
                  <c:v>13.150000000000006</c:v>
                </c:pt>
                <c:pt idx="783">
                  <c:v>13.166667000000004</c:v>
                </c:pt>
                <c:pt idx="784">
                  <c:v>13.183334000000002</c:v>
                </c:pt>
                <c:pt idx="785">
                  <c:v>13.200000000000003</c:v>
                </c:pt>
                <c:pt idx="786">
                  <c:v>13.216667000000001</c:v>
                </c:pt>
                <c:pt idx="787">
                  <c:v>13.233334000000013</c:v>
                </c:pt>
                <c:pt idx="788">
                  <c:v>13.25</c:v>
                </c:pt>
                <c:pt idx="789">
                  <c:v>13.266667000000012</c:v>
                </c:pt>
                <c:pt idx="790">
                  <c:v>13.283334000000011</c:v>
                </c:pt>
                <c:pt idx="791">
                  <c:v>13.300000000000011</c:v>
                </c:pt>
                <c:pt idx="792">
                  <c:v>13.31666700000001</c:v>
                </c:pt>
                <c:pt idx="793">
                  <c:v>13.333334000000008</c:v>
                </c:pt>
                <c:pt idx="794">
                  <c:v>13.350000000000009</c:v>
                </c:pt>
                <c:pt idx="795">
                  <c:v>13.366667000000007</c:v>
                </c:pt>
                <c:pt idx="796">
                  <c:v>13.383334000000005</c:v>
                </c:pt>
                <c:pt idx="797">
                  <c:v>13.400000000000006</c:v>
                </c:pt>
                <c:pt idx="798">
                  <c:v>13.416667000000004</c:v>
                </c:pt>
                <c:pt idx="799">
                  <c:v>13.433334000000002</c:v>
                </c:pt>
                <c:pt idx="800">
                  <c:v>13.450000000000003</c:v>
                </c:pt>
                <c:pt idx="801">
                  <c:v>13.466667000000001</c:v>
                </c:pt>
                <c:pt idx="802">
                  <c:v>13.483334000000013</c:v>
                </c:pt>
                <c:pt idx="803">
                  <c:v>13.5</c:v>
                </c:pt>
                <c:pt idx="804">
                  <c:v>13.516667000000012</c:v>
                </c:pt>
                <c:pt idx="805">
                  <c:v>13.533334000000011</c:v>
                </c:pt>
                <c:pt idx="806">
                  <c:v>13.550000000000011</c:v>
                </c:pt>
                <c:pt idx="807">
                  <c:v>13.56666700000001</c:v>
                </c:pt>
                <c:pt idx="808">
                  <c:v>13.583334000000008</c:v>
                </c:pt>
                <c:pt idx="809">
                  <c:v>13.600000000000009</c:v>
                </c:pt>
                <c:pt idx="810">
                  <c:v>13.616667000000007</c:v>
                </c:pt>
                <c:pt idx="811">
                  <c:v>13.633334000000005</c:v>
                </c:pt>
                <c:pt idx="812">
                  <c:v>13.650000000000006</c:v>
                </c:pt>
                <c:pt idx="813">
                  <c:v>13.666667000000004</c:v>
                </c:pt>
                <c:pt idx="814">
                  <c:v>13.683334000000002</c:v>
                </c:pt>
                <c:pt idx="815">
                  <c:v>13.700000000000003</c:v>
                </c:pt>
                <c:pt idx="816">
                  <c:v>13.716667000000001</c:v>
                </c:pt>
                <c:pt idx="817">
                  <c:v>13.733334000000013</c:v>
                </c:pt>
                <c:pt idx="818">
                  <c:v>13.75</c:v>
                </c:pt>
                <c:pt idx="819">
                  <c:v>13.766667000000012</c:v>
                </c:pt>
                <c:pt idx="820">
                  <c:v>13.783334000000011</c:v>
                </c:pt>
                <c:pt idx="821">
                  <c:v>13.800000000000011</c:v>
                </c:pt>
                <c:pt idx="822">
                  <c:v>13.81666700000001</c:v>
                </c:pt>
                <c:pt idx="823">
                  <c:v>13.833334000000008</c:v>
                </c:pt>
                <c:pt idx="824">
                  <c:v>13.850000000000009</c:v>
                </c:pt>
                <c:pt idx="825">
                  <c:v>13.866667000000007</c:v>
                </c:pt>
                <c:pt idx="826">
                  <c:v>13.883334000000005</c:v>
                </c:pt>
                <c:pt idx="827">
                  <c:v>13.900000000000006</c:v>
                </c:pt>
                <c:pt idx="828">
                  <c:v>13.916667000000004</c:v>
                </c:pt>
                <c:pt idx="829">
                  <c:v>13.933334000000002</c:v>
                </c:pt>
                <c:pt idx="830">
                  <c:v>13.950000000000003</c:v>
                </c:pt>
                <c:pt idx="831">
                  <c:v>13.966667000000001</c:v>
                </c:pt>
                <c:pt idx="832">
                  <c:v>13.983334000000013</c:v>
                </c:pt>
                <c:pt idx="833">
                  <c:v>14</c:v>
                </c:pt>
                <c:pt idx="834">
                  <c:v>14.016667000000012</c:v>
                </c:pt>
                <c:pt idx="835">
                  <c:v>14.033334000000011</c:v>
                </c:pt>
                <c:pt idx="836">
                  <c:v>14.050000000000011</c:v>
                </c:pt>
                <c:pt idx="837">
                  <c:v>14.06666700000001</c:v>
                </c:pt>
                <c:pt idx="838">
                  <c:v>14.083334000000008</c:v>
                </c:pt>
                <c:pt idx="839">
                  <c:v>14.100000000000009</c:v>
                </c:pt>
                <c:pt idx="840">
                  <c:v>14.116667000000007</c:v>
                </c:pt>
                <c:pt idx="841">
                  <c:v>14.133334000000005</c:v>
                </c:pt>
                <c:pt idx="842">
                  <c:v>14.150000000000006</c:v>
                </c:pt>
                <c:pt idx="843">
                  <c:v>14.166667000000004</c:v>
                </c:pt>
                <c:pt idx="844">
                  <c:v>14.183334000000002</c:v>
                </c:pt>
                <c:pt idx="845">
                  <c:v>14.200000000000003</c:v>
                </c:pt>
                <c:pt idx="846">
                  <c:v>14.216667000000001</c:v>
                </c:pt>
                <c:pt idx="847">
                  <c:v>14.233334000000013</c:v>
                </c:pt>
                <c:pt idx="848">
                  <c:v>14.25</c:v>
                </c:pt>
                <c:pt idx="849">
                  <c:v>14.266667000000012</c:v>
                </c:pt>
                <c:pt idx="850">
                  <c:v>14.283334000000011</c:v>
                </c:pt>
                <c:pt idx="851">
                  <c:v>14.300000000000011</c:v>
                </c:pt>
                <c:pt idx="852">
                  <c:v>14.31666700000001</c:v>
                </c:pt>
                <c:pt idx="853">
                  <c:v>14.333334000000008</c:v>
                </c:pt>
                <c:pt idx="854">
                  <c:v>14.350000000000009</c:v>
                </c:pt>
                <c:pt idx="855">
                  <c:v>14.366667000000007</c:v>
                </c:pt>
                <c:pt idx="856">
                  <c:v>14.383334000000005</c:v>
                </c:pt>
                <c:pt idx="857">
                  <c:v>14.400000000000006</c:v>
                </c:pt>
                <c:pt idx="858">
                  <c:v>14.416667000000004</c:v>
                </c:pt>
                <c:pt idx="859">
                  <c:v>14.433334000000002</c:v>
                </c:pt>
                <c:pt idx="860">
                  <c:v>14.450000000000003</c:v>
                </c:pt>
                <c:pt idx="861">
                  <c:v>14.466667000000001</c:v>
                </c:pt>
                <c:pt idx="862">
                  <c:v>14.483334000000013</c:v>
                </c:pt>
                <c:pt idx="863">
                  <c:v>14.5</c:v>
                </c:pt>
                <c:pt idx="864">
                  <c:v>14.516667000000012</c:v>
                </c:pt>
                <c:pt idx="865">
                  <c:v>14.533334000000011</c:v>
                </c:pt>
                <c:pt idx="866">
                  <c:v>14.550000000000011</c:v>
                </c:pt>
                <c:pt idx="867">
                  <c:v>14.56666700000001</c:v>
                </c:pt>
                <c:pt idx="868">
                  <c:v>14.583334000000008</c:v>
                </c:pt>
                <c:pt idx="869">
                  <c:v>14.600000000000009</c:v>
                </c:pt>
                <c:pt idx="870">
                  <c:v>14.616667000000007</c:v>
                </c:pt>
                <c:pt idx="871">
                  <c:v>14.633334000000005</c:v>
                </c:pt>
                <c:pt idx="872">
                  <c:v>14.650000000000006</c:v>
                </c:pt>
                <c:pt idx="873">
                  <c:v>14.666667000000004</c:v>
                </c:pt>
                <c:pt idx="874">
                  <c:v>14.683334000000002</c:v>
                </c:pt>
                <c:pt idx="875">
                  <c:v>14.700000000000003</c:v>
                </c:pt>
                <c:pt idx="876">
                  <c:v>14.716667000000001</c:v>
                </c:pt>
                <c:pt idx="877">
                  <c:v>14.733334000000013</c:v>
                </c:pt>
                <c:pt idx="878">
                  <c:v>14.75</c:v>
                </c:pt>
                <c:pt idx="879">
                  <c:v>14.766667000000012</c:v>
                </c:pt>
                <c:pt idx="880">
                  <c:v>14.783334000000011</c:v>
                </c:pt>
                <c:pt idx="881">
                  <c:v>14.800000000000011</c:v>
                </c:pt>
                <c:pt idx="882">
                  <c:v>14.81666700000001</c:v>
                </c:pt>
                <c:pt idx="883">
                  <c:v>14.833334000000008</c:v>
                </c:pt>
                <c:pt idx="884">
                  <c:v>14.850000000000009</c:v>
                </c:pt>
                <c:pt idx="885">
                  <c:v>14.866667000000007</c:v>
                </c:pt>
                <c:pt idx="886">
                  <c:v>14.883334000000005</c:v>
                </c:pt>
                <c:pt idx="887">
                  <c:v>14.900000000000006</c:v>
                </c:pt>
                <c:pt idx="888">
                  <c:v>14.916667000000004</c:v>
                </c:pt>
                <c:pt idx="889">
                  <c:v>14.933334000000002</c:v>
                </c:pt>
                <c:pt idx="890">
                  <c:v>14.950000000000003</c:v>
                </c:pt>
                <c:pt idx="891">
                  <c:v>14.966667000000001</c:v>
                </c:pt>
                <c:pt idx="892">
                  <c:v>14.983334000000013</c:v>
                </c:pt>
                <c:pt idx="893">
                  <c:v>15</c:v>
                </c:pt>
                <c:pt idx="894">
                  <c:v>15.016667000000012</c:v>
                </c:pt>
                <c:pt idx="895">
                  <c:v>15.033334000000011</c:v>
                </c:pt>
                <c:pt idx="896">
                  <c:v>15.050000000000011</c:v>
                </c:pt>
                <c:pt idx="897">
                  <c:v>15.06666700000001</c:v>
                </c:pt>
                <c:pt idx="898">
                  <c:v>15.083334000000008</c:v>
                </c:pt>
                <c:pt idx="899">
                  <c:v>15.100000000000009</c:v>
                </c:pt>
                <c:pt idx="900">
                  <c:v>15.116667000000007</c:v>
                </c:pt>
                <c:pt idx="901">
                  <c:v>15.133334000000005</c:v>
                </c:pt>
                <c:pt idx="902">
                  <c:v>15.150000000000006</c:v>
                </c:pt>
                <c:pt idx="903">
                  <c:v>15.166667000000004</c:v>
                </c:pt>
                <c:pt idx="904">
                  <c:v>15.183334000000002</c:v>
                </c:pt>
                <c:pt idx="905">
                  <c:v>15.200000000000003</c:v>
                </c:pt>
                <c:pt idx="906">
                  <c:v>15.216667000000001</c:v>
                </c:pt>
                <c:pt idx="907">
                  <c:v>15.233334000000013</c:v>
                </c:pt>
                <c:pt idx="908">
                  <c:v>15.25</c:v>
                </c:pt>
                <c:pt idx="909">
                  <c:v>15.266667000000012</c:v>
                </c:pt>
                <c:pt idx="910">
                  <c:v>15.283334000000011</c:v>
                </c:pt>
                <c:pt idx="911">
                  <c:v>15.300000000000011</c:v>
                </c:pt>
                <c:pt idx="912">
                  <c:v>15.31666700000001</c:v>
                </c:pt>
                <c:pt idx="913">
                  <c:v>15.333334000000008</c:v>
                </c:pt>
                <c:pt idx="914">
                  <c:v>15.350000000000009</c:v>
                </c:pt>
                <c:pt idx="915">
                  <c:v>15.366667000000007</c:v>
                </c:pt>
                <c:pt idx="916">
                  <c:v>15.383334000000005</c:v>
                </c:pt>
                <c:pt idx="917">
                  <c:v>15.400000000000006</c:v>
                </c:pt>
                <c:pt idx="918">
                  <c:v>15.416667000000004</c:v>
                </c:pt>
                <c:pt idx="919">
                  <c:v>15.433334000000002</c:v>
                </c:pt>
                <c:pt idx="920">
                  <c:v>15.450000000000003</c:v>
                </c:pt>
                <c:pt idx="921">
                  <c:v>15.466667000000001</c:v>
                </c:pt>
                <c:pt idx="922">
                  <c:v>15.483334000000013</c:v>
                </c:pt>
                <c:pt idx="923">
                  <c:v>15.5</c:v>
                </c:pt>
                <c:pt idx="924">
                  <c:v>15.516667000000012</c:v>
                </c:pt>
                <c:pt idx="925">
                  <c:v>15.533334000000011</c:v>
                </c:pt>
                <c:pt idx="926">
                  <c:v>15.550000000000011</c:v>
                </c:pt>
                <c:pt idx="927">
                  <c:v>15.56666700000001</c:v>
                </c:pt>
                <c:pt idx="928">
                  <c:v>15.583334000000008</c:v>
                </c:pt>
                <c:pt idx="929">
                  <c:v>15.600000000000009</c:v>
                </c:pt>
                <c:pt idx="930">
                  <c:v>15.616667000000007</c:v>
                </c:pt>
                <c:pt idx="931">
                  <c:v>15.633334000000005</c:v>
                </c:pt>
                <c:pt idx="932">
                  <c:v>15.650000000000006</c:v>
                </c:pt>
                <c:pt idx="933">
                  <c:v>15.666667000000004</c:v>
                </c:pt>
                <c:pt idx="934">
                  <c:v>15.683334000000002</c:v>
                </c:pt>
                <c:pt idx="935">
                  <c:v>15.700000000000003</c:v>
                </c:pt>
                <c:pt idx="936">
                  <c:v>15.716667000000001</c:v>
                </c:pt>
                <c:pt idx="937">
                  <c:v>15.733334000000013</c:v>
                </c:pt>
                <c:pt idx="938">
                  <c:v>15.75</c:v>
                </c:pt>
                <c:pt idx="939">
                  <c:v>15.766667000000012</c:v>
                </c:pt>
                <c:pt idx="940">
                  <c:v>15.783334000000011</c:v>
                </c:pt>
                <c:pt idx="941">
                  <c:v>15.800000000000011</c:v>
                </c:pt>
                <c:pt idx="942">
                  <c:v>15.81666700000001</c:v>
                </c:pt>
                <c:pt idx="943">
                  <c:v>15.833334000000008</c:v>
                </c:pt>
                <c:pt idx="944">
                  <c:v>15.850000000000009</c:v>
                </c:pt>
                <c:pt idx="945">
                  <c:v>15.866667000000007</c:v>
                </c:pt>
                <c:pt idx="946">
                  <c:v>15.883334000000005</c:v>
                </c:pt>
                <c:pt idx="947">
                  <c:v>15.900000000000006</c:v>
                </c:pt>
                <c:pt idx="948">
                  <c:v>15.916667000000004</c:v>
                </c:pt>
                <c:pt idx="949">
                  <c:v>15.933334000000002</c:v>
                </c:pt>
                <c:pt idx="950">
                  <c:v>15.950000000000003</c:v>
                </c:pt>
                <c:pt idx="951">
                  <c:v>15.966667000000001</c:v>
                </c:pt>
                <c:pt idx="952">
                  <c:v>15.983334000000013</c:v>
                </c:pt>
                <c:pt idx="953">
                  <c:v>16</c:v>
                </c:pt>
                <c:pt idx="954">
                  <c:v>16.016667000000012</c:v>
                </c:pt>
                <c:pt idx="955">
                  <c:v>16.033334000000011</c:v>
                </c:pt>
                <c:pt idx="956">
                  <c:v>16.050000000000011</c:v>
                </c:pt>
                <c:pt idx="957">
                  <c:v>16.06666700000001</c:v>
                </c:pt>
                <c:pt idx="958">
                  <c:v>16.083334000000008</c:v>
                </c:pt>
                <c:pt idx="959">
                  <c:v>16.100000000000009</c:v>
                </c:pt>
                <c:pt idx="960">
                  <c:v>16.116667000000007</c:v>
                </c:pt>
                <c:pt idx="961">
                  <c:v>16.133334000000005</c:v>
                </c:pt>
                <c:pt idx="962">
                  <c:v>16.150000000000006</c:v>
                </c:pt>
                <c:pt idx="963">
                  <c:v>16.166667000000004</c:v>
                </c:pt>
                <c:pt idx="964">
                  <c:v>16.183334000000002</c:v>
                </c:pt>
                <c:pt idx="965">
                  <c:v>16.200000000000003</c:v>
                </c:pt>
                <c:pt idx="966">
                  <c:v>16.216667000000001</c:v>
                </c:pt>
                <c:pt idx="967">
                  <c:v>16.233334000000013</c:v>
                </c:pt>
                <c:pt idx="968">
                  <c:v>16.25</c:v>
                </c:pt>
                <c:pt idx="969">
                  <c:v>16.266667000000012</c:v>
                </c:pt>
                <c:pt idx="970">
                  <c:v>16.283334000000011</c:v>
                </c:pt>
                <c:pt idx="971">
                  <c:v>16.300000000000011</c:v>
                </c:pt>
                <c:pt idx="972">
                  <c:v>16.31666700000001</c:v>
                </c:pt>
                <c:pt idx="973">
                  <c:v>16.333334000000008</c:v>
                </c:pt>
                <c:pt idx="974">
                  <c:v>16.350000000000009</c:v>
                </c:pt>
                <c:pt idx="975">
                  <c:v>16.366667000000007</c:v>
                </c:pt>
                <c:pt idx="976">
                  <c:v>16.383334000000005</c:v>
                </c:pt>
                <c:pt idx="977">
                  <c:v>16.400000000000006</c:v>
                </c:pt>
                <c:pt idx="978">
                  <c:v>16.416667000000004</c:v>
                </c:pt>
                <c:pt idx="979">
                  <c:v>16.433334000000002</c:v>
                </c:pt>
                <c:pt idx="980">
                  <c:v>16.450000000000003</c:v>
                </c:pt>
                <c:pt idx="981">
                  <c:v>16.466667000000001</c:v>
                </c:pt>
                <c:pt idx="982">
                  <c:v>16.483334000000013</c:v>
                </c:pt>
                <c:pt idx="983">
                  <c:v>16.5</c:v>
                </c:pt>
                <c:pt idx="984">
                  <c:v>16.516667000000012</c:v>
                </c:pt>
                <c:pt idx="985">
                  <c:v>16.533334000000011</c:v>
                </c:pt>
                <c:pt idx="986">
                  <c:v>16.550000000000011</c:v>
                </c:pt>
                <c:pt idx="987">
                  <c:v>16.56666700000001</c:v>
                </c:pt>
                <c:pt idx="988">
                  <c:v>16.583334000000008</c:v>
                </c:pt>
                <c:pt idx="989">
                  <c:v>16.600000000000009</c:v>
                </c:pt>
                <c:pt idx="990">
                  <c:v>16.616667000000007</c:v>
                </c:pt>
                <c:pt idx="991">
                  <c:v>16.633334000000005</c:v>
                </c:pt>
                <c:pt idx="992">
                  <c:v>16.650000000000006</c:v>
                </c:pt>
                <c:pt idx="993">
                  <c:v>16.666667000000004</c:v>
                </c:pt>
                <c:pt idx="994">
                  <c:v>16.683334000000002</c:v>
                </c:pt>
                <c:pt idx="995">
                  <c:v>16.700000000000003</c:v>
                </c:pt>
                <c:pt idx="996">
                  <c:v>16.716667000000001</c:v>
                </c:pt>
                <c:pt idx="997">
                  <c:v>16.733334000000013</c:v>
                </c:pt>
                <c:pt idx="998">
                  <c:v>16.75</c:v>
                </c:pt>
                <c:pt idx="999">
                  <c:v>16.766667000000012</c:v>
                </c:pt>
                <c:pt idx="1000">
                  <c:v>16.783334000000011</c:v>
                </c:pt>
                <c:pt idx="1001">
                  <c:v>16.800000000000011</c:v>
                </c:pt>
                <c:pt idx="1002">
                  <c:v>16.81666700000001</c:v>
                </c:pt>
                <c:pt idx="1003">
                  <c:v>16.833334000000008</c:v>
                </c:pt>
                <c:pt idx="1004">
                  <c:v>16.850000000000009</c:v>
                </c:pt>
                <c:pt idx="1005">
                  <c:v>16.866667000000007</c:v>
                </c:pt>
                <c:pt idx="1006">
                  <c:v>16.883334000000005</c:v>
                </c:pt>
                <c:pt idx="1007">
                  <c:v>16.900000000000006</c:v>
                </c:pt>
                <c:pt idx="1008">
                  <c:v>16.916667000000004</c:v>
                </c:pt>
                <c:pt idx="1009">
                  <c:v>16.933334000000002</c:v>
                </c:pt>
                <c:pt idx="1010">
                  <c:v>16.950000000000003</c:v>
                </c:pt>
                <c:pt idx="1011">
                  <c:v>16.966667000000001</c:v>
                </c:pt>
                <c:pt idx="1012">
                  <c:v>16.983334000000013</c:v>
                </c:pt>
                <c:pt idx="1013">
                  <c:v>17</c:v>
                </c:pt>
                <c:pt idx="1014">
                  <c:v>17.016667000000012</c:v>
                </c:pt>
                <c:pt idx="1015">
                  <c:v>17.033334000000011</c:v>
                </c:pt>
                <c:pt idx="1016">
                  <c:v>17.050000000000011</c:v>
                </c:pt>
                <c:pt idx="1017">
                  <c:v>17.06666700000001</c:v>
                </c:pt>
                <c:pt idx="1018">
                  <c:v>17.083334000000008</c:v>
                </c:pt>
                <c:pt idx="1019">
                  <c:v>17.100000000000009</c:v>
                </c:pt>
                <c:pt idx="1020">
                  <c:v>17.116667000000007</c:v>
                </c:pt>
                <c:pt idx="1021">
                  <c:v>17.133334000000005</c:v>
                </c:pt>
                <c:pt idx="1022">
                  <c:v>17.150000000000006</c:v>
                </c:pt>
                <c:pt idx="1023">
                  <c:v>17.166667000000004</c:v>
                </c:pt>
                <c:pt idx="1024">
                  <c:v>17.183334000000002</c:v>
                </c:pt>
                <c:pt idx="1025">
                  <c:v>17.200000000000003</c:v>
                </c:pt>
                <c:pt idx="1026">
                  <c:v>17.216667000000001</c:v>
                </c:pt>
                <c:pt idx="1027">
                  <c:v>17.233334000000013</c:v>
                </c:pt>
                <c:pt idx="1028">
                  <c:v>17.25</c:v>
                </c:pt>
                <c:pt idx="1029">
                  <c:v>17.266667000000012</c:v>
                </c:pt>
                <c:pt idx="1030">
                  <c:v>17.283334000000011</c:v>
                </c:pt>
                <c:pt idx="1031">
                  <c:v>17.300000000000011</c:v>
                </c:pt>
                <c:pt idx="1032">
                  <c:v>17.31666700000001</c:v>
                </c:pt>
                <c:pt idx="1033">
                  <c:v>17.333334000000008</c:v>
                </c:pt>
                <c:pt idx="1034">
                  <c:v>17.350000000000009</c:v>
                </c:pt>
                <c:pt idx="1035">
                  <c:v>17.366667000000007</c:v>
                </c:pt>
                <c:pt idx="1036">
                  <c:v>17.383334000000005</c:v>
                </c:pt>
                <c:pt idx="1037">
                  <c:v>17.400000000000006</c:v>
                </c:pt>
                <c:pt idx="1038">
                  <c:v>17.416667000000004</c:v>
                </c:pt>
                <c:pt idx="1039">
                  <c:v>17.433334000000002</c:v>
                </c:pt>
                <c:pt idx="1040">
                  <c:v>17.450000000000003</c:v>
                </c:pt>
                <c:pt idx="1041">
                  <c:v>17.466667000000001</c:v>
                </c:pt>
                <c:pt idx="1042">
                  <c:v>17.483334000000013</c:v>
                </c:pt>
                <c:pt idx="1043">
                  <c:v>17.5</c:v>
                </c:pt>
                <c:pt idx="1044">
                  <c:v>17.516667000000012</c:v>
                </c:pt>
                <c:pt idx="1045">
                  <c:v>17.533334000000011</c:v>
                </c:pt>
                <c:pt idx="1046">
                  <c:v>17.550000000000011</c:v>
                </c:pt>
                <c:pt idx="1047">
                  <c:v>17.56666700000001</c:v>
                </c:pt>
                <c:pt idx="1048">
                  <c:v>17.583334000000008</c:v>
                </c:pt>
                <c:pt idx="1049">
                  <c:v>17.600000000000009</c:v>
                </c:pt>
                <c:pt idx="1050">
                  <c:v>17.616667000000007</c:v>
                </c:pt>
                <c:pt idx="1051">
                  <c:v>17.633334000000005</c:v>
                </c:pt>
                <c:pt idx="1052">
                  <c:v>17.650000000000006</c:v>
                </c:pt>
                <c:pt idx="1053">
                  <c:v>17.666667000000004</c:v>
                </c:pt>
                <c:pt idx="1054">
                  <c:v>17.683334000000002</c:v>
                </c:pt>
                <c:pt idx="1055">
                  <c:v>17.700000000000003</c:v>
                </c:pt>
                <c:pt idx="1056">
                  <c:v>17.716667000000001</c:v>
                </c:pt>
                <c:pt idx="1057">
                  <c:v>17.733334000000013</c:v>
                </c:pt>
                <c:pt idx="1058">
                  <c:v>17.75</c:v>
                </c:pt>
                <c:pt idx="1059">
                  <c:v>17.766667000000012</c:v>
                </c:pt>
                <c:pt idx="1060">
                  <c:v>17.783334000000011</c:v>
                </c:pt>
                <c:pt idx="1061">
                  <c:v>17.800000000000011</c:v>
                </c:pt>
                <c:pt idx="1062">
                  <c:v>17.81666700000001</c:v>
                </c:pt>
                <c:pt idx="1063">
                  <c:v>17.833334000000008</c:v>
                </c:pt>
                <c:pt idx="1064">
                  <c:v>17.850000000000009</c:v>
                </c:pt>
                <c:pt idx="1065">
                  <c:v>17.866667000000007</c:v>
                </c:pt>
                <c:pt idx="1066">
                  <c:v>17.883334000000005</c:v>
                </c:pt>
                <c:pt idx="1067">
                  <c:v>17.900000000000006</c:v>
                </c:pt>
                <c:pt idx="1068">
                  <c:v>17.916667000000004</c:v>
                </c:pt>
                <c:pt idx="1069">
                  <c:v>17.933334000000002</c:v>
                </c:pt>
                <c:pt idx="1070">
                  <c:v>17.950000000000003</c:v>
                </c:pt>
                <c:pt idx="1071">
                  <c:v>17.966667000000001</c:v>
                </c:pt>
                <c:pt idx="1072">
                  <c:v>17.983334000000013</c:v>
                </c:pt>
                <c:pt idx="1073">
                  <c:v>18</c:v>
                </c:pt>
                <c:pt idx="1074">
                  <c:v>18.016667000000012</c:v>
                </c:pt>
                <c:pt idx="1075">
                  <c:v>18.033334000000011</c:v>
                </c:pt>
                <c:pt idx="1076">
                  <c:v>18.050000000000011</c:v>
                </c:pt>
                <c:pt idx="1077">
                  <c:v>18.06666700000001</c:v>
                </c:pt>
                <c:pt idx="1078">
                  <c:v>18.083334000000008</c:v>
                </c:pt>
                <c:pt idx="1079">
                  <c:v>18.100000000000009</c:v>
                </c:pt>
                <c:pt idx="1080">
                  <c:v>18.116667000000007</c:v>
                </c:pt>
                <c:pt idx="1081">
                  <c:v>18.133334000000005</c:v>
                </c:pt>
                <c:pt idx="1082">
                  <c:v>18.150000000000006</c:v>
                </c:pt>
                <c:pt idx="1083">
                  <c:v>18.166667000000004</c:v>
                </c:pt>
                <c:pt idx="1084">
                  <c:v>18.183334000000002</c:v>
                </c:pt>
                <c:pt idx="1085">
                  <c:v>18.200000000000003</c:v>
                </c:pt>
                <c:pt idx="1086">
                  <c:v>18.216667000000001</c:v>
                </c:pt>
                <c:pt idx="1087">
                  <c:v>18.233334000000013</c:v>
                </c:pt>
                <c:pt idx="1088">
                  <c:v>18.25</c:v>
                </c:pt>
                <c:pt idx="1089">
                  <c:v>18.266667000000012</c:v>
                </c:pt>
                <c:pt idx="1090">
                  <c:v>18.283334000000011</c:v>
                </c:pt>
                <c:pt idx="1091">
                  <c:v>18.300000000000011</c:v>
                </c:pt>
                <c:pt idx="1092">
                  <c:v>18.31666700000001</c:v>
                </c:pt>
                <c:pt idx="1093">
                  <c:v>18.333334000000008</c:v>
                </c:pt>
                <c:pt idx="1094">
                  <c:v>18.350000000000009</c:v>
                </c:pt>
                <c:pt idx="1095">
                  <c:v>18.366667000000007</c:v>
                </c:pt>
                <c:pt idx="1096">
                  <c:v>18.383334000000005</c:v>
                </c:pt>
                <c:pt idx="1097">
                  <c:v>18.400000000000006</c:v>
                </c:pt>
                <c:pt idx="1098">
                  <c:v>18.416667000000004</c:v>
                </c:pt>
                <c:pt idx="1099">
                  <c:v>18.433334000000002</c:v>
                </c:pt>
                <c:pt idx="1100">
                  <c:v>18.450000000000003</c:v>
                </c:pt>
                <c:pt idx="1101">
                  <c:v>18.466667000000001</c:v>
                </c:pt>
                <c:pt idx="1102">
                  <c:v>18.483334000000013</c:v>
                </c:pt>
                <c:pt idx="1103">
                  <c:v>18.5</c:v>
                </c:pt>
                <c:pt idx="1104">
                  <c:v>18.516667000000012</c:v>
                </c:pt>
                <c:pt idx="1105">
                  <c:v>18.533334000000011</c:v>
                </c:pt>
                <c:pt idx="1106">
                  <c:v>18.550000000000011</c:v>
                </c:pt>
                <c:pt idx="1107">
                  <c:v>18.56666700000001</c:v>
                </c:pt>
                <c:pt idx="1108">
                  <c:v>18.583334000000008</c:v>
                </c:pt>
                <c:pt idx="1109">
                  <c:v>18.600000000000009</c:v>
                </c:pt>
                <c:pt idx="1110">
                  <c:v>18.616667000000007</c:v>
                </c:pt>
                <c:pt idx="1111">
                  <c:v>18.633334000000005</c:v>
                </c:pt>
                <c:pt idx="1112">
                  <c:v>18.650000000000006</c:v>
                </c:pt>
                <c:pt idx="1113">
                  <c:v>18.666667000000004</c:v>
                </c:pt>
                <c:pt idx="1114">
                  <c:v>18.683334000000002</c:v>
                </c:pt>
                <c:pt idx="1115">
                  <c:v>18.700000000000003</c:v>
                </c:pt>
                <c:pt idx="1116">
                  <c:v>18.716667000000001</c:v>
                </c:pt>
                <c:pt idx="1117">
                  <c:v>18.733334000000013</c:v>
                </c:pt>
                <c:pt idx="1118">
                  <c:v>18.75</c:v>
                </c:pt>
                <c:pt idx="1119">
                  <c:v>18.766667000000012</c:v>
                </c:pt>
                <c:pt idx="1120">
                  <c:v>18.783334000000011</c:v>
                </c:pt>
                <c:pt idx="1121">
                  <c:v>18.800000000000011</c:v>
                </c:pt>
                <c:pt idx="1122">
                  <c:v>18.81666700000001</c:v>
                </c:pt>
                <c:pt idx="1123">
                  <c:v>18.833334000000008</c:v>
                </c:pt>
                <c:pt idx="1124">
                  <c:v>18.850000000000009</c:v>
                </c:pt>
                <c:pt idx="1125">
                  <c:v>18.866667000000007</c:v>
                </c:pt>
                <c:pt idx="1126">
                  <c:v>18.883334000000005</c:v>
                </c:pt>
                <c:pt idx="1127">
                  <c:v>18.900000000000006</c:v>
                </c:pt>
                <c:pt idx="1128">
                  <c:v>18.916667000000004</c:v>
                </c:pt>
                <c:pt idx="1129">
                  <c:v>18.933334000000002</c:v>
                </c:pt>
                <c:pt idx="1130">
                  <c:v>18.950000000000003</c:v>
                </c:pt>
                <c:pt idx="1131">
                  <c:v>18.966667000000001</c:v>
                </c:pt>
                <c:pt idx="1132">
                  <c:v>18.983334000000013</c:v>
                </c:pt>
                <c:pt idx="1133">
                  <c:v>19</c:v>
                </c:pt>
                <c:pt idx="1134">
                  <c:v>19.016667000000012</c:v>
                </c:pt>
                <c:pt idx="1135">
                  <c:v>19.033334000000011</c:v>
                </c:pt>
                <c:pt idx="1136">
                  <c:v>19.050000000000011</c:v>
                </c:pt>
                <c:pt idx="1137">
                  <c:v>19.06666700000001</c:v>
                </c:pt>
                <c:pt idx="1138">
                  <c:v>19.083334000000008</c:v>
                </c:pt>
                <c:pt idx="1139">
                  <c:v>19.100000000000009</c:v>
                </c:pt>
                <c:pt idx="1140">
                  <c:v>19.116667000000007</c:v>
                </c:pt>
                <c:pt idx="1141">
                  <c:v>19.133334000000005</c:v>
                </c:pt>
                <c:pt idx="1142">
                  <c:v>19.150000000000006</c:v>
                </c:pt>
                <c:pt idx="1143">
                  <c:v>19.166667000000004</c:v>
                </c:pt>
                <c:pt idx="1144">
                  <c:v>19.183334000000002</c:v>
                </c:pt>
                <c:pt idx="1145">
                  <c:v>19.200000000000003</c:v>
                </c:pt>
                <c:pt idx="1146">
                  <c:v>19.216667000000001</c:v>
                </c:pt>
                <c:pt idx="1147">
                  <c:v>19.233334000000013</c:v>
                </c:pt>
                <c:pt idx="1148">
                  <c:v>19.25</c:v>
                </c:pt>
                <c:pt idx="1149">
                  <c:v>19.266667000000012</c:v>
                </c:pt>
                <c:pt idx="1150">
                  <c:v>19.283334000000011</c:v>
                </c:pt>
                <c:pt idx="1151">
                  <c:v>19.300000000000011</c:v>
                </c:pt>
                <c:pt idx="1152">
                  <c:v>19.31666700000001</c:v>
                </c:pt>
                <c:pt idx="1153">
                  <c:v>19.333334000000008</c:v>
                </c:pt>
                <c:pt idx="1154">
                  <c:v>19.350000000000009</c:v>
                </c:pt>
                <c:pt idx="1155">
                  <c:v>19.366667000000007</c:v>
                </c:pt>
                <c:pt idx="1156">
                  <c:v>19.383334000000005</c:v>
                </c:pt>
                <c:pt idx="1157">
                  <c:v>19.400000000000006</c:v>
                </c:pt>
                <c:pt idx="1158">
                  <c:v>19.416667000000004</c:v>
                </c:pt>
                <c:pt idx="1159">
                  <c:v>19.433334000000002</c:v>
                </c:pt>
                <c:pt idx="1160">
                  <c:v>19.450000000000003</c:v>
                </c:pt>
                <c:pt idx="1161">
                  <c:v>19.466667000000001</c:v>
                </c:pt>
                <c:pt idx="1162">
                  <c:v>19.483334000000013</c:v>
                </c:pt>
                <c:pt idx="1163">
                  <c:v>19.5</c:v>
                </c:pt>
                <c:pt idx="1164">
                  <c:v>19.516667000000012</c:v>
                </c:pt>
                <c:pt idx="1165">
                  <c:v>19.533334000000011</c:v>
                </c:pt>
                <c:pt idx="1166">
                  <c:v>19.550000000000011</c:v>
                </c:pt>
                <c:pt idx="1167">
                  <c:v>19.56666700000001</c:v>
                </c:pt>
                <c:pt idx="1168">
                  <c:v>19.583334000000008</c:v>
                </c:pt>
                <c:pt idx="1169">
                  <c:v>19.600000000000009</c:v>
                </c:pt>
                <c:pt idx="1170">
                  <c:v>19.616667000000007</c:v>
                </c:pt>
                <c:pt idx="1171">
                  <c:v>19.633334000000005</c:v>
                </c:pt>
                <c:pt idx="1172">
                  <c:v>19.650000000000006</c:v>
                </c:pt>
                <c:pt idx="1173">
                  <c:v>19.666667000000004</c:v>
                </c:pt>
                <c:pt idx="1174">
                  <c:v>19.683334000000002</c:v>
                </c:pt>
                <c:pt idx="1175">
                  <c:v>19.700000000000003</c:v>
                </c:pt>
                <c:pt idx="1176">
                  <c:v>19.716667000000001</c:v>
                </c:pt>
                <c:pt idx="1177">
                  <c:v>19.733334000000013</c:v>
                </c:pt>
                <c:pt idx="1178">
                  <c:v>19.75</c:v>
                </c:pt>
                <c:pt idx="1179">
                  <c:v>19.766667000000012</c:v>
                </c:pt>
                <c:pt idx="1180">
                  <c:v>19.783334000000011</c:v>
                </c:pt>
                <c:pt idx="1181">
                  <c:v>19.800000000000011</c:v>
                </c:pt>
                <c:pt idx="1182">
                  <c:v>19.81666700000001</c:v>
                </c:pt>
                <c:pt idx="1183">
                  <c:v>19.833334000000008</c:v>
                </c:pt>
                <c:pt idx="1184">
                  <c:v>19.850000000000009</c:v>
                </c:pt>
                <c:pt idx="1185">
                  <c:v>19.866667000000007</c:v>
                </c:pt>
                <c:pt idx="1186">
                  <c:v>19.883334000000005</c:v>
                </c:pt>
                <c:pt idx="1187">
                  <c:v>19.900000000000006</c:v>
                </c:pt>
                <c:pt idx="1188">
                  <c:v>19.916667000000004</c:v>
                </c:pt>
                <c:pt idx="1189">
                  <c:v>19.933334000000002</c:v>
                </c:pt>
                <c:pt idx="1190">
                  <c:v>19.950000000000003</c:v>
                </c:pt>
                <c:pt idx="1191">
                  <c:v>19.966667000000001</c:v>
                </c:pt>
                <c:pt idx="1192">
                  <c:v>19.983334000000013</c:v>
                </c:pt>
                <c:pt idx="1193">
                  <c:v>20</c:v>
                </c:pt>
                <c:pt idx="1194">
                  <c:v>20.016667000000012</c:v>
                </c:pt>
                <c:pt idx="1195">
                  <c:v>20.033334000000011</c:v>
                </c:pt>
                <c:pt idx="1196">
                  <c:v>20.050000000000011</c:v>
                </c:pt>
                <c:pt idx="1197">
                  <c:v>20.06666700000001</c:v>
                </c:pt>
                <c:pt idx="1198">
                  <c:v>20.083334000000008</c:v>
                </c:pt>
                <c:pt idx="1199">
                  <c:v>20.100000000000009</c:v>
                </c:pt>
                <c:pt idx="1200">
                  <c:v>20.116667000000007</c:v>
                </c:pt>
                <c:pt idx="1201">
                  <c:v>20.133334000000005</c:v>
                </c:pt>
                <c:pt idx="1202">
                  <c:v>20.150000000000006</c:v>
                </c:pt>
                <c:pt idx="1203">
                  <c:v>20.166667000000004</c:v>
                </c:pt>
                <c:pt idx="1204">
                  <c:v>20.183334000000002</c:v>
                </c:pt>
                <c:pt idx="1205">
                  <c:v>20.200000000000003</c:v>
                </c:pt>
                <c:pt idx="1206">
                  <c:v>20.216667000000001</c:v>
                </c:pt>
                <c:pt idx="1207">
                  <c:v>20.233334000000013</c:v>
                </c:pt>
                <c:pt idx="1208">
                  <c:v>20.25</c:v>
                </c:pt>
                <c:pt idx="1209">
                  <c:v>20.266667000000012</c:v>
                </c:pt>
                <c:pt idx="1210">
                  <c:v>20.283334000000011</c:v>
                </c:pt>
                <c:pt idx="1211">
                  <c:v>20.300000000000011</c:v>
                </c:pt>
                <c:pt idx="1212">
                  <c:v>20.31666700000001</c:v>
                </c:pt>
                <c:pt idx="1213">
                  <c:v>20.333334000000008</c:v>
                </c:pt>
                <c:pt idx="1214">
                  <c:v>20.350000000000009</c:v>
                </c:pt>
                <c:pt idx="1215">
                  <c:v>20.366667000000007</c:v>
                </c:pt>
                <c:pt idx="1216">
                  <c:v>20.383334000000005</c:v>
                </c:pt>
                <c:pt idx="1217">
                  <c:v>20.400000000000006</c:v>
                </c:pt>
                <c:pt idx="1218">
                  <c:v>20.416667000000004</c:v>
                </c:pt>
                <c:pt idx="1219">
                  <c:v>20.433334000000002</c:v>
                </c:pt>
                <c:pt idx="1220">
                  <c:v>20.450000000000003</c:v>
                </c:pt>
                <c:pt idx="1221">
                  <c:v>20.466667000000001</c:v>
                </c:pt>
                <c:pt idx="1222">
                  <c:v>20.483334000000013</c:v>
                </c:pt>
                <c:pt idx="1223">
                  <c:v>20.5</c:v>
                </c:pt>
                <c:pt idx="1224">
                  <c:v>20.516667000000012</c:v>
                </c:pt>
                <c:pt idx="1225">
                  <c:v>20.533334000000011</c:v>
                </c:pt>
                <c:pt idx="1226">
                  <c:v>20.550000000000011</c:v>
                </c:pt>
                <c:pt idx="1227">
                  <c:v>20.56666700000001</c:v>
                </c:pt>
                <c:pt idx="1228">
                  <c:v>20.583334000000008</c:v>
                </c:pt>
                <c:pt idx="1229">
                  <c:v>20.600000000000009</c:v>
                </c:pt>
                <c:pt idx="1230">
                  <c:v>20.616667000000007</c:v>
                </c:pt>
                <c:pt idx="1231">
                  <c:v>20.633334000000005</c:v>
                </c:pt>
                <c:pt idx="1232">
                  <c:v>20.650000000000006</c:v>
                </c:pt>
                <c:pt idx="1233">
                  <c:v>20.666667000000004</c:v>
                </c:pt>
                <c:pt idx="1234">
                  <c:v>20.683334000000002</c:v>
                </c:pt>
                <c:pt idx="1235">
                  <c:v>20.700000000000003</c:v>
                </c:pt>
                <c:pt idx="1236">
                  <c:v>20.716667000000001</c:v>
                </c:pt>
                <c:pt idx="1237">
                  <c:v>20.733334000000013</c:v>
                </c:pt>
                <c:pt idx="1238">
                  <c:v>20.75</c:v>
                </c:pt>
                <c:pt idx="1239">
                  <c:v>20.766667000000012</c:v>
                </c:pt>
                <c:pt idx="1240">
                  <c:v>20.783334000000011</c:v>
                </c:pt>
                <c:pt idx="1241">
                  <c:v>20.800000000000011</c:v>
                </c:pt>
                <c:pt idx="1242">
                  <c:v>20.81666700000001</c:v>
                </c:pt>
                <c:pt idx="1243">
                  <c:v>20.833334000000008</c:v>
                </c:pt>
                <c:pt idx="1244">
                  <c:v>20.850000000000009</c:v>
                </c:pt>
                <c:pt idx="1245">
                  <c:v>20.866667000000007</c:v>
                </c:pt>
                <c:pt idx="1246">
                  <c:v>20.883334000000005</c:v>
                </c:pt>
                <c:pt idx="1247">
                  <c:v>20.900000000000006</c:v>
                </c:pt>
                <c:pt idx="1248">
                  <c:v>20.916667000000004</c:v>
                </c:pt>
                <c:pt idx="1249">
                  <c:v>20.933334000000002</c:v>
                </c:pt>
                <c:pt idx="1250">
                  <c:v>20.950000000000003</c:v>
                </c:pt>
                <c:pt idx="1251">
                  <c:v>20.966667000000001</c:v>
                </c:pt>
                <c:pt idx="1252">
                  <c:v>20.983334000000013</c:v>
                </c:pt>
                <c:pt idx="1253">
                  <c:v>21</c:v>
                </c:pt>
                <c:pt idx="1254">
                  <c:v>21.016667000000012</c:v>
                </c:pt>
                <c:pt idx="1255">
                  <c:v>21.033334000000011</c:v>
                </c:pt>
                <c:pt idx="1256">
                  <c:v>21.050000000000011</c:v>
                </c:pt>
                <c:pt idx="1257">
                  <c:v>21.06666700000001</c:v>
                </c:pt>
                <c:pt idx="1258">
                  <c:v>21.083334000000008</c:v>
                </c:pt>
                <c:pt idx="1259">
                  <c:v>21.100000000000009</c:v>
                </c:pt>
                <c:pt idx="1260">
                  <c:v>21.116667000000007</c:v>
                </c:pt>
                <c:pt idx="1261">
                  <c:v>21.133334000000005</c:v>
                </c:pt>
                <c:pt idx="1262">
                  <c:v>21.150000000000006</c:v>
                </c:pt>
                <c:pt idx="1263">
                  <c:v>21.166667000000004</c:v>
                </c:pt>
                <c:pt idx="1264">
                  <c:v>21.183334000000002</c:v>
                </c:pt>
                <c:pt idx="1265">
                  <c:v>21.200000000000003</c:v>
                </c:pt>
                <c:pt idx="1266">
                  <c:v>21.216667000000001</c:v>
                </c:pt>
                <c:pt idx="1267">
                  <c:v>21.233334000000013</c:v>
                </c:pt>
                <c:pt idx="1268">
                  <c:v>21.25</c:v>
                </c:pt>
                <c:pt idx="1269">
                  <c:v>21.266667000000012</c:v>
                </c:pt>
                <c:pt idx="1270">
                  <c:v>21.283334000000011</c:v>
                </c:pt>
                <c:pt idx="1271">
                  <c:v>21.300000000000011</c:v>
                </c:pt>
                <c:pt idx="1272">
                  <c:v>21.31666700000001</c:v>
                </c:pt>
                <c:pt idx="1273">
                  <c:v>21.333334000000008</c:v>
                </c:pt>
                <c:pt idx="1274">
                  <c:v>21.350000000000009</c:v>
                </c:pt>
                <c:pt idx="1275">
                  <c:v>21.366667000000007</c:v>
                </c:pt>
                <c:pt idx="1276">
                  <c:v>21.383334000000005</c:v>
                </c:pt>
                <c:pt idx="1277">
                  <c:v>21.400000000000006</c:v>
                </c:pt>
                <c:pt idx="1278">
                  <c:v>21.416667000000004</c:v>
                </c:pt>
                <c:pt idx="1279">
                  <c:v>21.433334000000002</c:v>
                </c:pt>
                <c:pt idx="1280">
                  <c:v>21.450000000000003</c:v>
                </c:pt>
                <c:pt idx="1281">
                  <c:v>21.466667000000001</c:v>
                </c:pt>
                <c:pt idx="1282">
                  <c:v>21.483334000000013</c:v>
                </c:pt>
                <c:pt idx="1283">
                  <c:v>21.5</c:v>
                </c:pt>
                <c:pt idx="1284">
                  <c:v>21.516667000000012</c:v>
                </c:pt>
                <c:pt idx="1285">
                  <c:v>21.533334000000011</c:v>
                </c:pt>
                <c:pt idx="1286">
                  <c:v>21.550000000000011</c:v>
                </c:pt>
                <c:pt idx="1287">
                  <c:v>21.56666700000001</c:v>
                </c:pt>
                <c:pt idx="1288">
                  <c:v>21.583334000000008</c:v>
                </c:pt>
                <c:pt idx="1289">
                  <c:v>21.600000000000009</c:v>
                </c:pt>
                <c:pt idx="1290">
                  <c:v>21.616667000000007</c:v>
                </c:pt>
                <c:pt idx="1291">
                  <c:v>21.633334000000005</c:v>
                </c:pt>
                <c:pt idx="1292">
                  <c:v>21.650000000000006</c:v>
                </c:pt>
                <c:pt idx="1293">
                  <c:v>21.666667000000004</c:v>
                </c:pt>
                <c:pt idx="1294">
                  <c:v>21.683334000000002</c:v>
                </c:pt>
                <c:pt idx="1295">
                  <c:v>21.700000000000003</c:v>
                </c:pt>
                <c:pt idx="1296">
                  <c:v>21.716667000000001</c:v>
                </c:pt>
                <c:pt idx="1297">
                  <c:v>21.733334000000013</c:v>
                </c:pt>
                <c:pt idx="1298">
                  <c:v>21.75</c:v>
                </c:pt>
                <c:pt idx="1299">
                  <c:v>21.766667000000012</c:v>
                </c:pt>
                <c:pt idx="1300">
                  <c:v>21.783334000000011</c:v>
                </c:pt>
                <c:pt idx="1301">
                  <c:v>21.800000000000011</c:v>
                </c:pt>
                <c:pt idx="1302">
                  <c:v>21.81666700000001</c:v>
                </c:pt>
                <c:pt idx="1303">
                  <c:v>21.833334000000008</c:v>
                </c:pt>
                <c:pt idx="1304">
                  <c:v>21.850000000000009</c:v>
                </c:pt>
                <c:pt idx="1305">
                  <c:v>21.866667000000007</c:v>
                </c:pt>
                <c:pt idx="1306">
                  <c:v>21.883334000000005</c:v>
                </c:pt>
                <c:pt idx="1307">
                  <c:v>21.900000000000006</c:v>
                </c:pt>
                <c:pt idx="1308">
                  <c:v>21.916667000000004</c:v>
                </c:pt>
                <c:pt idx="1309">
                  <c:v>21.933334000000002</c:v>
                </c:pt>
                <c:pt idx="1310">
                  <c:v>21.950000000000003</c:v>
                </c:pt>
                <c:pt idx="1311">
                  <c:v>21.966667000000001</c:v>
                </c:pt>
                <c:pt idx="1312">
                  <c:v>21.983334000000013</c:v>
                </c:pt>
                <c:pt idx="1313">
                  <c:v>22</c:v>
                </c:pt>
                <c:pt idx="1314">
                  <c:v>22.016667000000012</c:v>
                </c:pt>
                <c:pt idx="1315">
                  <c:v>22.033334000000011</c:v>
                </c:pt>
                <c:pt idx="1316">
                  <c:v>22.050000000000011</c:v>
                </c:pt>
                <c:pt idx="1317">
                  <c:v>22.06666700000001</c:v>
                </c:pt>
                <c:pt idx="1318">
                  <c:v>22.083334000000008</c:v>
                </c:pt>
                <c:pt idx="1319">
                  <c:v>22.100000000000009</c:v>
                </c:pt>
                <c:pt idx="1320">
                  <c:v>22.116667000000007</c:v>
                </c:pt>
                <c:pt idx="1321">
                  <c:v>22.133334000000005</c:v>
                </c:pt>
                <c:pt idx="1322">
                  <c:v>22.150000000000006</c:v>
                </c:pt>
                <c:pt idx="1323">
                  <c:v>22.166667000000004</c:v>
                </c:pt>
                <c:pt idx="1324">
                  <c:v>22.183334000000002</c:v>
                </c:pt>
                <c:pt idx="1325">
                  <c:v>22.200000000000003</c:v>
                </c:pt>
                <c:pt idx="1326">
                  <c:v>22.216667000000001</c:v>
                </c:pt>
                <c:pt idx="1327">
                  <c:v>22.233334000000013</c:v>
                </c:pt>
                <c:pt idx="1328">
                  <c:v>22.25</c:v>
                </c:pt>
                <c:pt idx="1329">
                  <c:v>22.266667000000012</c:v>
                </c:pt>
                <c:pt idx="1330">
                  <c:v>22.283334000000011</c:v>
                </c:pt>
                <c:pt idx="1331">
                  <c:v>22.300000000000011</c:v>
                </c:pt>
                <c:pt idx="1332">
                  <c:v>22.31666700000001</c:v>
                </c:pt>
                <c:pt idx="1333">
                  <c:v>22.333334000000008</c:v>
                </c:pt>
                <c:pt idx="1334">
                  <c:v>22.350000000000009</c:v>
                </c:pt>
                <c:pt idx="1335">
                  <c:v>22.366667000000007</c:v>
                </c:pt>
                <c:pt idx="1336">
                  <c:v>22.383334000000005</c:v>
                </c:pt>
                <c:pt idx="1337">
                  <c:v>22.400000000000006</c:v>
                </c:pt>
                <c:pt idx="1338">
                  <c:v>22.416667000000004</c:v>
                </c:pt>
                <c:pt idx="1339">
                  <c:v>22.433334000000002</c:v>
                </c:pt>
                <c:pt idx="1340">
                  <c:v>22.450000000000003</c:v>
                </c:pt>
                <c:pt idx="1341">
                  <c:v>22.466667000000001</c:v>
                </c:pt>
                <c:pt idx="1342">
                  <c:v>22.483334000000013</c:v>
                </c:pt>
                <c:pt idx="1343">
                  <c:v>22.5</c:v>
                </c:pt>
                <c:pt idx="1344">
                  <c:v>22.516667000000012</c:v>
                </c:pt>
                <c:pt idx="1345">
                  <c:v>22.533334000000011</c:v>
                </c:pt>
                <c:pt idx="1346">
                  <c:v>22.550000000000011</c:v>
                </c:pt>
                <c:pt idx="1347">
                  <c:v>22.56666700000001</c:v>
                </c:pt>
                <c:pt idx="1348">
                  <c:v>22.583334000000008</c:v>
                </c:pt>
                <c:pt idx="1349">
                  <c:v>22.600000000000009</c:v>
                </c:pt>
                <c:pt idx="1350">
                  <c:v>22.616667000000007</c:v>
                </c:pt>
                <c:pt idx="1351">
                  <c:v>22.633334000000005</c:v>
                </c:pt>
                <c:pt idx="1352">
                  <c:v>22.650000000000006</c:v>
                </c:pt>
                <c:pt idx="1353">
                  <c:v>22.666667000000004</c:v>
                </c:pt>
                <c:pt idx="1354">
                  <c:v>22.683334000000002</c:v>
                </c:pt>
                <c:pt idx="1355">
                  <c:v>22.700000000000003</c:v>
                </c:pt>
                <c:pt idx="1356">
                  <c:v>22.716667000000001</c:v>
                </c:pt>
                <c:pt idx="1357">
                  <c:v>22.733334000000013</c:v>
                </c:pt>
                <c:pt idx="1358">
                  <c:v>22.75</c:v>
                </c:pt>
                <c:pt idx="1359">
                  <c:v>22.766667000000012</c:v>
                </c:pt>
                <c:pt idx="1360">
                  <c:v>22.783334000000011</c:v>
                </c:pt>
                <c:pt idx="1361">
                  <c:v>22.800000000000011</c:v>
                </c:pt>
                <c:pt idx="1362">
                  <c:v>22.81666700000001</c:v>
                </c:pt>
                <c:pt idx="1363">
                  <c:v>22.833334000000008</c:v>
                </c:pt>
                <c:pt idx="1364">
                  <c:v>22.850000000000009</c:v>
                </c:pt>
                <c:pt idx="1365">
                  <c:v>22.866667000000007</c:v>
                </c:pt>
                <c:pt idx="1366">
                  <c:v>22.883334000000005</c:v>
                </c:pt>
                <c:pt idx="1367">
                  <c:v>22.900000000000006</c:v>
                </c:pt>
                <c:pt idx="1368">
                  <c:v>22.916667000000004</c:v>
                </c:pt>
                <c:pt idx="1369">
                  <c:v>22.933334000000002</c:v>
                </c:pt>
                <c:pt idx="1370">
                  <c:v>22.950000000000003</c:v>
                </c:pt>
                <c:pt idx="1371">
                  <c:v>22.966667000000001</c:v>
                </c:pt>
                <c:pt idx="1372">
                  <c:v>22.983334000000013</c:v>
                </c:pt>
                <c:pt idx="1373">
                  <c:v>23</c:v>
                </c:pt>
                <c:pt idx="1374">
                  <c:v>23.016667000000012</c:v>
                </c:pt>
                <c:pt idx="1375">
                  <c:v>23.033334000000011</c:v>
                </c:pt>
                <c:pt idx="1376">
                  <c:v>23.050000000000011</c:v>
                </c:pt>
                <c:pt idx="1377">
                  <c:v>23.06666700000001</c:v>
                </c:pt>
                <c:pt idx="1378">
                  <c:v>23.083334000000008</c:v>
                </c:pt>
                <c:pt idx="1379">
                  <c:v>23.100000000000009</c:v>
                </c:pt>
                <c:pt idx="1380">
                  <c:v>23.116667000000007</c:v>
                </c:pt>
                <c:pt idx="1381">
                  <c:v>23.133334000000005</c:v>
                </c:pt>
                <c:pt idx="1382">
                  <c:v>23.150000000000006</c:v>
                </c:pt>
                <c:pt idx="1383">
                  <c:v>23.166667000000004</c:v>
                </c:pt>
                <c:pt idx="1384">
                  <c:v>23.183334000000002</c:v>
                </c:pt>
                <c:pt idx="1385">
                  <c:v>23.200000000000003</c:v>
                </c:pt>
                <c:pt idx="1386">
                  <c:v>23.216667000000001</c:v>
                </c:pt>
                <c:pt idx="1387">
                  <c:v>23.233334000000013</c:v>
                </c:pt>
                <c:pt idx="1388">
                  <c:v>23.25</c:v>
                </c:pt>
                <c:pt idx="1389">
                  <c:v>23.266667000000012</c:v>
                </c:pt>
                <c:pt idx="1390">
                  <c:v>23.283334000000011</c:v>
                </c:pt>
                <c:pt idx="1391">
                  <c:v>23.300000000000011</c:v>
                </c:pt>
                <c:pt idx="1392">
                  <c:v>23.31666700000001</c:v>
                </c:pt>
                <c:pt idx="1393">
                  <c:v>23.333334000000008</c:v>
                </c:pt>
                <c:pt idx="1394">
                  <c:v>23.350000000000009</c:v>
                </c:pt>
                <c:pt idx="1395">
                  <c:v>23.366667000000007</c:v>
                </c:pt>
                <c:pt idx="1396">
                  <c:v>23.383334000000005</c:v>
                </c:pt>
                <c:pt idx="1397">
                  <c:v>23.400000000000006</c:v>
                </c:pt>
                <c:pt idx="1398">
                  <c:v>23.416667000000004</c:v>
                </c:pt>
                <c:pt idx="1399">
                  <c:v>23.433334000000002</c:v>
                </c:pt>
                <c:pt idx="1400">
                  <c:v>23.450000000000003</c:v>
                </c:pt>
                <c:pt idx="1401">
                  <c:v>23.466667000000001</c:v>
                </c:pt>
                <c:pt idx="1402">
                  <c:v>23.483334000000013</c:v>
                </c:pt>
                <c:pt idx="1403">
                  <c:v>23.5</c:v>
                </c:pt>
                <c:pt idx="1404">
                  <c:v>23.516667000000012</c:v>
                </c:pt>
                <c:pt idx="1405">
                  <c:v>23.533334000000011</c:v>
                </c:pt>
                <c:pt idx="1406">
                  <c:v>23.550000000000011</c:v>
                </c:pt>
                <c:pt idx="1407">
                  <c:v>23.56666700000001</c:v>
                </c:pt>
                <c:pt idx="1408">
                  <c:v>23.583334000000008</c:v>
                </c:pt>
                <c:pt idx="1409">
                  <c:v>23.600000000000009</c:v>
                </c:pt>
                <c:pt idx="1410">
                  <c:v>23.616667000000007</c:v>
                </c:pt>
                <c:pt idx="1411">
                  <c:v>23.633334000000005</c:v>
                </c:pt>
                <c:pt idx="1412">
                  <c:v>23.650000000000006</c:v>
                </c:pt>
                <c:pt idx="1413">
                  <c:v>23.666667000000004</c:v>
                </c:pt>
                <c:pt idx="1414">
                  <c:v>23.683334000000002</c:v>
                </c:pt>
                <c:pt idx="1415">
                  <c:v>23.700000000000003</c:v>
                </c:pt>
                <c:pt idx="1416">
                  <c:v>23.716667000000001</c:v>
                </c:pt>
                <c:pt idx="1417">
                  <c:v>23.733334000000013</c:v>
                </c:pt>
                <c:pt idx="1418">
                  <c:v>23.75</c:v>
                </c:pt>
                <c:pt idx="1419">
                  <c:v>23.766667000000012</c:v>
                </c:pt>
                <c:pt idx="1420">
                  <c:v>23.783334000000011</c:v>
                </c:pt>
                <c:pt idx="1421">
                  <c:v>23.800000000000011</c:v>
                </c:pt>
                <c:pt idx="1422">
                  <c:v>23.81666700000001</c:v>
                </c:pt>
                <c:pt idx="1423">
                  <c:v>23.833334000000008</c:v>
                </c:pt>
                <c:pt idx="1424">
                  <c:v>23.850000000000009</c:v>
                </c:pt>
                <c:pt idx="1425">
                  <c:v>23.866667000000007</c:v>
                </c:pt>
                <c:pt idx="1426">
                  <c:v>23.883334000000005</c:v>
                </c:pt>
                <c:pt idx="1427">
                  <c:v>23.900000000000006</c:v>
                </c:pt>
                <c:pt idx="1428">
                  <c:v>23.916667000000004</c:v>
                </c:pt>
                <c:pt idx="1429">
                  <c:v>23.933334000000002</c:v>
                </c:pt>
                <c:pt idx="1430">
                  <c:v>23.950000000000003</c:v>
                </c:pt>
                <c:pt idx="1431">
                  <c:v>23.966667000000001</c:v>
                </c:pt>
                <c:pt idx="1432">
                  <c:v>23.983334000000013</c:v>
                </c:pt>
                <c:pt idx="1433">
                  <c:v>24</c:v>
                </c:pt>
                <c:pt idx="1434">
                  <c:v>24.016667000000012</c:v>
                </c:pt>
                <c:pt idx="1435">
                  <c:v>24.033334000000011</c:v>
                </c:pt>
                <c:pt idx="1436">
                  <c:v>24.050000000000011</c:v>
                </c:pt>
                <c:pt idx="1437">
                  <c:v>24.06666700000001</c:v>
                </c:pt>
                <c:pt idx="1438">
                  <c:v>24.083334000000008</c:v>
                </c:pt>
                <c:pt idx="1439">
                  <c:v>24.100000000000009</c:v>
                </c:pt>
                <c:pt idx="1440">
                  <c:v>24.116667000000007</c:v>
                </c:pt>
                <c:pt idx="1441">
                  <c:v>24.133334000000005</c:v>
                </c:pt>
                <c:pt idx="1442">
                  <c:v>24.150000000000006</c:v>
                </c:pt>
                <c:pt idx="1443">
                  <c:v>24.166667000000004</c:v>
                </c:pt>
                <c:pt idx="1444">
                  <c:v>24.183334000000002</c:v>
                </c:pt>
                <c:pt idx="1445">
                  <c:v>24.200000000000003</c:v>
                </c:pt>
                <c:pt idx="1446">
                  <c:v>24.216667000000001</c:v>
                </c:pt>
                <c:pt idx="1447">
                  <c:v>24.233334000000013</c:v>
                </c:pt>
                <c:pt idx="1448">
                  <c:v>24.25</c:v>
                </c:pt>
                <c:pt idx="1449">
                  <c:v>24.266667000000012</c:v>
                </c:pt>
                <c:pt idx="1450">
                  <c:v>24.283334000000011</c:v>
                </c:pt>
                <c:pt idx="1451">
                  <c:v>24.300000000000011</c:v>
                </c:pt>
                <c:pt idx="1452">
                  <c:v>24.31666700000001</c:v>
                </c:pt>
                <c:pt idx="1453">
                  <c:v>24.333334000000008</c:v>
                </c:pt>
                <c:pt idx="1454">
                  <c:v>24.350000000000009</c:v>
                </c:pt>
                <c:pt idx="1455">
                  <c:v>24.366667000000007</c:v>
                </c:pt>
                <c:pt idx="1456">
                  <c:v>24.383334000000005</c:v>
                </c:pt>
                <c:pt idx="1457">
                  <c:v>24.400000000000006</c:v>
                </c:pt>
                <c:pt idx="1458">
                  <c:v>24.416667000000004</c:v>
                </c:pt>
                <c:pt idx="1459">
                  <c:v>24.433334000000002</c:v>
                </c:pt>
                <c:pt idx="1460">
                  <c:v>24.450000000000003</c:v>
                </c:pt>
                <c:pt idx="1461">
                  <c:v>24.466667000000001</c:v>
                </c:pt>
                <c:pt idx="1462">
                  <c:v>24.483334000000013</c:v>
                </c:pt>
                <c:pt idx="1463">
                  <c:v>24.5</c:v>
                </c:pt>
                <c:pt idx="1464">
                  <c:v>24.516667000000012</c:v>
                </c:pt>
                <c:pt idx="1465">
                  <c:v>24.533334000000011</c:v>
                </c:pt>
                <c:pt idx="1466">
                  <c:v>24.550000000000011</c:v>
                </c:pt>
                <c:pt idx="1467">
                  <c:v>24.56666700000001</c:v>
                </c:pt>
                <c:pt idx="1468">
                  <c:v>24.583334000000008</c:v>
                </c:pt>
                <c:pt idx="1469">
                  <c:v>24.600000000000009</c:v>
                </c:pt>
                <c:pt idx="1470">
                  <c:v>24.616667000000007</c:v>
                </c:pt>
                <c:pt idx="1471">
                  <c:v>24.633334000000005</c:v>
                </c:pt>
                <c:pt idx="1472">
                  <c:v>24.650000000000006</c:v>
                </c:pt>
                <c:pt idx="1473">
                  <c:v>24.666667000000004</c:v>
                </c:pt>
                <c:pt idx="1474">
                  <c:v>24.683334000000002</c:v>
                </c:pt>
                <c:pt idx="1475">
                  <c:v>24.700000000000003</c:v>
                </c:pt>
                <c:pt idx="1476">
                  <c:v>24.716667000000001</c:v>
                </c:pt>
                <c:pt idx="1477">
                  <c:v>24.733334000000013</c:v>
                </c:pt>
                <c:pt idx="1478">
                  <c:v>24.75</c:v>
                </c:pt>
                <c:pt idx="1479">
                  <c:v>24.766667000000012</c:v>
                </c:pt>
                <c:pt idx="1480">
                  <c:v>24.783334000000011</c:v>
                </c:pt>
                <c:pt idx="1481">
                  <c:v>24.800000000000011</c:v>
                </c:pt>
                <c:pt idx="1482">
                  <c:v>24.81666700000001</c:v>
                </c:pt>
                <c:pt idx="1483">
                  <c:v>24.833334000000008</c:v>
                </c:pt>
                <c:pt idx="1484">
                  <c:v>24.850000000000009</c:v>
                </c:pt>
                <c:pt idx="1485">
                  <c:v>24.866667000000007</c:v>
                </c:pt>
                <c:pt idx="1486">
                  <c:v>24.883334000000005</c:v>
                </c:pt>
                <c:pt idx="1487">
                  <c:v>24.900000000000006</c:v>
                </c:pt>
                <c:pt idx="1488">
                  <c:v>24.916667000000004</c:v>
                </c:pt>
                <c:pt idx="1489">
                  <c:v>24.933334000000002</c:v>
                </c:pt>
                <c:pt idx="1490">
                  <c:v>24.950000000000003</c:v>
                </c:pt>
                <c:pt idx="1491">
                  <c:v>24.966667000000001</c:v>
                </c:pt>
                <c:pt idx="1492">
                  <c:v>24.983334000000013</c:v>
                </c:pt>
                <c:pt idx="1493">
                  <c:v>99.766666999999998</c:v>
                </c:pt>
                <c:pt idx="1494">
                  <c:v>99.783332999999999</c:v>
                </c:pt>
                <c:pt idx="1495">
                  <c:v>99.8</c:v>
                </c:pt>
                <c:pt idx="1496">
                  <c:v>99.816666999999995</c:v>
                </c:pt>
                <c:pt idx="1497">
                  <c:v>99.833332999999996</c:v>
                </c:pt>
                <c:pt idx="1498">
                  <c:v>99.85</c:v>
                </c:pt>
                <c:pt idx="1499">
                  <c:v>99.866667000000007</c:v>
                </c:pt>
              </c:numCache>
            </c:numRef>
          </c:xVal>
          <c:yVal>
            <c:numRef>
              <c:f>'Fig 10'!$E$9:$E$1501</c:f>
              <c:numCache>
                <c:formatCode>General</c:formatCode>
                <c:ptCount val="1493"/>
                <c:pt idx="0">
                  <c:v>0</c:v>
                </c:pt>
                <c:pt idx="1">
                  <c:v>0</c:v>
                </c:pt>
                <c:pt idx="2">
                  <c:v>-4.7063454963420457E-4</c:v>
                </c:pt>
                <c:pt idx="3">
                  <c:v>-4.7063454963420457E-4</c:v>
                </c:pt>
                <c:pt idx="4">
                  <c:v>-4.7063454963420457E-4</c:v>
                </c:pt>
                <c:pt idx="5">
                  <c:v>-9.4126909928070345E-4</c:v>
                </c:pt>
                <c:pt idx="6">
                  <c:v>-9.4126909928070345E-4</c:v>
                </c:pt>
                <c:pt idx="7">
                  <c:v>-1.868696005922937E-3</c:v>
                </c:pt>
                <c:pt idx="8">
                  <c:v>-1.868696005922937E-3</c:v>
                </c:pt>
                <c:pt idx="9">
                  <c:v>-1.868696005922937E-3</c:v>
                </c:pt>
                <c:pt idx="10">
                  <c:v>-1.3980614562887326E-3</c:v>
                </c:pt>
                <c:pt idx="11">
                  <c:v>-1.3980614562887326E-3</c:v>
                </c:pt>
                <c:pt idx="12">
                  <c:v>-1.868696005922937E-3</c:v>
                </c:pt>
                <c:pt idx="13">
                  <c:v>-1.3980614562887326E-3</c:v>
                </c:pt>
                <c:pt idx="14">
                  <c:v>-4.7063454963420457E-4</c:v>
                </c:pt>
                <c:pt idx="15">
                  <c:v>2.3254883629432611E-3</c:v>
                </c:pt>
                <c:pt idx="16">
                  <c:v>6.5196727318094592E-3</c:v>
                </c:pt>
                <c:pt idx="17">
                  <c:v>1.3053187656257388E-2</c:v>
                </c:pt>
                <c:pt idx="18">
                  <c:v>2.1441556394002078E-2</c:v>
                </c:pt>
                <c:pt idx="19">
                  <c:v>2.8902498225092239E-2</c:v>
                </c:pt>
                <c:pt idx="20">
                  <c:v>3.3553474950966472E-2</c:v>
                </c:pt>
                <c:pt idx="21">
                  <c:v>3.6820232413190428E-2</c:v>
                </c:pt>
                <c:pt idx="22">
                  <c:v>4.1014416782056626E-2</c:v>
                </c:pt>
                <c:pt idx="23">
                  <c:v>4.7077297156858058E-2</c:v>
                </c:pt>
                <c:pt idx="24">
                  <c:v>6.2926607725692918E-2</c:v>
                </c:pt>
                <c:pt idx="25">
                  <c:v>9.2756532857427396E-2</c:v>
                </c:pt>
                <c:pt idx="26">
                  <c:v>0.13703770710169569</c:v>
                </c:pt>
                <c:pt idx="27">
                  <c:v>0.20602719520219004</c:v>
                </c:pt>
                <c:pt idx="28">
                  <c:v>0.29273468987744217</c:v>
                </c:pt>
                <c:pt idx="29">
                  <c:v>0.39761698348447244</c:v>
                </c:pt>
                <c:pt idx="30">
                  <c:v>0.51695052620403648</c:v>
                </c:pt>
                <c:pt idx="31">
                  <c:v>0.63813892273689732</c:v>
                </c:pt>
                <c:pt idx="32">
                  <c:v>0.7798414487571057</c:v>
                </c:pt>
                <c:pt idx="33">
                  <c:v>0.94205810426466163</c:v>
                </c:pt>
                <c:pt idx="34">
                  <c:v>1.1247888892595528</c:v>
                </c:pt>
                <c:pt idx="35">
                  <c:v>1.3140393469862657</c:v>
                </c:pt>
                <c:pt idx="36">
                  <c:v>1.4953720705248683</c:v>
                </c:pt>
                <c:pt idx="37">
                  <c:v>1.6743654635079013</c:v>
                </c:pt>
                <c:pt idx="38">
                  <c:v>1.8519746372272841</c:v>
                </c:pt>
                <c:pt idx="39">
                  <c:v>2.0290993342043819</c:v>
                </c:pt>
                <c:pt idx="40">
                  <c:v>2.1922572588112184</c:v>
                </c:pt>
                <c:pt idx="41">
                  <c:v>2.3311636619188492</c:v>
                </c:pt>
                <c:pt idx="42">
                  <c:v>2.4444343242636122</c:v>
                </c:pt>
                <c:pt idx="43">
                  <c:v>2.5385889185773158</c:v>
                </c:pt>
                <c:pt idx="44">
                  <c:v>2.6164374099651893</c:v>
                </c:pt>
                <c:pt idx="45">
                  <c:v>2.6821601406034596</c:v>
                </c:pt>
                <c:pt idx="46">
                  <c:v>2.7399651370536318</c:v>
                </c:pt>
                <c:pt idx="47">
                  <c:v>2.7926346800356447</c:v>
                </c:pt>
                <c:pt idx="48">
                  <c:v>2.8406532462917835</c:v>
                </c:pt>
                <c:pt idx="49">
                  <c:v>2.8844637859864175</c:v>
                </c:pt>
                <c:pt idx="50">
                  <c:v>2.9240939835048114</c:v>
                </c:pt>
                <c:pt idx="51">
                  <c:v>2.960914215918002</c:v>
                </c:pt>
                <c:pt idx="52">
                  <c:v>2.9944815330615948</c:v>
                </c:pt>
                <c:pt idx="53">
                  <c:v>3.0261801541992641</c:v>
                </c:pt>
                <c:pt idx="54">
                  <c:v>3.0564807138806329</c:v>
                </c:pt>
                <c:pt idx="55">
                  <c:v>3.0853693699130864</c:v>
                </c:pt>
                <c:pt idx="56">
                  <c:v>3.1128738066818777</c:v>
                </c:pt>
                <c:pt idx="57">
                  <c:v>3.1380527550877382</c:v>
                </c:pt>
                <c:pt idx="58">
                  <c:v>3.1622904343943055</c:v>
                </c:pt>
                <c:pt idx="59">
                  <c:v>3.1851300522445962</c:v>
                </c:pt>
                <c:pt idx="60">
                  <c:v>3.2070422431882206</c:v>
                </c:pt>
                <c:pt idx="61">
                  <c:v>3.2280131650325754</c:v>
                </c:pt>
                <c:pt idx="62">
                  <c:v>3.2480566599702767</c:v>
                </c:pt>
                <c:pt idx="63">
                  <c:v>3.2676295203583434</c:v>
                </c:pt>
                <c:pt idx="64">
                  <c:v>3.2867455883893899</c:v>
                </c:pt>
                <c:pt idx="65">
                  <c:v>3.3049203873211681</c:v>
                </c:pt>
                <c:pt idx="66">
                  <c:v>3.3221677593462924</c:v>
                </c:pt>
                <c:pt idx="67">
                  <c:v>3.3389583390144075</c:v>
                </c:pt>
                <c:pt idx="68">
                  <c:v>3.3552644419402382</c:v>
                </c:pt>
                <c:pt idx="69">
                  <c:v>3.3711137525090731</c:v>
                </c:pt>
                <c:pt idx="70">
                  <c:v>3.3860356361712536</c:v>
                </c:pt>
                <c:pt idx="71">
                  <c:v>3.4009575198334461</c:v>
                </c:pt>
                <c:pt idx="72">
                  <c:v>3.4149381343963454</c:v>
                </c:pt>
                <c:pt idx="73">
                  <c:v>3.4289187489592448</c:v>
                </c:pt>
                <c:pt idx="74">
                  <c:v>3.4419719366154897</c:v>
                </c:pt>
                <c:pt idx="75">
                  <c:v>3.4550251242717476</c:v>
                </c:pt>
                <c:pt idx="76">
                  <c:v>3.468078311928005</c:v>
                </c:pt>
                <c:pt idx="77">
                  <c:v>3.4806608650346162</c:v>
                </c:pt>
                <c:pt idx="78">
                  <c:v>3.4927866257842188</c:v>
                </c:pt>
                <c:pt idx="79">
                  <c:v>3.504427909791537</c:v>
                </c:pt>
                <c:pt idx="80">
                  <c:v>3.5160830359915054</c:v>
                </c:pt>
                <c:pt idx="81">
                  <c:v>3.5268107352848195</c:v>
                </c:pt>
                <c:pt idx="82">
                  <c:v>3.5375245923854952</c:v>
                </c:pt>
                <c:pt idx="83">
                  <c:v>3.5482522916788093</c:v>
                </c:pt>
                <c:pt idx="84">
                  <c:v>3.5580387218728431</c:v>
                </c:pt>
                <c:pt idx="85">
                  <c:v>3.567825152066876</c:v>
                </c:pt>
                <c:pt idx="86">
                  <c:v>3.5776115822608969</c:v>
                </c:pt>
                <c:pt idx="87">
                  <c:v>3.5869412200979225</c:v>
                </c:pt>
                <c:pt idx="88">
                  <c:v>3.5958002233853139</c:v>
                </c:pt>
                <c:pt idx="89">
                  <c:v>3.6051160190297007</c:v>
                </c:pt>
                <c:pt idx="90">
                  <c:v>3.6139750223170792</c:v>
                </c:pt>
                <c:pt idx="91">
                  <c:v>3.6223633910548245</c:v>
                </c:pt>
                <c:pt idx="92">
                  <c:v>3.6307517597925569</c:v>
                </c:pt>
                <c:pt idx="93">
                  <c:v>3.6391539707229401</c:v>
                </c:pt>
                <c:pt idx="94">
                  <c:v>3.6475423394606721</c:v>
                </c:pt>
                <c:pt idx="95">
                  <c:v>3.6554600736487703</c:v>
                </c:pt>
                <c:pt idx="96">
                  <c:v>3.6633916500295074</c:v>
                </c:pt>
                <c:pt idx="97">
                  <c:v>3.6708525918605974</c:v>
                </c:pt>
                <c:pt idx="98">
                  <c:v>3.6782996914990611</c:v>
                </c:pt>
                <c:pt idx="99">
                  <c:v>3.6852899987805046</c:v>
                </c:pt>
                <c:pt idx="100">
                  <c:v>3.6922941482545992</c:v>
                </c:pt>
                <c:pt idx="101">
                  <c:v>3.6988138209863965</c:v>
                </c:pt>
                <c:pt idx="102">
                  <c:v>3.7058041282678524</c:v>
                </c:pt>
                <c:pt idx="103">
                  <c:v>3.7123376431923005</c:v>
                </c:pt>
                <c:pt idx="104">
                  <c:v>3.7183866813744628</c:v>
                </c:pt>
                <c:pt idx="105">
                  <c:v>3.7249201962989114</c:v>
                </c:pt>
                <c:pt idx="106">
                  <c:v>3.7314398690307082</c:v>
                </c:pt>
                <c:pt idx="107">
                  <c:v>3.7375027494055217</c:v>
                </c:pt>
                <c:pt idx="108">
                  <c:v>3.7435656297803237</c:v>
                </c:pt>
                <c:pt idx="109">
                  <c:v>3.7496285101551252</c:v>
                </c:pt>
                <c:pt idx="110">
                  <c:v>3.7552207559802797</c:v>
                </c:pt>
                <c:pt idx="111">
                  <c:v>3.7608130018054347</c:v>
                </c:pt>
                <c:pt idx="112">
                  <c:v>3.766405247630602</c:v>
                </c:pt>
                <c:pt idx="113">
                  <c:v>3.7719974934557574</c:v>
                </c:pt>
                <c:pt idx="114">
                  <c:v>3.7771191047312773</c:v>
                </c:pt>
                <c:pt idx="115">
                  <c:v>3.7817839236497903</c:v>
                </c:pt>
                <c:pt idx="116">
                  <c:v>3.7869193771179499</c:v>
                </c:pt>
                <c:pt idx="117">
                  <c:v>3.7915703538438241</c:v>
                </c:pt>
                <c:pt idx="118">
                  <c:v>3.7962351727623362</c:v>
                </c:pt>
                <c:pt idx="119">
                  <c:v>3.8008999916808492</c:v>
                </c:pt>
                <c:pt idx="120">
                  <c:v>3.8055648105993622</c:v>
                </c:pt>
                <c:pt idx="121">
                  <c:v>3.8097589949682278</c:v>
                </c:pt>
                <c:pt idx="122">
                  <c:v>3.8144238138867408</c:v>
                </c:pt>
                <c:pt idx="123">
                  <c:v>3.8186179982556072</c:v>
                </c:pt>
                <c:pt idx="124">
                  <c:v>3.8232689749814814</c:v>
                </c:pt>
                <c:pt idx="125">
                  <c:v>3.8274631593503599</c:v>
                </c:pt>
                <c:pt idx="126">
                  <c:v>3.831200551362218</c:v>
                </c:pt>
                <c:pt idx="127">
                  <c:v>3.8353947357310965</c:v>
                </c:pt>
                <c:pt idx="128">
                  <c:v>3.8391182855503163</c:v>
                </c:pt>
                <c:pt idx="129">
                  <c:v>3.8433124699191947</c:v>
                </c:pt>
                <c:pt idx="130">
                  <c:v>3.8475066542880612</c:v>
                </c:pt>
                <c:pt idx="131">
                  <c:v>3.8512440462999189</c:v>
                </c:pt>
                <c:pt idx="132">
                  <c:v>3.8549675961191507</c:v>
                </c:pt>
                <c:pt idx="133">
                  <c:v>3.8587049881310218</c:v>
                </c:pt>
                <c:pt idx="134">
                  <c:v>3.8624285379502412</c:v>
                </c:pt>
                <c:pt idx="135">
                  <c:v>3.8661520877694735</c:v>
                </c:pt>
                <c:pt idx="136">
                  <c:v>3.8698894797813312</c:v>
                </c:pt>
                <c:pt idx="137">
                  <c:v>3.8731562372435553</c:v>
                </c:pt>
                <c:pt idx="138">
                  <c:v>3.876409152513141</c:v>
                </c:pt>
                <c:pt idx="139">
                  <c:v>3.8801465445250116</c:v>
                </c:pt>
                <c:pt idx="140">
                  <c:v>3.8833994597945969</c:v>
                </c:pt>
                <c:pt idx="141">
                  <c:v>3.8871368518064546</c:v>
                </c:pt>
                <c:pt idx="142">
                  <c:v>3.8904036092686791</c:v>
                </c:pt>
                <c:pt idx="143">
                  <c:v>3.8936565245382644</c:v>
                </c:pt>
                <c:pt idx="144">
                  <c:v>3.8969232820004884</c:v>
                </c:pt>
                <c:pt idx="145">
                  <c:v>3.900190039462712</c:v>
                </c:pt>
                <c:pt idx="146">
                  <c:v>3.9034429547322982</c:v>
                </c:pt>
                <c:pt idx="147">
                  <c:v>3.9062529198375135</c:v>
                </c:pt>
                <c:pt idx="148">
                  <c:v>3.9095058351070993</c:v>
                </c:pt>
                <c:pt idx="149">
                  <c:v>3.9123019580196767</c:v>
                </c:pt>
                <c:pt idx="150">
                  <c:v>3.9155687154819008</c:v>
                </c:pt>
                <c:pt idx="151">
                  <c:v>3.9188354729441244</c:v>
                </c:pt>
                <c:pt idx="152">
                  <c:v>3.9216315958567018</c:v>
                </c:pt>
                <c:pt idx="153">
                  <c:v>3.9248983533189259</c:v>
                </c:pt>
                <c:pt idx="154">
                  <c:v>3.9276944762315034</c:v>
                </c:pt>
                <c:pt idx="155">
                  <c:v>3.9300199645944467</c:v>
                </c:pt>
                <c:pt idx="156">
                  <c:v>3.9328160875070237</c:v>
                </c:pt>
                <c:pt idx="157">
                  <c:v>3.9356122104196021</c:v>
                </c:pt>
                <c:pt idx="158">
                  <c:v>3.9379376987825445</c:v>
                </c:pt>
                <c:pt idx="159">
                  <c:v>3.9407476638877608</c:v>
                </c:pt>
                <c:pt idx="160">
                  <c:v>3.9435437868003382</c:v>
                </c:pt>
                <c:pt idx="161">
                  <c:v>3.9463399097129157</c:v>
                </c:pt>
                <c:pt idx="162">
                  <c:v>3.9491360326254936</c:v>
                </c:pt>
                <c:pt idx="163">
                  <c:v>3.9514615209884365</c:v>
                </c:pt>
                <c:pt idx="164">
                  <c:v>3.9542576439010135</c:v>
                </c:pt>
                <c:pt idx="165">
                  <c:v>3.9570537668135919</c:v>
                </c:pt>
                <c:pt idx="166">
                  <c:v>3.9593930973691731</c:v>
                </c:pt>
                <c:pt idx="167">
                  <c:v>3.961718585732104</c:v>
                </c:pt>
                <c:pt idx="168">
                  <c:v>3.9640440740950473</c:v>
                </c:pt>
                <c:pt idx="169">
                  <c:v>3.966383404650617</c:v>
                </c:pt>
                <c:pt idx="170">
                  <c:v>3.9687088930135603</c:v>
                </c:pt>
                <c:pt idx="171">
                  <c:v>3.970577589019495</c:v>
                </c:pt>
                <c:pt idx="172">
                  <c:v>3.9733737119320724</c:v>
                </c:pt>
                <c:pt idx="173">
                  <c:v>3.9756992002950042</c:v>
                </c:pt>
                <c:pt idx="174">
                  <c:v>3.9775678963009389</c:v>
                </c:pt>
                <c:pt idx="175">
                  <c:v>3.9798933846638822</c:v>
                </c:pt>
                <c:pt idx="176">
                  <c:v>3.9817620806698053</c:v>
                </c:pt>
                <c:pt idx="177">
                  <c:v>3.9840875690327486</c:v>
                </c:pt>
                <c:pt idx="178">
                  <c:v>3.9859562650386837</c:v>
                </c:pt>
                <c:pt idx="179">
                  <c:v>3.9882817534016146</c:v>
                </c:pt>
                <c:pt idx="180">
                  <c:v>3.9906210839571967</c:v>
                </c:pt>
                <c:pt idx="181">
                  <c:v>3.9924759377704935</c:v>
                </c:pt>
                <c:pt idx="182">
                  <c:v>3.9948152683260627</c:v>
                </c:pt>
                <c:pt idx="183">
                  <c:v>3.9966839643319978</c:v>
                </c:pt>
                <c:pt idx="184">
                  <c:v>3.9990094526949287</c:v>
                </c:pt>
                <c:pt idx="185">
                  <c:v>4.0008781487008642</c:v>
                </c:pt>
                <c:pt idx="186">
                  <c:v>4.0027330025141614</c:v>
                </c:pt>
                <c:pt idx="187">
                  <c:v>4.0046016985200961</c:v>
                </c:pt>
                <c:pt idx="188">
                  <c:v>4.0064703945260316</c:v>
                </c:pt>
                <c:pt idx="189">
                  <c:v>4.0083252483393155</c:v>
                </c:pt>
                <c:pt idx="190">
                  <c:v>4.010193944345251</c:v>
                </c:pt>
                <c:pt idx="191">
                  <c:v>4.0120626403511865</c:v>
                </c:pt>
                <c:pt idx="192">
                  <c:v>4.0143881287141294</c:v>
                </c:pt>
                <c:pt idx="193">
                  <c:v>4.0162568247200525</c:v>
                </c:pt>
                <c:pt idx="194">
                  <c:v>4.0181255207259872</c:v>
                </c:pt>
                <c:pt idx="195">
                  <c:v>4.0199803745392844</c:v>
                </c:pt>
                <c:pt idx="196">
                  <c:v>4.0218490705452199</c:v>
                </c:pt>
                <c:pt idx="197">
                  <c:v>4.0237177665511421</c:v>
                </c:pt>
                <c:pt idx="198">
                  <c:v>4.0255726203644393</c:v>
                </c:pt>
                <c:pt idx="199">
                  <c:v>4.0274413163703748</c:v>
                </c:pt>
                <c:pt idx="200">
                  <c:v>4.0293100123763095</c:v>
                </c:pt>
                <c:pt idx="201">
                  <c:v>4.031178708382245</c:v>
                </c:pt>
                <c:pt idx="202">
                  <c:v>4.0325767698385331</c:v>
                </c:pt>
                <c:pt idx="203">
                  <c:v>4.0344316236518303</c:v>
                </c:pt>
                <c:pt idx="204">
                  <c:v>4.0363003196577534</c:v>
                </c:pt>
                <c:pt idx="205">
                  <c:v>4.0381690156636889</c:v>
                </c:pt>
                <c:pt idx="206">
                  <c:v>4.039567077119977</c:v>
                </c:pt>
                <c:pt idx="207">
                  <c:v>4.0414219309332742</c:v>
                </c:pt>
                <c:pt idx="208">
                  <c:v>4.0432906269392097</c:v>
                </c:pt>
                <c:pt idx="209">
                  <c:v>4.0446886883954978</c:v>
                </c:pt>
                <c:pt idx="210">
                  <c:v>4.0465573844014333</c:v>
                </c:pt>
                <c:pt idx="211">
                  <c:v>4.0484122382147305</c:v>
                </c:pt>
                <c:pt idx="212">
                  <c:v>4.0498241418636578</c:v>
                </c:pt>
                <c:pt idx="213">
                  <c:v>4.0512222033199459</c:v>
                </c:pt>
                <c:pt idx="214">
                  <c:v>4.0530770571332431</c:v>
                </c:pt>
                <c:pt idx="215">
                  <c:v>4.054475118589532</c:v>
                </c:pt>
                <c:pt idx="216">
                  <c:v>4.0563438145954667</c:v>
                </c:pt>
                <c:pt idx="217">
                  <c:v>4.0577418760517556</c:v>
                </c:pt>
                <c:pt idx="218">
                  <c:v>4.0596105720576787</c:v>
                </c:pt>
                <c:pt idx="219">
                  <c:v>4.0614654258709759</c:v>
                </c:pt>
                <c:pt idx="220">
                  <c:v>4.062863487327264</c:v>
                </c:pt>
                <c:pt idx="221">
                  <c:v>4.0647321833331995</c:v>
                </c:pt>
                <c:pt idx="222">
                  <c:v>4.0661302447894876</c:v>
                </c:pt>
                <c:pt idx="223">
                  <c:v>4.0675283062457765</c:v>
                </c:pt>
                <c:pt idx="224">
                  <c:v>4.0693970022517112</c:v>
                </c:pt>
                <c:pt idx="225">
                  <c:v>4.070795063708001</c:v>
                </c:pt>
                <c:pt idx="226">
                  <c:v>4.07219312516429</c:v>
                </c:pt>
                <c:pt idx="227">
                  <c:v>4.0740618211702246</c:v>
                </c:pt>
                <c:pt idx="228">
                  <c:v>4.0754598826265136</c:v>
                </c:pt>
                <c:pt idx="229">
                  <c:v>4.0768579440828017</c:v>
                </c:pt>
                <c:pt idx="230">
                  <c:v>4.0782560055390906</c:v>
                </c:pt>
                <c:pt idx="231">
                  <c:v>4.0796540669953796</c:v>
                </c:pt>
                <c:pt idx="232">
                  <c:v>4.081052128451681</c:v>
                </c:pt>
                <c:pt idx="233">
                  <c:v>4.082450189907969</c:v>
                </c:pt>
                <c:pt idx="234">
                  <c:v>4.083848251364258</c:v>
                </c:pt>
                <c:pt idx="235">
                  <c:v>4.085246312820547</c:v>
                </c:pt>
                <c:pt idx="236">
                  <c:v>4.0866443742768359</c:v>
                </c:pt>
                <c:pt idx="237">
                  <c:v>4.088042435733124</c:v>
                </c:pt>
                <c:pt idx="238">
                  <c:v>4.0899111317390595</c:v>
                </c:pt>
                <c:pt idx="239">
                  <c:v>4.0913091931953476</c:v>
                </c:pt>
                <c:pt idx="240">
                  <c:v>4.0927072546516365</c:v>
                </c:pt>
                <c:pt idx="241">
                  <c:v>4.0941053161079255</c:v>
                </c:pt>
                <c:pt idx="242">
                  <c:v>4.0950327430145803</c:v>
                </c:pt>
                <c:pt idx="243">
                  <c:v>4.0964308044708684</c:v>
                </c:pt>
                <c:pt idx="244">
                  <c:v>4.0978288659271573</c:v>
                </c:pt>
                <c:pt idx="245">
                  <c:v>4.0992269273834463</c:v>
                </c:pt>
                <c:pt idx="246">
                  <c:v>4.1001543542900887</c:v>
                </c:pt>
                <c:pt idx="247">
                  <c:v>4.1015524157463892</c:v>
                </c:pt>
                <c:pt idx="248">
                  <c:v>4.1029643193953049</c:v>
                </c:pt>
                <c:pt idx="249">
                  <c:v>4.1038917463019589</c:v>
                </c:pt>
                <c:pt idx="250">
                  <c:v>4.1052898077582478</c:v>
                </c:pt>
                <c:pt idx="251">
                  <c:v>4.1066878692145359</c:v>
                </c:pt>
                <c:pt idx="252">
                  <c:v>4.1080859306708257</c:v>
                </c:pt>
                <c:pt idx="253">
                  <c:v>4.1090133575774797</c:v>
                </c:pt>
                <c:pt idx="254">
                  <c:v>4.1104114190337686</c:v>
                </c:pt>
                <c:pt idx="255">
                  <c:v>4.1118094804900567</c:v>
                </c:pt>
                <c:pt idx="256">
                  <c:v>4.1127507495893383</c:v>
                </c:pt>
                <c:pt idx="257">
                  <c:v>4.1141488110456264</c:v>
                </c:pt>
                <c:pt idx="258">
                  <c:v>4.1155468725019153</c:v>
                </c:pt>
                <c:pt idx="259">
                  <c:v>4.1164742994085701</c:v>
                </c:pt>
                <c:pt idx="260">
                  <c:v>4.1178723608648582</c:v>
                </c:pt>
                <c:pt idx="261">
                  <c:v>4.1187997877715006</c:v>
                </c:pt>
                <c:pt idx="262">
                  <c:v>4.120197849227802</c:v>
                </c:pt>
                <c:pt idx="263">
                  <c:v>4.1211391183270827</c:v>
                </c:pt>
                <c:pt idx="264">
                  <c:v>4.1220665452337251</c:v>
                </c:pt>
                <c:pt idx="265">
                  <c:v>4.123464606690014</c:v>
                </c:pt>
                <c:pt idx="266">
                  <c:v>4.1244058757893072</c:v>
                </c:pt>
                <c:pt idx="267">
                  <c:v>4.1258039372455952</c:v>
                </c:pt>
                <c:pt idx="268">
                  <c:v>4.1267313641522376</c:v>
                </c:pt>
                <c:pt idx="269">
                  <c:v>4.1281294256085257</c:v>
                </c:pt>
                <c:pt idx="270">
                  <c:v>4.1295274870648147</c:v>
                </c:pt>
                <c:pt idx="271">
                  <c:v>4.1304549139714695</c:v>
                </c:pt>
                <c:pt idx="272">
                  <c:v>4.1318529754277584</c:v>
                </c:pt>
                <c:pt idx="273">
                  <c:v>4.1327942445270391</c:v>
                </c:pt>
                <c:pt idx="274">
                  <c:v>4.1341923059833281</c:v>
                </c:pt>
                <c:pt idx="275">
                  <c:v>4.135119732889982</c:v>
                </c:pt>
                <c:pt idx="276">
                  <c:v>4.136517794346271</c:v>
                </c:pt>
                <c:pt idx="277">
                  <c:v>4.1379158558025599</c:v>
                </c:pt>
                <c:pt idx="278">
                  <c:v>4.1388571249018398</c:v>
                </c:pt>
                <c:pt idx="279">
                  <c:v>4.1397845518084955</c:v>
                </c:pt>
                <c:pt idx="280">
                  <c:v>4.1411826132647835</c:v>
                </c:pt>
                <c:pt idx="281">
                  <c:v>4.1425806747210725</c:v>
                </c:pt>
                <c:pt idx="282">
                  <c:v>4.1435081016277273</c:v>
                </c:pt>
                <c:pt idx="283">
                  <c:v>4.1449061630840163</c:v>
                </c:pt>
                <c:pt idx="284">
                  <c:v>4.1458474321832961</c:v>
                </c:pt>
                <c:pt idx="285">
                  <c:v>4.1472454936395851</c:v>
                </c:pt>
                <c:pt idx="286">
                  <c:v>4.148643555095874</c:v>
                </c:pt>
                <c:pt idx="287">
                  <c:v>4.1495709820025279</c:v>
                </c:pt>
                <c:pt idx="288">
                  <c:v>4.1509690434588169</c:v>
                </c:pt>
                <c:pt idx="289">
                  <c:v>4.1518964703654593</c:v>
                </c:pt>
                <c:pt idx="290">
                  <c:v>4.15283773946474</c:v>
                </c:pt>
                <c:pt idx="291">
                  <c:v>4.1537651663713948</c:v>
                </c:pt>
                <c:pt idx="292">
                  <c:v>4.1546925932780363</c:v>
                </c:pt>
                <c:pt idx="293">
                  <c:v>4.1560906547343253</c:v>
                </c:pt>
                <c:pt idx="294">
                  <c:v>4.1570319238336184</c:v>
                </c:pt>
                <c:pt idx="295">
                  <c:v>4.1579593507402608</c:v>
                </c:pt>
                <c:pt idx="296">
                  <c:v>4.1593574121965498</c:v>
                </c:pt>
                <c:pt idx="297">
                  <c:v>4.1607554736528387</c:v>
                </c:pt>
                <c:pt idx="298">
                  <c:v>4.1616967427521319</c:v>
                </c:pt>
                <c:pt idx="299">
                  <c:v>4.1626241696587734</c:v>
                </c:pt>
                <c:pt idx="300">
                  <c:v>4.1635515965654273</c:v>
                </c:pt>
                <c:pt idx="301">
                  <c:v>4.1649496580217171</c:v>
                </c:pt>
                <c:pt idx="302">
                  <c:v>4.165890927120997</c:v>
                </c:pt>
                <c:pt idx="303">
                  <c:v>4.1668183540276393</c:v>
                </c:pt>
                <c:pt idx="304">
                  <c:v>4.1677457809342942</c:v>
                </c:pt>
                <c:pt idx="305">
                  <c:v>4.1686870500335749</c:v>
                </c:pt>
                <c:pt idx="306">
                  <c:v>4.1696144769402297</c:v>
                </c:pt>
                <c:pt idx="307">
                  <c:v>4.1705419038468712</c:v>
                </c:pt>
                <c:pt idx="308">
                  <c:v>4.1714831729461528</c:v>
                </c:pt>
                <c:pt idx="309">
                  <c:v>4.1724105998528067</c:v>
                </c:pt>
                <c:pt idx="310">
                  <c:v>4.1733380267594491</c:v>
                </c:pt>
                <c:pt idx="311">
                  <c:v>4.1742792958587422</c:v>
                </c:pt>
                <c:pt idx="312">
                  <c:v>4.1752067227653846</c:v>
                </c:pt>
                <c:pt idx="313">
                  <c:v>4.1761479918646653</c:v>
                </c:pt>
                <c:pt idx="314">
                  <c:v>4.1770754187713193</c:v>
                </c:pt>
                <c:pt idx="315">
                  <c:v>4.1780028456779617</c:v>
                </c:pt>
                <c:pt idx="316">
                  <c:v>4.1789441147772548</c:v>
                </c:pt>
                <c:pt idx="317">
                  <c:v>4.1798715416838972</c:v>
                </c:pt>
                <c:pt idx="318">
                  <c:v>4.180798968590552</c:v>
                </c:pt>
                <c:pt idx="319">
                  <c:v>4.1817402376898318</c:v>
                </c:pt>
                <c:pt idx="320">
                  <c:v>4.1821970300468401</c:v>
                </c:pt>
                <c:pt idx="321">
                  <c:v>4.1831382991461208</c:v>
                </c:pt>
                <c:pt idx="322">
                  <c:v>4.1840657260527632</c:v>
                </c:pt>
                <c:pt idx="323">
                  <c:v>4.1845363606024097</c:v>
                </c:pt>
                <c:pt idx="324">
                  <c:v>4.1854637875090646</c:v>
                </c:pt>
                <c:pt idx="325">
                  <c:v>4.1863912144157061</c:v>
                </c:pt>
                <c:pt idx="326">
                  <c:v>4.1873324835149868</c:v>
                </c:pt>
                <c:pt idx="327">
                  <c:v>4.1882599104216416</c:v>
                </c:pt>
                <c:pt idx="328">
                  <c:v>4.189187337328284</c:v>
                </c:pt>
                <c:pt idx="329">
                  <c:v>4.1901286064275647</c:v>
                </c:pt>
                <c:pt idx="330">
                  <c:v>4.1910560333342195</c:v>
                </c:pt>
                <c:pt idx="331">
                  <c:v>4.191983460240861</c:v>
                </c:pt>
                <c:pt idx="332">
                  <c:v>4.1929247293401541</c:v>
                </c:pt>
                <c:pt idx="333">
                  <c:v>4.1938521562467965</c:v>
                </c:pt>
                <c:pt idx="334">
                  <c:v>4.1947934253460772</c:v>
                </c:pt>
                <c:pt idx="335">
                  <c:v>4.1961914868023777</c:v>
                </c:pt>
                <c:pt idx="336">
                  <c:v>4.1966482791593744</c:v>
                </c:pt>
                <c:pt idx="337">
                  <c:v>4.1975895482586667</c:v>
                </c:pt>
                <c:pt idx="338">
                  <c:v>4.19851697516531</c:v>
                </c:pt>
                <c:pt idx="339">
                  <c:v>4.1994444020719639</c:v>
                </c:pt>
                <c:pt idx="340">
                  <c:v>4.2003856711712446</c:v>
                </c:pt>
                <c:pt idx="341">
                  <c:v>4.201313098077887</c:v>
                </c:pt>
                <c:pt idx="342">
                  <c:v>4.2022405249845418</c:v>
                </c:pt>
                <c:pt idx="343">
                  <c:v>4.2031817940838216</c:v>
                </c:pt>
                <c:pt idx="344">
                  <c:v>4.2041092209904773</c:v>
                </c:pt>
                <c:pt idx="345">
                  <c:v>4.2050366478971188</c:v>
                </c:pt>
                <c:pt idx="346">
                  <c:v>4.2059779169963996</c:v>
                </c:pt>
                <c:pt idx="347">
                  <c:v>4.2069053439030544</c:v>
                </c:pt>
                <c:pt idx="348">
                  <c:v>4.2073759784526885</c:v>
                </c:pt>
                <c:pt idx="349">
                  <c:v>4.2083034053593424</c:v>
                </c:pt>
                <c:pt idx="350">
                  <c:v>4.2092308322659848</c:v>
                </c:pt>
                <c:pt idx="351">
                  <c:v>4.210172101365278</c:v>
                </c:pt>
                <c:pt idx="352">
                  <c:v>4.2106288937222738</c:v>
                </c:pt>
                <c:pt idx="353">
                  <c:v>4.2115701628215669</c:v>
                </c:pt>
                <c:pt idx="354">
                  <c:v>4.2124975897282093</c:v>
                </c:pt>
                <c:pt idx="355">
                  <c:v>4.2134388588274891</c:v>
                </c:pt>
                <c:pt idx="356">
                  <c:v>4.2138956511844974</c:v>
                </c:pt>
                <c:pt idx="357">
                  <c:v>4.2148369202837905</c:v>
                </c:pt>
                <c:pt idx="358">
                  <c:v>4.2157643471904329</c:v>
                </c:pt>
                <c:pt idx="359">
                  <c:v>4.2166917740970753</c:v>
                </c:pt>
                <c:pt idx="360">
                  <c:v>4.2171624086467219</c:v>
                </c:pt>
                <c:pt idx="361">
                  <c:v>4.2180898355533767</c:v>
                </c:pt>
                <c:pt idx="362">
                  <c:v>4.2185604701030099</c:v>
                </c:pt>
                <c:pt idx="363">
                  <c:v>4.2194878970096648</c:v>
                </c:pt>
                <c:pt idx="364">
                  <c:v>4.2204291661089455</c:v>
                </c:pt>
                <c:pt idx="365">
                  <c:v>4.2213565930155879</c:v>
                </c:pt>
                <c:pt idx="366">
                  <c:v>4.2218272275652344</c:v>
                </c:pt>
                <c:pt idx="367">
                  <c:v>4.2227546544718884</c:v>
                </c:pt>
                <c:pt idx="368">
                  <c:v>4.2232252890215234</c:v>
                </c:pt>
                <c:pt idx="369">
                  <c:v>4.2236820813785307</c:v>
                </c:pt>
                <c:pt idx="370">
                  <c:v>4.2246233504778115</c:v>
                </c:pt>
                <c:pt idx="371">
                  <c:v>4.2250801428348206</c:v>
                </c:pt>
                <c:pt idx="372">
                  <c:v>4.2260214119341004</c:v>
                </c:pt>
                <c:pt idx="373">
                  <c:v>4.2264782042911087</c:v>
                </c:pt>
                <c:pt idx="374">
                  <c:v>4.2274194733904018</c:v>
                </c:pt>
                <c:pt idx="375">
                  <c:v>4.2278762657473976</c:v>
                </c:pt>
                <c:pt idx="376">
                  <c:v>4.2288175348466908</c:v>
                </c:pt>
                <c:pt idx="377">
                  <c:v>4.2292881693963249</c:v>
                </c:pt>
                <c:pt idx="378">
                  <c:v>4.2297449617533323</c:v>
                </c:pt>
                <c:pt idx="379">
                  <c:v>4.2306862308526139</c:v>
                </c:pt>
                <c:pt idx="380">
                  <c:v>4.2311430232096212</c:v>
                </c:pt>
                <c:pt idx="381">
                  <c:v>4.2316136577592678</c:v>
                </c:pt>
                <c:pt idx="382">
                  <c:v>4.2320842923089019</c:v>
                </c:pt>
                <c:pt idx="383">
                  <c:v>4.2325410846659102</c:v>
                </c:pt>
                <c:pt idx="384">
                  <c:v>4.2334823537652024</c:v>
                </c:pt>
                <c:pt idx="385">
                  <c:v>4.2339391461221991</c:v>
                </c:pt>
                <c:pt idx="386">
                  <c:v>4.2348804152214914</c:v>
                </c:pt>
                <c:pt idx="387">
                  <c:v>4.2358078421281347</c:v>
                </c:pt>
                <c:pt idx="388">
                  <c:v>4.2362784766777812</c:v>
                </c:pt>
                <c:pt idx="389">
                  <c:v>4.2367352690347886</c:v>
                </c:pt>
                <c:pt idx="390">
                  <c:v>4.2376765381340693</c:v>
                </c:pt>
                <c:pt idx="391">
                  <c:v>4.2381333304910767</c:v>
                </c:pt>
                <c:pt idx="392">
                  <c:v>4.2390745995903583</c:v>
                </c:pt>
                <c:pt idx="393">
                  <c:v>4.2400020264969998</c:v>
                </c:pt>
                <c:pt idx="394">
                  <c:v>4.2404726610466463</c:v>
                </c:pt>
                <c:pt idx="395">
                  <c:v>4.2414000879533011</c:v>
                </c:pt>
                <c:pt idx="396">
                  <c:v>4.2418707225029353</c:v>
                </c:pt>
                <c:pt idx="397">
                  <c:v>4.2427981494095901</c:v>
                </c:pt>
                <c:pt idx="398">
                  <c:v>4.2432687839592242</c:v>
                </c:pt>
                <c:pt idx="399">
                  <c:v>4.2441962108658791</c:v>
                </c:pt>
                <c:pt idx="400">
                  <c:v>4.2446668454155132</c:v>
                </c:pt>
                <c:pt idx="401">
                  <c:v>4.2455942723221671</c:v>
                </c:pt>
                <c:pt idx="402">
                  <c:v>4.2465216992288095</c:v>
                </c:pt>
                <c:pt idx="403">
                  <c:v>4.2474629683281027</c:v>
                </c:pt>
                <c:pt idx="404">
                  <c:v>4.248390395234745</c:v>
                </c:pt>
                <c:pt idx="405">
                  <c:v>4.2493316643340258</c:v>
                </c:pt>
                <c:pt idx="406">
                  <c:v>4.2502590912406806</c:v>
                </c:pt>
                <c:pt idx="407">
                  <c:v>4.2511865181473221</c:v>
                </c:pt>
                <c:pt idx="408">
                  <c:v>4.2516571526969686</c:v>
                </c:pt>
                <c:pt idx="409">
                  <c:v>4.252584579603611</c:v>
                </c:pt>
                <c:pt idx="410">
                  <c:v>4.2535258487029042</c:v>
                </c:pt>
                <c:pt idx="411">
                  <c:v>4.2539826410599124</c:v>
                </c:pt>
                <c:pt idx="412">
                  <c:v>4.2549239101591922</c:v>
                </c:pt>
                <c:pt idx="413">
                  <c:v>4.2553807025162014</c:v>
                </c:pt>
                <c:pt idx="414">
                  <c:v>4.2563219716154812</c:v>
                </c:pt>
                <c:pt idx="415">
                  <c:v>4.2567787639724894</c:v>
                </c:pt>
                <c:pt idx="416">
                  <c:v>4.2577200330717702</c:v>
                </c:pt>
                <c:pt idx="417">
                  <c:v>4.2581768254287784</c:v>
                </c:pt>
                <c:pt idx="418">
                  <c:v>4.2591180945280591</c:v>
                </c:pt>
                <c:pt idx="419">
                  <c:v>4.2595748868850665</c:v>
                </c:pt>
                <c:pt idx="420">
                  <c:v>4.2605161559843481</c:v>
                </c:pt>
                <c:pt idx="421">
                  <c:v>4.2609729483413554</c:v>
                </c:pt>
                <c:pt idx="422">
                  <c:v>4.2619142174406361</c:v>
                </c:pt>
                <c:pt idx="423">
                  <c:v>4.2623710097976453</c:v>
                </c:pt>
                <c:pt idx="424">
                  <c:v>4.262841644347291</c:v>
                </c:pt>
                <c:pt idx="425">
                  <c:v>4.2633122788969251</c:v>
                </c:pt>
                <c:pt idx="426">
                  <c:v>4.2637690712539333</c:v>
                </c:pt>
                <c:pt idx="427">
                  <c:v>4.2647103403532265</c:v>
                </c:pt>
                <c:pt idx="428">
                  <c:v>4.2651809749028597</c:v>
                </c:pt>
                <c:pt idx="429">
                  <c:v>4.2656377672598689</c:v>
                </c:pt>
                <c:pt idx="430">
                  <c:v>4.2661084018095154</c:v>
                </c:pt>
                <c:pt idx="431">
                  <c:v>4.2665790363591496</c:v>
                </c:pt>
                <c:pt idx="432">
                  <c:v>4.2670358287161569</c:v>
                </c:pt>
                <c:pt idx="433">
                  <c:v>4.2675064632658035</c:v>
                </c:pt>
                <c:pt idx="434">
                  <c:v>4.2679770978154377</c:v>
                </c:pt>
                <c:pt idx="435">
                  <c:v>4.2684338901724459</c:v>
                </c:pt>
                <c:pt idx="436">
                  <c:v>4.2689045247220925</c:v>
                </c:pt>
                <c:pt idx="437">
                  <c:v>4.2698319516287349</c:v>
                </c:pt>
                <c:pt idx="438">
                  <c:v>4.2703025861783805</c:v>
                </c:pt>
                <c:pt idx="439">
                  <c:v>4.2712300130850238</c:v>
                </c:pt>
                <c:pt idx="440">
                  <c:v>4.2717006476346704</c:v>
                </c:pt>
                <c:pt idx="441">
                  <c:v>4.2726280745413243</c:v>
                </c:pt>
                <c:pt idx="442">
                  <c:v>4.2730987090909585</c:v>
                </c:pt>
                <c:pt idx="443">
                  <c:v>4.273569343640605</c:v>
                </c:pt>
                <c:pt idx="444">
                  <c:v>4.2744967705472474</c:v>
                </c:pt>
                <c:pt idx="445">
                  <c:v>4.274967405096894</c:v>
                </c:pt>
                <c:pt idx="446">
                  <c:v>4.2758948320035364</c:v>
                </c:pt>
                <c:pt idx="447">
                  <c:v>4.2763654665531829</c:v>
                </c:pt>
                <c:pt idx="448">
                  <c:v>4.2768222589101912</c:v>
                </c:pt>
                <c:pt idx="449">
                  <c:v>4.2772928934598244</c:v>
                </c:pt>
                <c:pt idx="450">
                  <c:v>4.2782203203664793</c:v>
                </c:pt>
                <c:pt idx="451">
                  <c:v>4.2786909549161258</c:v>
                </c:pt>
                <c:pt idx="452">
                  <c:v>4.2796183818227682</c:v>
                </c:pt>
                <c:pt idx="453">
                  <c:v>4.2800890163724148</c:v>
                </c:pt>
                <c:pt idx="454">
                  <c:v>4.2805596509220489</c:v>
                </c:pt>
                <c:pt idx="455">
                  <c:v>4.2814870778287029</c:v>
                </c:pt>
                <c:pt idx="456">
                  <c:v>4.2819577123783379</c:v>
                </c:pt>
                <c:pt idx="457">
                  <c:v>4.2828851392849918</c:v>
                </c:pt>
                <c:pt idx="458">
                  <c:v>4.2833557738346384</c:v>
                </c:pt>
                <c:pt idx="459">
                  <c:v>4.2838264083842725</c:v>
                </c:pt>
                <c:pt idx="460">
                  <c:v>4.2842832007412808</c:v>
                </c:pt>
                <c:pt idx="461">
                  <c:v>4.2847538352909273</c:v>
                </c:pt>
                <c:pt idx="462">
                  <c:v>4.2856812621975697</c:v>
                </c:pt>
                <c:pt idx="463">
                  <c:v>4.2861518967472163</c:v>
                </c:pt>
                <c:pt idx="464">
                  <c:v>4.2866225312968496</c:v>
                </c:pt>
                <c:pt idx="465">
                  <c:v>4.2870793236538587</c:v>
                </c:pt>
                <c:pt idx="466">
                  <c:v>4.2875499582035053</c:v>
                </c:pt>
                <c:pt idx="467">
                  <c:v>4.2880205927531518</c:v>
                </c:pt>
                <c:pt idx="468">
                  <c:v>4.2884773851101468</c:v>
                </c:pt>
                <c:pt idx="469">
                  <c:v>4.2889480196597933</c:v>
                </c:pt>
                <c:pt idx="470">
                  <c:v>4.2894186542094399</c:v>
                </c:pt>
                <c:pt idx="471">
                  <c:v>4.2903460811160823</c:v>
                </c:pt>
                <c:pt idx="472">
                  <c:v>4.2908167156657289</c:v>
                </c:pt>
                <c:pt idx="473">
                  <c:v>4.2912735080227371</c:v>
                </c:pt>
                <c:pt idx="474">
                  <c:v>4.2917441425723704</c:v>
                </c:pt>
                <c:pt idx="475">
                  <c:v>4.2926715694790261</c:v>
                </c:pt>
                <c:pt idx="476">
                  <c:v>4.2931422040286593</c:v>
                </c:pt>
                <c:pt idx="477">
                  <c:v>4.2940696309353141</c:v>
                </c:pt>
                <c:pt idx="478">
                  <c:v>4.2945402654849492</c:v>
                </c:pt>
                <c:pt idx="479">
                  <c:v>4.2950109000345948</c:v>
                </c:pt>
                <c:pt idx="480">
                  <c:v>4.2954676923916031</c:v>
                </c:pt>
                <c:pt idx="481">
                  <c:v>4.2959383269412372</c:v>
                </c:pt>
                <c:pt idx="482">
                  <c:v>4.2964089614908838</c:v>
                </c:pt>
                <c:pt idx="483">
                  <c:v>4.2968657538478912</c:v>
                </c:pt>
                <c:pt idx="484">
                  <c:v>4.2978070229471728</c:v>
                </c:pt>
                <c:pt idx="485">
                  <c:v>4.2982638153041801</c:v>
                </c:pt>
                <c:pt idx="486">
                  <c:v>4.2987344498538267</c:v>
                </c:pt>
                <c:pt idx="487">
                  <c:v>4.2992050844034608</c:v>
                </c:pt>
                <c:pt idx="488">
                  <c:v>4.2996618767604691</c:v>
                </c:pt>
                <c:pt idx="489">
                  <c:v>4.3001325113101156</c:v>
                </c:pt>
                <c:pt idx="490">
                  <c:v>4.3006031458597498</c:v>
                </c:pt>
                <c:pt idx="491">
                  <c:v>4.301059938216758</c:v>
                </c:pt>
                <c:pt idx="492">
                  <c:v>4.3015305727664046</c:v>
                </c:pt>
                <c:pt idx="493">
                  <c:v>4.3024718418656853</c:v>
                </c:pt>
                <c:pt idx="494">
                  <c:v>4.3029286342226936</c:v>
                </c:pt>
                <c:pt idx="495">
                  <c:v>4.3033992687723401</c:v>
                </c:pt>
                <c:pt idx="496">
                  <c:v>4.3038699033219743</c:v>
                </c:pt>
                <c:pt idx="497">
                  <c:v>4.3047973302286282</c:v>
                </c:pt>
                <c:pt idx="498">
                  <c:v>4.3052679647782623</c:v>
                </c:pt>
                <c:pt idx="499">
                  <c:v>4.3057247571352706</c:v>
                </c:pt>
                <c:pt idx="500">
                  <c:v>4.3061953916849172</c:v>
                </c:pt>
                <c:pt idx="501">
                  <c:v>4.3066660262345637</c:v>
                </c:pt>
                <c:pt idx="502">
                  <c:v>4.3071228185915595</c:v>
                </c:pt>
                <c:pt idx="503">
                  <c:v>4.3075934531412052</c:v>
                </c:pt>
                <c:pt idx="504">
                  <c:v>4.3080640876908518</c:v>
                </c:pt>
                <c:pt idx="505">
                  <c:v>4.3085208800478485</c:v>
                </c:pt>
                <c:pt idx="506">
                  <c:v>4.3089915145974951</c:v>
                </c:pt>
                <c:pt idx="507">
                  <c:v>4.309918941504149</c:v>
                </c:pt>
                <c:pt idx="508">
                  <c:v>4.3103895760537831</c:v>
                </c:pt>
                <c:pt idx="509">
                  <c:v>4.3108602106034297</c:v>
                </c:pt>
                <c:pt idx="510">
                  <c:v>4.311317002960438</c:v>
                </c:pt>
                <c:pt idx="511">
                  <c:v>4.3122582720597187</c:v>
                </c:pt>
                <c:pt idx="512">
                  <c:v>4.312715064416726</c:v>
                </c:pt>
                <c:pt idx="513">
                  <c:v>4.3131856989663602</c:v>
                </c:pt>
                <c:pt idx="514">
                  <c:v>4.3136563335160067</c:v>
                </c:pt>
                <c:pt idx="515">
                  <c:v>4.3141131258730159</c:v>
                </c:pt>
                <c:pt idx="516">
                  <c:v>4.3150543949722957</c:v>
                </c:pt>
                <c:pt idx="517">
                  <c:v>4.3155111873293039</c:v>
                </c:pt>
                <c:pt idx="518">
                  <c:v>4.3159818218789505</c:v>
                </c:pt>
                <c:pt idx="519">
                  <c:v>4.3164524564285847</c:v>
                </c:pt>
                <c:pt idx="520">
                  <c:v>4.3169092487855929</c:v>
                </c:pt>
                <c:pt idx="521">
                  <c:v>4.3173798833352395</c:v>
                </c:pt>
                <c:pt idx="522">
                  <c:v>4.3178505178848736</c:v>
                </c:pt>
                <c:pt idx="523">
                  <c:v>4.318307310241881</c:v>
                </c:pt>
                <c:pt idx="524">
                  <c:v>4.3187779447915275</c:v>
                </c:pt>
                <c:pt idx="525">
                  <c:v>4.3192485793411626</c:v>
                </c:pt>
                <c:pt idx="526">
                  <c:v>4.3197192138908092</c:v>
                </c:pt>
                <c:pt idx="527">
                  <c:v>4.3201760062478165</c:v>
                </c:pt>
                <c:pt idx="528">
                  <c:v>4.3206466407974631</c:v>
                </c:pt>
                <c:pt idx="529">
                  <c:v>4.3211172753470972</c:v>
                </c:pt>
                <c:pt idx="530">
                  <c:v>4.3215740677041055</c:v>
                </c:pt>
                <c:pt idx="531">
                  <c:v>4.322044702253752</c:v>
                </c:pt>
                <c:pt idx="532">
                  <c:v>4.3225153368033862</c:v>
                </c:pt>
                <c:pt idx="533">
                  <c:v>4.3229721291603944</c:v>
                </c:pt>
                <c:pt idx="534">
                  <c:v>4.323442763710041</c:v>
                </c:pt>
                <c:pt idx="535">
                  <c:v>4.3243701906166834</c:v>
                </c:pt>
                <c:pt idx="536">
                  <c:v>4.3248408251663299</c:v>
                </c:pt>
                <c:pt idx="537">
                  <c:v>4.3253114597159765</c:v>
                </c:pt>
                <c:pt idx="538">
                  <c:v>4.3257682520729714</c:v>
                </c:pt>
                <c:pt idx="539">
                  <c:v>4.326238886622618</c:v>
                </c:pt>
                <c:pt idx="540">
                  <c:v>4.3267095211722646</c:v>
                </c:pt>
                <c:pt idx="541">
                  <c:v>4.3271663135292604</c:v>
                </c:pt>
                <c:pt idx="542">
                  <c:v>4.327636948078907</c:v>
                </c:pt>
                <c:pt idx="543">
                  <c:v>4.3281075826285536</c:v>
                </c:pt>
                <c:pt idx="544">
                  <c:v>4.3285643749855618</c:v>
                </c:pt>
                <c:pt idx="545">
                  <c:v>4.329035009535195</c:v>
                </c:pt>
                <c:pt idx="546">
                  <c:v>4.3299624364418507</c:v>
                </c:pt>
                <c:pt idx="547">
                  <c:v>4.330433070991484</c:v>
                </c:pt>
                <c:pt idx="548">
                  <c:v>4.3309037055411306</c:v>
                </c:pt>
                <c:pt idx="549">
                  <c:v>4.3313604978981388</c:v>
                </c:pt>
                <c:pt idx="550">
                  <c:v>4.3323017669974195</c:v>
                </c:pt>
                <c:pt idx="551">
                  <c:v>4.3327585593544278</c:v>
                </c:pt>
                <c:pt idx="552">
                  <c:v>4.3332291939040744</c:v>
                </c:pt>
                <c:pt idx="553">
                  <c:v>4.3336998284537085</c:v>
                </c:pt>
                <c:pt idx="554">
                  <c:v>4.3341566208107158</c:v>
                </c:pt>
                <c:pt idx="555">
                  <c:v>4.3346272553603624</c:v>
                </c:pt>
                <c:pt idx="556">
                  <c:v>4.3350978899099974</c:v>
                </c:pt>
                <c:pt idx="557">
                  <c:v>4.3355546822670048</c:v>
                </c:pt>
                <c:pt idx="558">
                  <c:v>4.3360253168166514</c:v>
                </c:pt>
                <c:pt idx="559">
                  <c:v>4.3364959513662855</c:v>
                </c:pt>
                <c:pt idx="560">
                  <c:v>4.3369527437232938</c:v>
                </c:pt>
                <c:pt idx="561">
                  <c:v>4.3374233782729403</c:v>
                </c:pt>
                <c:pt idx="562">
                  <c:v>4.3378940128225745</c:v>
                </c:pt>
                <c:pt idx="563">
                  <c:v>4.3383646473722211</c:v>
                </c:pt>
                <c:pt idx="564">
                  <c:v>4.3388214397292293</c:v>
                </c:pt>
                <c:pt idx="565">
                  <c:v>4.3392920742788759</c:v>
                </c:pt>
                <c:pt idx="566">
                  <c:v>4.3397627088285091</c:v>
                </c:pt>
                <c:pt idx="567">
                  <c:v>4.3397627088285091</c:v>
                </c:pt>
                <c:pt idx="568">
                  <c:v>4.3402195011855174</c:v>
                </c:pt>
                <c:pt idx="569">
                  <c:v>4.3406901357351648</c:v>
                </c:pt>
                <c:pt idx="570">
                  <c:v>4.341160770284799</c:v>
                </c:pt>
                <c:pt idx="571">
                  <c:v>4.3416175626418063</c:v>
                </c:pt>
                <c:pt idx="572">
                  <c:v>4.3420881971914529</c:v>
                </c:pt>
                <c:pt idx="573">
                  <c:v>4.3420881971914529</c:v>
                </c:pt>
                <c:pt idx="574">
                  <c:v>4.342558831741087</c:v>
                </c:pt>
                <c:pt idx="575">
                  <c:v>4.3430156240980953</c:v>
                </c:pt>
                <c:pt idx="576">
                  <c:v>4.3434862586477418</c:v>
                </c:pt>
                <c:pt idx="577">
                  <c:v>4.3434862586477418</c:v>
                </c:pt>
                <c:pt idx="578">
                  <c:v>4.3439568931973884</c:v>
                </c:pt>
                <c:pt idx="579">
                  <c:v>4.3444136855543842</c:v>
                </c:pt>
                <c:pt idx="580">
                  <c:v>4.3448843201040299</c:v>
                </c:pt>
                <c:pt idx="581">
                  <c:v>4.3448843201040299</c:v>
                </c:pt>
                <c:pt idx="582">
                  <c:v>4.3453549546536765</c:v>
                </c:pt>
                <c:pt idx="583">
                  <c:v>4.3458117470106732</c:v>
                </c:pt>
                <c:pt idx="584">
                  <c:v>4.3462823815603198</c:v>
                </c:pt>
                <c:pt idx="585">
                  <c:v>4.3467530161099655</c:v>
                </c:pt>
                <c:pt idx="586">
                  <c:v>4.3472098084669737</c:v>
                </c:pt>
                <c:pt idx="587">
                  <c:v>4.3476804430166078</c:v>
                </c:pt>
                <c:pt idx="588">
                  <c:v>4.3481510775662544</c:v>
                </c:pt>
                <c:pt idx="589">
                  <c:v>4.3486078699232626</c:v>
                </c:pt>
                <c:pt idx="590">
                  <c:v>4.3490785044728968</c:v>
                </c:pt>
                <c:pt idx="591">
                  <c:v>4.3495491390225434</c:v>
                </c:pt>
                <c:pt idx="592">
                  <c:v>4.3500059313795507</c:v>
                </c:pt>
                <c:pt idx="593">
                  <c:v>4.3504765659291849</c:v>
                </c:pt>
                <c:pt idx="594">
                  <c:v>4.3509472004788314</c:v>
                </c:pt>
                <c:pt idx="595">
                  <c:v>4.3509472004788314</c:v>
                </c:pt>
                <c:pt idx="596">
                  <c:v>4.3514039928358406</c:v>
                </c:pt>
                <c:pt idx="597">
                  <c:v>4.3518746273854862</c:v>
                </c:pt>
                <c:pt idx="598">
                  <c:v>4.3523452619351204</c:v>
                </c:pt>
                <c:pt idx="599">
                  <c:v>4.3528020542921286</c:v>
                </c:pt>
                <c:pt idx="600">
                  <c:v>4.3532726888417752</c:v>
                </c:pt>
                <c:pt idx="601">
                  <c:v>4.3537433233914093</c:v>
                </c:pt>
                <c:pt idx="602">
                  <c:v>4.3542001157484176</c:v>
                </c:pt>
                <c:pt idx="603">
                  <c:v>4.3546707502980642</c:v>
                </c:pt>
                <c:pt idx="604">
                  <c:v>4.3551413848476983</c:v>
                </c:pt>
                <c:pt idx="605">
                  <c:v>4.3556120193973449</c:v>
                </c:pt>
                <c:pt idx="606">
                  <c:v>4.3560688117543522</c:v>
                </c:pt>
                <c:pt idx="607">
                  <c:v>4.3565394463039988</c:v>
                </c:pt>
                <c:pt idx="608">
                  <c:v>4.3565394463039988</c:v>
                </c:pt>
                <c:pt idx="609">
                  <c:v>4.3570100808536338</c:v>
                </c:pt>
                <c:pt idx="610">
                  <c:v>4.3570100808536338</c:v>
                </c:pt>
                <c:pt idx="611">
                  <c:v>4.3574668732106412</c:v>
                </c:pt>
                <c:pt idx="612">
                  <c:v>4.3574668732106412</c:v>
                </c:pt>
                <c:pt idx="613">
                  <c:v>4.3579375077602878</c:v>
                </c:pt>
                <c:pt idx="614">
                  <c:v>4.3579375077602878</c:v>
                </c:pt>
                <c:pt idx="615">
                  <c:v>4.3584081423099219</c:v>
                </c:pt>
                <c:pt idx="616">
                  <c:v>4.3584081423099219</c:v>
                </c:pt>
                <c:pt idx="617">
                  <c:v>4.3588649346669301</c:v>
                </c:pt>
                <c:pt idx="618">
                  <c:v>4.3588649346669301</c:v>
                </c:pt>
                <c:pt idx="619">
                  <c:v>4.3593355692165758</c:v>
                </c:pt>
                <c:pt idx="620">
                  <c:v>4.3598062037662109</c:v>
                </c:pt>
                <c:pt idx="621">
                  <c:v>4.3602629961232191</c:v>
                </c:pt>
                <c:pt idx="622">
                  <c:v>4.3612042652224989</c:v>
                </c:pt>
                <c:pt idx="623">
                  <c:v>4.3616610575795081</c:v>
                </c:pt>
                <c:pt idx="624">
                  <c:v>4.3626023266788012</c:v>
                </c:pt>
                <c:pt idx="625">
                  <c:v>4.3630591190357961</c:v>
                </c:pt>
                <c:pt idx="626">
                  <c:v>4.3635297535854427</c:v>
                </c:pt>
                <c:pt idx="627">
                  <c:v>4.3640003881350893</c:v>
                </c:pt>
                <c:pt idx="628">
                  <c:v>4.3644571804920851</c:v>
                </c:pt>
                <c:pt idx="629">
                  <c:v>4.3644571804920851</c:v>
                </c:pt>
                <c:pt idx="630">
                  <c:v>4.3649278150417317</c:v>
                </c:pt>
                <c:pt idx="631">
                  <c:v>4.3653984495913782</c:v>
                </c:pt>
                <c:pt idx="632">
                  <c:v>4.3658552419483865</c:v>
                </c:pt>
                <c:pt idx="633">
                  <c:v>4.3663258764980197</c:v>
                </c:pt>
                <c:pt idx="634">
                  <c:v>4.3667965110476663</c:v>
                </c:pt>
                <c:pt idx="635">
                  <c:v>4.3672533034046754</c:v>
                </c:pt>
                <c:pt idx="636">
                  <c:v>4.3677239379543087</c:v>
                </c:pt>
                <c:pt idx="637">
                  <c:v>4.3681945725039553</c:v>
                </c:pt>
                <c:pt idx="638">
                  <c:v>4.3691219994105976</c:v>
                </c:pt>
                <c:pt idx="639">
                  <c:v>4.3695926339602442</c:v>
                </c:pt>
                <c:pt idx="640">
                  <c:v>4.3700494263172525</c:v>
                </c:pt>
                <c:pt idx="641">
                  <c:v>4.3709906954165332</c:v>
                </c:pt>
                <c:pt idx="642">
                  <c:v>4.3714474877735405</c:v>
                </c:pt>
                <c:pt idx="643">
                  <c:v>4.3719181223231871</c:v>
                </c:pt>
                <c:pt idx="644">
                  <c:v>4.3728455492298295</c:v>
                </c:pt>
                <c:pt idx="645">
                  <c:v>4.3733161837794761</c:v>
                </c:pt>
                <c:pt idx="646">
                  <c:v>4.3737868183291102</c:v>
                </c:pt>
                <c:pt idx="647">
                  <c:v>4.3742574528787568</c:v>
                </c:pt>
                <c:pt idx="648">
                  <c:v>4.3742574528787568</c:v>
                </c:pt>
                <c:pt idx="649">
                  <c:v>4.374714245235765</c:v>
                </c:pt>
                <c:pt idx="650">
                  <c:v>4.3751848797854116</c:v>
                </c:pt>
                <c:pt idx="651">
                  <c:v>4.3756555143350457</c:v>
                </c:pt>
                <c:pt idx="652">
                  <c:v>4.376112306692054</c:v>
                </c:pt>
                <c:pt idx="653">
                  <c:v>4.3765829412417006</c:v>
                </c:pt>
                <c:pt idx="654">
                  <c:v>4.3765829412417006</c:v>
                </c:pt>
                <c:pt idx="655">
                  <c:v>4.3770535757913347</c:v>
                </c:pt>
                <c:pt idx="656">
                  <c:v>4.377510368148342</c:v>
                </c:pt>
                <c:pt idx="657">
                  <c:v>4.3779810026979886</c:v>
                </c:pt>
                <c:pt idx="658">
                  <c:v>4.3784516372476237</c:v>
                </c:pt>
                <c:pt idx="659">
                  <c:v>4.378908429604631</c:v>
                </c:pt>
                <c:pt idx="660">
                  <c:v>4.3798496987039117</c:v>
                </c:pt>
                <c:pt idx="661">
                  <c:v>4.3798496987039117</c:v>
                </c:pt>
                <c:pt idx="662">
                  <c:v>4.38030649106092</c:v>
                </c:pt>
                <c:pt idx="663">
                  <c:v>4.3807771256105665</c:v>
                </c:pt>
                <c:pt idx="664">
                  <c:v>4.3812477601602131</c:v>
                </c:pt>
                <c:pt idx="665">
                  <c:v>4.3817045525172089</c:v>
                </c:pt>
                <c:pt idx="666">
                  <c:v>4.3821751870668546</c:v>
                </c:pt>
                <c:pt idx="667">
                  <c:v>4.3821751870668546</c:v>
                </c:pt>
                <c:pt idx="668">
                  <c:v>4.3826458216165012</c:v>
                </c:pt>
                <c:pt idx="669">
                  <c:v>4.3826458216165012</c:v>
                </c:pt>
                <c:pt idx="670">
                  <c:v>4.3826458216165012</c:v>
                </c:pt>
                <c:pt idx="671">
                  <c:v>4.3826458216165012</c:v>
                </c:pt>
                <c:pt idx="672">
                  <c:v>4.3826458216165012</c:v>
                </c:pt>
                <c:pt idx="673">
                  <c:v>4.3826458216165012</c:v>
                </c:pt>
                <c:pt idx="674">
                  <c:v>4.3826458216165012</c:v>
                </c:pt>
                <c:pt idx="675">
                  <c:v>4.3831026139734979</c:v>
                </c:pt>
                <c:pt idx="676">
                  <c:v>4.3831026139734979</c:v>
                </c:pt>
                <c:pt idx="677">
                  <c:v>4.3835732485231444</c:v>
                </c:pt>
                <c:pt idx="678">
                  <c:v>4.3840438830727901</c:v>
                </c:pt>
                <c:pt idx="679">
                  <c:v>4.3840438830727901</c:v>
                </c:pt>
                <c:pt idx="680">
                  <c:v>4.3845006754297984</c:v>
                </c:pt>
                <c:pt idx="681">
                  <c:v>4.3849713099794325</c:v>
                </c:pt>
                <c:pt idx="682">
                  <c:v>4.3849713099794325</c:v>
                </c:pt>
                <c:pt idx="683">
                  <c:v>4.3854419445290791</c:v>
                </c:pt>
                <c:pt idx="684">
                  <c:v>4.3854419445290791</c:v>
                </c:pt>
                <c:pt idx="685">
                  <c:v>4.3858987368860864</c:v>
                </c:pt>
                <c:pt idx="686">
                  <c:v>4.3863693714357215</c:v>
                </c:pt>
                <c:pt idx="687">
                  <c:v>4.3868400059853681</c:v>
                </c:pt>
                <c:pt idx="688">
                  <c:v>4.3868400059853681</c:v>
                </c:pt>
                <c:pt idx="689">
                  <c:v>4.3872967983423754</c:v>
                </c:pt>
                <c:pt idx="690">
                  <c:v>4.3872967983423754</c:v>
                </c:pt>
                <c:pt idx="691">
                  <c:v>4.3877674328920095</c:v>
                </c:pt>
                <c:pt idx="692">
                  <c:v>4.3882380674416561</c:v>
                </c:pt>
                <c:pt idx="693">
                  <c:v>4.3886948597986652</c:v>
                </c:pt>
                <c:pt idx="694">
                  <c:v>4.3891654943483109</c:v>
                </c:pt>
                <c:pt idx="695">
                  <c:v>4.3896361288979451</c:v>
                </c:pt>
                <c:pt idx="696">
                  <c:v>4.3900929212549533</c:v>
                </c:pt>
                <c:pt idx="697">
                  <c:v>4.3905635558045999</c:v>
                </c:pt>
                <c:pt idx="698">
                  <c:v>4.391034190354234</c:v>
                </c:pt>
                <c:pt idx="699">
                  <c:v>4.3914909827112423</c:v>
                </c:pt>
                <c:pt idx="700">
                  <c:v>4.3914909827112423</c:v>
                </c:pt>
                <c:pt idx="701">
                  <c:v>4.3919616172608889</c:v>
                </c:pt>
                <c:pt idx="702">
                  <c:v>4.392432251810523</c:v>
                </c:pt>
                <c:pt idx="703">
                  <c:v>4.392432251810523</c:v>
                </c:pt>
                <c:pt idx="704">
                  <c:v>4.3929028863601696</c:v>
                </c:pt>
                <c:pt idx="705">
                  <c:v>4.3933596787171769</c:v>
                </c:pt>
                <c:pt idx="706">
                  <c:v>4.3933596787171769</c:v>
                </c:pt>
                <c:pt idx="707">
                  <c:v>4.3938303132668235</c:v>
                </c:pt>
                <c:pt idx="708">
                  <c:v>4.3943009478164585</c:v>
                </c:pt>
                <c:pt idx="709">
                  <c:v>4.3943009478164585</c:v>
                </c:pt>
                <c:pt idx="710">
                  <c:v>4.3947577401734659</c:v>
                </c:pt>
                <c:pt idx="711">
                  <c:v>4.3952283747231125</c:v>
                </c:pt>
                <c:pt idx="712">
                  <c:v>4.3952283747231125</c:v>
                </c:pt>
                <c:pt idx="713">
                  <c:v>4.3956990092727466</c:v>
                </c:pt>
                <c:pt idx="714">
                  <c:v>4.3961558016297548</c:v>
                </c:pt>
                <c:pt idx="715">
                  <c:v>4.3966264361794005</c:v>
                </c:pt>
                <c:pt idx="716">
                  <c:v>4.3966264361794005</c:v>
                </c:pt>
                <c:pt idx="717">
                  <c:v>4.3970970707290356</c:v>
                </c:pt>
                <c:pt idx="718">
                  <c:v>4.3975538630860438</c:v>
                </c:pt>
                <c:pt idx="719">
                  <c:v>4.3975538630860438</c:v>
                </c:pt>
                <c:pt idx="720">
                  <c:v>4.3980244976356904</c:v>
                </c:pt>
                <c:pt idx="721">
                  <c:v>4.3984951321853236</c:v>
                </c:pt>
                <c:pt idx="722">
                  <c:v>4.3989519245423319</c:v>
                </c:pt>
                <c:pt idx="723">
                  <c:v>4.3994225590919793</c:v>
                </c:pt>
                <c:pt idx="724">
                  <c:v>4.3998931936416259</c:v>
                </c:pt>
                <c:pt idx="725">
                  <c:v>4.4003499859986208</c:v>
                </c:pt>
                <c:pt idx="726">
                  <c:v>4.4008206205482674</c:v>
                </c:pt>
                <c:pt idx="727">
                  <c:v>4.401291255097914</c:v>
                </c:pt>
                <c:pt idx="728">
                  <c:v>4.4017480474549213</c:v>
                </c:pt>
                <c:pt idx="729">
                  <c:v>4.4022186820045563</c:v>
                </c:pt>
                <c:pt idx="730">
                  <c:v>4.4022186820045563</c:v>
                </c:pt>
                <c:pt idx="731">
                  <c:v>4.4026893165542029</c:v>
                </c:pt>
                <c:pt idx="732">
                  <c:v>4.4031461089112112</c:v>
                </c:pt>
                <c:pt idx="733">
                  <c:v>4.4036167434608444</c:v>
                </c:pt>
                <c:pt idx="734">
                  <c:v>4.404087378010491</c:v>
                </c:pt>
                <c:pt idx="735">
                  <c:v>4.4045441703674992</c:v>
                </c:pt>
                <c:pt idx="736">
                  <c:v>4.4050148049171334</c:v>
                </c:pt>
                <c:pt idx="737">
                  <c:v>4.4050148049171334</c:v>
                </c:pt>
                <c:pt idx="738">
                  <c:v>4.40548543946678</c:v>
                </c:pt>
                <c:pt idx="739">
                  <c:v>4.4059422318237882</c:v>
                </c:pt>
                <c:pt idx="740">
                  <c:v>4.4064128663734223</c:v>
                </c:pt>
                <c:pt idx="741">
                  <c:v>4.4068835009230689</c:v>
                </c:pt>
                <c:pt idx="742">
                  <c:v>4.4068835009230689</c:v>
                </c:pt>
                <c:pt idx="743">
                  <c:v>4.4073402932800771</c:v>
                </c:pt>
                <c:pt idx="744">
                  <c:v>4.4073402932800771</c:v>
                </c:pt>
                <c:pt idx="745">
                  <c:v>4.4073402932800771</c:v>
                </c:pt>
                <c:pt idx="746">
                  <c:v>4.4078109278297237</c:v>
                </c:pt>
                <c:pt idx="747">
                  <c:v>4.4078109278297237</c:v>
                </c:pt>
                <c:pt idx="748">
                  <c:v>4.4082815623793579</c:v>
                </c:pt>
                <c:pt idx="749">
                  <c:v>4.4082815623793579</c:v>
                </c:pt>
                <c:pt idx="750">
                  <c:v>4.4082815623793579</c:v>
                </c:pt>
                <c:pt idx="751">
                  <c:v>4.4087383547363652</c:v>
                </c:pt>
                <c:pt idx="752">
                  <c:v>4.4087383547363652</c:v>
                </c:pt>
                <c:pt idx="753">
                  <c:v>4.4092089892860118</c:v>
                </c:pt>
                <c:pt idx="754">
                  <c:v>4.4096796238356459</c:v>
                </c:pt>
                <c:pt idx="755">
                  <c:v>4.4096796238356459</c:v>
                </c:pt>
                <c:pt idx="756">
                  <c:v>4.4101502583852925</c:v>
                </c:pt>
                <c:pt idx="757">
                  <c:v>4.4106070507423007</c:v>
                </c:pt>
                <c:pt idx="758">
                  <c:v>4.4110776852919349</c:v>
                </c:pt>
                <c:pt idx="759">
                  <c:v>4.4110776852919349</c:v>
                </c:pt>
                <c:pt idx="760">
                  <c:v>4.4115483198415815</c:v>
                </c:pt>
                <c:pt idx="761">
                  <c:v>4.4120051121985897</c:v>
                </c:pt>
                <c:pt idx="762">
                  <c:v>4.4120051121985897</c:v>
                </c:pt>
                <c:pt idx="763">
                  <c:v>4.4124757467482363</c:v>
                </c:pt>
                <c:pt idx="764">
                  <c:v>4.4124757467482363</c:v>
                </c:pt>
                <c:pt idx="765">
                  <c:v>4.4129463812978704</c:v>
                </c:pt>
                <c:pt idx="766">
                  <c:v>4.4134031736548787</c:v>
                </c:pt>
                <c:pt idx="767">
                  <c:v>4.4138738082045252</c:v>
                </c:pt>
                <c:pt idx="768">
                  <c:v>4.4138738082045252</c:v>
                </c:pt>
                <c:pt idx="769">
                  <c:v>4.4143444427541585</c:v>
                </c:pt>
                <c:pt idx="770">
                  <c:v>4.4148012351111667</c:v>
                </c:pt>
                <c:pt idx="771">
                  <c:v>4.4152718696608133</c:v>
                </c:pt>
                <c:pt idx="772">
                  <c:v>4.4157425042104483</c:v>
                </c:pt>
                <c:pt idx="773">
                  <c:v>4.4161992965674557</c:v>
                </c:pt>
                <c:pt idx="774">
                  <c:v>4.4166699311171023</c:v>
                </c:pt>
                <c:pt idx="775">
                  <c:v>4.4166699311171023</c:v>
                </c:pt>
                <c:pt idx="776">
                  <c:v>4.4171405656667488</c:v>
                </c:pt>
                <c:pt idx="777">
                  <c:v>4.4175973580237438</c:v>
                </c:pt>
                <c:pt idx="778">
                  <c:v>4.4175973580237438</c:v>
                </c:pt>
                <c:pt idx="779">
                  <c:v>4.4180679925733903</c:v>
                </c:pt>
                <c:pt idx="780">
                  <c:v>4.4185386271230369</c:v>
                </c:pt>
                <c:pt idx="781">
                  <c:v>4.4189954194800336</c:v>
                </c:pt>
                <c:pt idx="782">
                  <c:v>4.4189954194800336</c:v>
                </c:pt>
                <c:pt idx="783">
                  <c:v>4.4194660540296793</c:v>
                </c:pt>
                <c:pt idx="784">
                  <c:v>4.4199366885793259</c:v>
                </c:pt>
                <c:pt idx="785">
                  <c:v>4.4199366885793259</c:v>
                </c:pt>
                <c:pt idx="786">
                  <c:v>4.4203934809363341</c:v>
                </c:pt>
                <c:pt idx="787">
                  <c:v>4.4208641154859691</c:v>
                </c:pt>
                <c:pt idx="788">
                  <c:v>4.4208641154859691</c:v>
                </c:pt>
                <c:pt idx="789">
                  <c:v>4.4213347500356148</c:v>
                </c:pt>
                <c:pt idx="790">
                  <c:v>4.4213347500356148</c:v>
                </c:pt>
                <c:pt idx="791">
                  <c:v>4.4217915423926231</c:v>
                </c:pt>
                <c:pt idx="792">
                  <c:v>4.4222621769422572</c:v>
                </c:pt>
                <c:pt idx="793">
                  <c:v>4.4222621769422572</c:v>
                </c:pt>
                <c:pt idx="794">
                  <c:v>4.4227328114919038</c:v>
                </c:pt>
                <c:pt idx="795">
                  <c:v>4.4231896038489111</c:v>
                </c:pt>
                <c:pt idx="796">
                  <c:v>4.4231896038489111</c:v>
                </c:pt>
                <c:pt idx="797">
                  <c:v>4.4236602383985462</c:v>
                </c:pt>
                <c:pt idx="798">
                  <c:v>4.4241308729481927</c:v>
                </c:pt>
                <c:pt idx="799">
                  <c:v>4.4241308729481927</c:v>
                </c:pt>
                <c:pt idx="800">
                  <c:v>4.4245876653052001</c:v>
                </c:pt>
                <c:pt idx="801">
                  <c:v>4.4245876653052001</c:v>
                </c:pt>
                <c:pt idx="802">
                  <c:v>4.4250582998548342</c:v>
                </c:pt>
                <c:pt idx="803">
                  <c:v>4.4255289344044808</c:v>
                </c:pt>
                <c:pt idx="804">
                  <c:v>4.4255289344044808</c:v>
                </c:pt>
                <c:pt idx="805">
                  <c:v>4.4259857267614899</c:v>
                </c:pt>
                <c:pt idx="806">
                  <c:v>4.4259857267614899</c:v>
                </c:pt>
                <c:pt idx="807">
                  <c:v>4.4264563613111356</c:v>
                </c:pt>
                <c:pt idx="808">
                  <c:v>4.4264563613111356</c:v>
                </c:pt>
                <c:pt idx="809">
                  <c:v>4.4264563613111356</c:v>
                </c:pt>
                <c:pt idx="810">
                  <c:v>4.4269269958607698</c:v>
                </c:pt>
                <c:pt idx="811">
                  <c:v>4.4269269958607698</c:v>
                </c:pt>
                <c:pt idx="812">
                  <c:v>4.427383788217778</c:v>
                </c:pt>
                <c:pt idx="813">
                  <c:v>4.427383788217778</c:v>
                </c:pt>
                <c:pt idx="814">
                  <c:v>4.4278544227674246</c:v>
                </c:pt>
                <c:pt idx="815">
                  <c:v>4.4278544227674246</c:v>
                </c:pt>
                <c:pt idx="816">
                  <c:v>4.4283250573170587</c:v>
                </c:pt>
                <c:pt idx="817">
                  <c:v>4.4283250573170587</c:v>
                </c:pt>
                <c:pt idx="818">
                  <c:v>4.4287956918667053</c:v>
                </c:pt>
                <c:pt idx="819">
                  <c:v>4.4287956918667053</c:v>
                </c:pt>
                <c:pt idx="820">
                  <c:v>4.4292524842237135</c:v>
                </c:pt>
                <c:pt idx="821">
                  <c:v>4.4292524842237135</c:v>
                </c:pt>
                <c:pt idx="822">
                  <c:v>4.4297231187733477</c:v>
                </c:pt>
                <c:pt idx="823">
                  <c:v>4.4301937533229943</c:v>
                </c:pt>
                <c:pt idx="824">
                  <c:v>4.4306505456800016</c:v>
                </c:pt>
                <c:pt idx="825">
                  <c:v>4.4311211802296482</c:v>
                </c:pt>
                <c:pt idx="826">
                  <c:v>4.4311211802296482</c:v>
                </c:pt>
                <c:pt idx="827">
                  <c:v>4.4315918147792823</c:v>
                </c:pt>
                <c:pt idx="828">
                  <c:v>4.4320486071362906</c:v>
                </c:pt>
                <c:pt idx="829">
                  <c:v>4.4325192416859371</c:v>
                </c:pt>
                <c:pt idx="830">
                  <c:v>4.4325192416859371</c:v>
                </c:pt>
                <c:pt idx="831">
                  <c:v>4.4329898762355713</c:v>
                </c:pt>
                <c:pt idx="832">
                  <c:v>4.4334466685925795</c:v>
                </c:pt>
                <c:pt idx="833">
                  <c:v>4.4334466685925795</c:v>
                </c:pt>
                <c:pt idx="834">
                  <c:v>4.4339173031422252</c:v>
                </c:pt>
                <c:pt idx="835">
                  <c:v>4.4339173031422252</c:v>
                </c:pt>
                <c:pt idx="836">
                  <c:v>4.4343879376918602</c:v>
                </c:pt>
                <c:pt idx="837">
                  <c:v>4.4348447300488685</c:v>
                </c:pt>
                <c:pt idx="838">
                  <c:v>4.4353153645985151</c:v>
                </c:pt>
                <c:pt idx="839">
                  <c:v>4.4353153645985151</c:v>
                </c:pt>
                <c:pt idx="840">
                  <c:v>4.4357859991481607</c:v>
                </c:pt>
                <c:pt idx="841">
                  <c:v>4.4362427915051565</c:v>
                </c:pt>
                <c:pt idx="842">
                  <c:v>4.4367134260548031</c:v>
                </c:pt>
                <c:pt idx="843">
                  <c:v>4.4367134260548031</c:v>
                </c:pt>
                <c:pt idx="844">
                  <c:v>4.4371840606044497</c:v>
                </c:pt>
                <c:pt idx="845">
                  <c:v>4.4376408529614455</c:v>
                </c:pt>
                <c:pt idx="846">
                  <c:v>4.4376408529614455</c:v>
                </c:pt>
                <c:pt idx="847">
                  <c:v>4.4381114875110921</c:v>
                </c:pt>
                <c:pt idx="848">
                  <c:v>4.4381114875110921</c:v>
                </c:pt>
                <c:pt idx="849">
                  <c:v>4.4385821220607387</c:v>
                </c:pt>
                <c:pt idx="850">
                  <c:v>4.4385821220607387</c:v>
                </c:pt>
                <c:pt idx="851">
                  <c:v>4.439038914417746</c:v>
                </c:pt>
                <c:pt idx="852">
                  <c:v>4.439038914417746</c:v>
                </c:pt>
                <c:pt idx="853">
                  <c:v>4.439509548967381</c:v>
                </c:pt>
                <c:pt idx="854">
                  <c:v>4.4399801835170276</c:v>
                </c:pt>
                <c:pt idx="855">
                  <c:v>4.4404369758740359</c:v>
                </c:pt>
                <c:pt idx="856">
                  <c:v>4.4404369758740359</c:v>
                </c:pt>
                <c:pt idx="857">
                  <c:v>4.4409076104236691</c:v>
                </c:pt>
                <c:pt idx="858">
                  <c:v>4.4413782449733157</c:v>
                </c:pt>
                <c:pt idx="859">
                  <c:v>4.4418350373303239</c:v>
                </c:pt>
                <c:pt idx="860">
                  <c:v>4.4418350373303239</c:v>
                </c:pt>
                <c:pt idx="861">
                  <c:v>4.4423056718799581</c:v>
                </c:pt>
                <c:pt idx="862">
                  <c:v>4.4423056718799581</c:v>
                </c:pt>
                <c:pt idx="863">
                  <c:v>4.4423056718799581</c:v>
                </c:pt>
                <c:pt idx="864">
                  <c:v>4.4427763064296046</c:v>
                </c:pt>
                <c:pt idx="865">
                  <c:v>4.4427763064296046</c:v>
                </c:pt>
                <c:pt idx="866">
                  <c:v>4.4427763064296046</c:v>
                </c:pt>
                <c:pt idx="867">
                  <c:v>4.4432330987866129</c:v>
                </c:pt>
                <c:pt idx="868">
                  <c:v>4.4432330987866129</c:v>
                </c:pt>
                <c:pt idx="869">
                  <c:v>4.4437037333362595</c:v>
                </c:pt>
                <c:pt idx="870">
                  <c:v>4.4437037333362595</c:v>
                </c:pt>
                <c:pt idx="871">
                  <c:v>4.4441743678858936</c:v>
                </c:pt>
                <c:pt idx="872">
                  <c:v>4.4446311602429009</c:v>
                </c:pt>
                <c:pt idx="873">
                  <c:v>4.4446311602429009</c:v>
                </c:pt>
                <c:pt idx="874">
                  <c:v>4.4451017947925475</c:v>
                </c:pt>
                <c:pt idx="875">
                  <c:v>4.4451017947925475</c:v>
                </c:pt>
                <c:pt idx="876">
                  <c:v>4.4455724293421826</c:v>
                </c:pt>
                <c:pt idx="877">
                  <c:v>4.4455724293421826</c:v>
                </c:pt>
                <c:pt idx="878">
                  <c:v>4.4455724293421826</c:v>
                </c:pt>
                <c:pt idx="879">
                  <c:v>4.4460430638918291</c:v>
                </c:pt>
                <c:pt idx="880">
                  <c:v>4.4460430638918291</c:v>
                </c:pt>
                <c:pt idx="881">
                  <c:v>4.4464998562488365</c:v>
                </c:pt>
                <c:pt idx="882">
                  <c:v>4.4464998562488365</c:v>
                </c:pt>
                <c:pt idx="883">
                  <c:v>4.4469704907984706</c:v>
                </c:pt>
                <c:pt idx="884">
                  <c:v>4.4474411253481172</c:v>
                </c:pt>
                <c:pt idx="885">
                  <c:v>4.4474411253481172</c:v>
                </c:pt>
                <c:pt idx="886">
                  <c:v>4.4478979177051254</c:v>
                </c:pt>
                <c:pt idx="887">
                  <c:v>4.4483685522547596</c:v>
                </c:pt>
                <c:pt idx="888">
                  <c:v>4.4488391868044062</c:v>
                </c:pt>
                <c:pt idx="889">
                  <c:v>4.4492959791614144</c:v>
                </c:pt>
                <c:pt idx="890">
                  <c:v>4.449766613711061</c:v>
                </c:pt>
                <c:pt idx="891">
                  <c:v>4.4502372482606942</c:v>
                </c:pt>
                <c:pt idx="892">
                  <c:v>4.4506940406177034</c:v>
                </c:pt>
                <c:pt idx="893">
                  <c:v>4.4511646751673499</c:v>
                </c:pt>
                <c:pt idx="894">
                  <c:v>4.4516353097169841</c:v>
                </c:pt>
                <c:pt idx="895">
                  <c:v>4.4520921020739914</c:v>
                </c:pt>
                <c:pt idx="896">
                  <c:v>4.4520921020739914</c:v>
                </c:pt>
                <c:pt idx="897">
                  <c:v>4.452562736623638</c:v>
                </c:pt>
                <c:pt idx="898">
                  <c:v>4.453033371173273</c:v>
                </c:pt>
                <c:pt idx="899">
                  <c:v>4.453033371173273</c:v>
                </c:pt>
                <c:pt idx="900">
                  <c:v>4.4534901635302804</c:v>
                </c:pt>
                <c:pt idx="901">
                  <c:v>4.453960798079927</c:v>
                </c:pt>
                <c:pt idx="902">
                  <c:v>4.453960798079927</c:v>
                </c:pt>
                <c:pt idx="903">
                  <c:v>4.4544314326295735</c:v>
                </c:pt>
                <c:pt idx="904">
                  <c:v>4.4548882249865684</c:v>
                </c:pt>
                <c:pt idx="905">
                  <c:v>4.4548882249865684</c:v>
                </c:pt>
                <c:pt idx="906">
                  <c:v>4.455358859536215</c:v>
                </c:pt>
                <c:pt idx="907">
                  <c:v>4.455358859536215</c:v>
                </c:pt>
                <c:pt idx="908">
                  <c:v>4.4558294940858616</c:v>
                </c:pt>
                <c:pt idx="909">
                  <c:v>4.4558294940858616</c:v>
                </c:pt>
                <c:pt idx="910">
                  <c:v>4.4562862864428583</c:v>
                </c:pt>
                <c:pt idx="911">
                  <c:v>4.4562862864428583</c:v>
                </c:pt>
                <c:pt idx="912">
                  <c:v>4.456756920992504</c:v>
                </c:pt>
                <c:pt idx="913">
                  <c:v>4.456756920992504</c:v>
                </c:pt>
                <c:pt idx="914">
                  <c:v>4.456756920992504</c:v>
                </c:pt>
                <c:pt idx="915">
                  <c:v>4.4572275555421506</c:v>
                </c:pt>
                <c:pt idx="916">
                  <c:v>4.4572275555421506</c:v>
                </c:pt>
                <c:pt idx="917">
                  <c:v>4.4572275555421506</c:v>
                </c:pt>
                <c:pt idx="918">
                  <c:v>4.4572275555421506</c:v>
                </c:pt>
                <c:pt idx="919">
                  <c:v>4.4576843478991588</c:v>
                </c:pt>
                <c:pt idx="920">
                  <c:v>4.4576843478991588</c:v>
                </c:pt>
                <c:pt idx="921">
                  <c:v>4.4576843478991588</c:v>
                </c:pt>
                <c:pt idx="922">
                  <c:v>4.4581549824487938</c:v>
                </c:pt>
                <c:pt idx="923">
                  <c:v>4.4581549824487938</c:v>
                </c:pt>
                <c:pt idx="924">
                  <c:v>4.4586256169984395</c:v>
                </c:pt>
                <c:pt idx="925">
                  <c:v>4.4586256169984395</c:v>
                </c:pt>
                <c:pt idx="926">
                  <c:v>4.4590824093554478</c:v>
                </c:pt>
                <c:pt idx="927">
                  <c:v>4.4590824093554478</c:v>
                </c:pt>
                <c:pt idx="928">
                  <c:v>4.4590824093554478</c:v>
                </c:pt>
                <c:pt idx="929">
                  <c:v>4.4595530439050819</c:v>
                </c:pt>
                <c:pt idx="930">
                  <c:v>4.4595530439050819</c:v>
                </c:pt>
                <c:pt idx="931">
                  <c:v>4.4595530439050819</c:v>
                </c:pt>
                <c:pt idx="932">
                  <c:v>4.4600236784547285</c:v>
                </c:pt>
                <c:pt idx="933">
                  <c:v>4.4600236784547285</c:v>
                </c:pt>
                <c:pt idx="934">
                  <c:v>4.4604804708117358</c:v>
                </c:pt>
                <c:pt idx="935">
                  <c:v>4.4604804708117358</c:v>
                </c:pt>
                <c:pt idx="936">
                  <c:v>4.4609511053613708</c:v>
                </c:pt>
                <c:pt idx="937">
                  <c:v>4.4609511053613708</c:v>
                </c:pt>
                <c:pt idx="938">
                  <c:v>4.4614217399110174</c:v>
                </c:pt>
                <c:pt idx="939">
                  <c:v>4.4618785322680248</c:v>
                </c:pt>
                <c:pt idx="940">
                  <c:v>4.4618785322680248</c:v>
                </c:pt>
                <c:pt idx="941">
                  <c:v>4.4623491668176714</c:v>
                </c:pt>
                <c:pt idx="942">
                  <c:v>4.4628198013673055</c:v>
                </c:pt>
                <c:pt idx="943">
                  <c:v>4.4628198013673055</c:v>
                </c:pt>
                <c:pt idx="944">
                  <c:v>4.4632765937243137</c:v>
                </c:pt>
                <c:pt idx="945">
                  <c:v>4.4637472282739603</c:v>
                </c:pt>
                <c:pt idx="946">
                  <c:v>4.4642178628235945</c:v>
                </c:pt>
                <c:pt idx="947">
                  <c:v>4.464688497373241</c:v>
                </c:pt>
                <c:pt idx="948">
                  <c:v>4.464688497373241</c:v>
                </c:pt>
                <c:pt idx="949">
                  <c:v>4.4651452897302493</c:v>
                </c:pt>
                <c:pt idx="950">
                  <c:v>4.4656159242798834</c:v>
                </c:pt>
                <c:pt idx="951">
                  <c:v>4.4660865588295291</c:v>
                </c:pt>
                <c:pt idx="952">
                  <c:v>4.4660865588295291</c:v>
                </c:pt>
                <c:pt idx="953">
                  <c:v>4.4665433511865382</c:v>
                </c:pt>
                <c:pt idx="954">
                  <c:v>4.4665433511865382</c:v>
                </c:pt>
                <c:pt idx="955">
                  <c:v>4.4670139857361724</c:v>
                </c:pt>
                <c:pt idx="956">
                  <c:v>4.4674846202858189</c:v>
                </c:pt>
                <c:pt idx="957">
                  <c:v>4.4674846202858189</c:v>
                </c:pt>
                <c:pt idx="958">
                  <c:v>4.4679414126428263</c:v>
                </c:pt>
                <c:pt idx="959">
                  <c:v>4.4684120471924729</c:v>
                </c:pt>
                <c:pt idx="960">
                  <c:v>4.4684120471924729</c:v>
                </c:pt>
                <c:pt idx="961">
                  <c:v>4.468882681742107</c:v>
                </c:pt>
                <c:pt idx="962">
                  <c:v>4.468882681742107</c:v>
                </c:pt>
                <c:pt idx="963">
                  <c:v>4.4693394740991153</c:v>
                </c:pt>
                <c:pt idx="964">
                  <c:v>4.4698101086487618</c:v>
                </c:pt>
                <c:pt idx="965">
                  <c:v>4.4698101086487618</c:v>
                </c:pt>
                <c:pt idx="966">
                  <c:v>4.470280743198396</c:v>
                </c:pt>
                <c:pt idx="967">
                  <c:v>4.470280743198396</c:v>
                </c:pt>
                <c:pt idx="968">
                  <c:v>4.4707375355554042</c:v>
                </c:pt>
                <c:pt idx="969">
                  <c:v>4.4707375355554042</c:v>
                </c:pt>
                <c:pt idx="970">
                  <c:v>4.4707375355554042</c:v>
                </c:pt>
                <c:pt idx="971">
                  <c:v>4.4707375355554042</c:v>
                </c:pt>
                <c:pt idx="972">
                  <c:v>4.4712081701050499</c:v>
                </c:pt>
                <c:pt idx="973">
                  <c:v>4.4712081701050499</c:v>
                </c:pt>
                <c:pt idx="974">
                  <c:v>4.4712081701050499</c:v>
                </c:pt>
                <c:pt idx="975">
                  <c:v>4.4712081701050499</c:v>
                </c:pt>
                <c:pt idx="976">
                  <c:v>4.4712081701050499</c:v>
                </c:pt>
                <c:pt idx="977">
                  <c:v>4.4716788046546849</c:v>
                </c:pt>
                <c:pt idx="978">
                  <c:v>4.4716788046546849</c:v>
                </c:pt>
                <c:pt idx="979">
                  <c:v>4.4721355970116932</c:v>
                </c:pt>
                <c:pt idx="980">
                  <c:v>4.4721355970116932</c:v>
                </c:pt>
                <c:pt idx="981">
                  <c:v>4.4726062315613397</c:v>
                </c:pt>
                <c:pt idx="982">
                  <c:v>4.4726062315613397</c:v>
                </c:pt>
                <c:pt idx="983">
                  <c:v>4.4726062315613397</c:v>
                </c:pt>
                <c:pt idx="984">
                  <c:v>4.4730768661109854</c:v>
                </c:pt>
                <c:pt idx="985">
                  <c:v>4.4730768661109854</c:v>
                </c:pt>
                <c:pt idx="986">
                  <c:v>4.4735336584679812</c:v>
                </c:pt>
                <c:pt idx="987">
                  <c:v>4.4740042930176278</c:v>
                </c:pt>
                <c:pt idx="988">
                  <c:v>4.4740042930176278</c:v>
                </c:pt>
                <c:pt idx="989">
                  <c:v>4.4740042930176278</c:v>
                </c:pt>
                <c:pt idx="990">
                  <c:v>4.4744749275672744</c:v>
                </c:pt>
                <c:pt idx="991">
                  <c:v>4.4744749275672744</c:v>
                </c:pt>
                <c:pt idx="992">
                  <c:v>4.4744749275672744</c:v>
                </c:pt>
                <c:pt idx="993">
                  <c:v>4.4749317199242702</c:v>
                </c:pt>
                <c:pt idx="994">
                  <c:v>4.4754023544739168</c:v>
                </c:pt>
                <c:pt idx="995">
                  <c:v>4.4754023544739168</c:v>
                </c:pt>
                <c:pt idx="996">
                  <c:v>4.4758729890235633</c:v>
                </c:pt>
                <c:pt idx="997">
                  <c:v>4.4763297813805707</c:v>
                </c:pt>
                <c:pt idx="998">
                  <c:v>4.4763297813805707</c:v>
                </c:pt>
                <c:pt idx="999">
                  <c:v>4.4768004159302048</c:v>
                </c:pt>
                <c:pt idx="1000">
                  <c:v>4.4772710504798514</c:v>
                </c:pt>
                <c:pt idx="1001">
                  <c:v>4.4772710504798514</c:v>
                </c:pt>
                <c:pt idx="1002">
                  <c:v>4.4772710504798514</c:v>
                </c:pt>
                <c:pt idx="1003">
                  <c:v>4.4772710504798514</c:v>
                </c:pt>
                <c:pt idx="1004">
                  <c:v>4.4777278428368605</c:v>
                </c:pt>
                <c:pt idx="1005">
                  <c:v>4.4777278428368605</c:v>
                </c:pt>
                <c:pt idx="1006">
                  <c:v>4.4781984773864938</c:v>
                </c:pt>
                <c:pt idx="1007">
                  <c:v>4.4781984773864938</c:v>
                </c:pt>
                <c:pt idx="1008">
                  <c:v>4.4786691119361404</c:v>
                </c:pt>
                <c:pt idx="1009">
                  <c:v>4.4786691119361404</c:v>
                </c:pt>
                <c:pt idx="1010">
                  <c:v>4.4786691119361404</c:v>
                </c:pt>
                <c:pt idx="1011">
                  <c:v>4.4791259042931486</c:v>
                </c:pt>
                <c:pt idx="1012">
                  <c:v>4.4791259042931486</c:v>
                </c:pt>
                <c:pt idx="1013">
                  <c:v>4.4795965388427827</c:v>
                </c:pt>
                <c:pt idx="1014">
                  <c:v>4.4795965388427827</c:v>
                </c:pt>
                <c:pt idx="1015">
                  <c:v>4.4800671733924293</c:v>
                </c:pt>
                <c:pt idx="1016">
                  <c:v>4.4800671733924293</c:v>
                </c:pt>
                <c:pt idx="1017">
                  <c:v>4.4805239657494376</c:v>
                </c:pt>
                <c:pt idx="1018">
                  <c:v>4.4805239657494376</c:v>
                </c:pt>
                <c:pt idx="1019">
                  <c:v>4.4805239657494376</c:v>
                </c:pt>
                <c:pt idx="1020">
                  <c:v>4.4809946002990841</c:v>
                </c:pt>
                <c:pt idx="1021">
                  <c:v>4.4809946002990841</c:v>
                </c:pt>
                <c:pt idx="1022">
                  <c:v>4.4809946002990841</c:v>
                </c:pt>
                <c:pt idx="1023">
                  <c:v>4.4809946002990841</c:v>
                </c:pt>
                <c:pt idx="1024">
                  <c:v>4.4814652348487183</c:v>
                </c:pt>
                <c:pt idx="1025">
                  <c:v>4.4814652348487183</c:v>
                </c:pt>
                <c:pt idx="1026">
                  <c:v>4.4819358693983649</c:v>
                </c:pt>
                <c:pt idx="1027">
                  <c:v>4.4819358693983649</c:v>
                </c:pt>
                <c:pt idx="1028">
                  <c:v>4.4823926617553722</c:v>
                </c:pt>
                <c:pt idx="1029">
                  <c:v>4.4823926617553722</c:v>
                </c:pt>
                <c:pt idx="1030">
                  <c:v>4.4828632963050072</c:v>
                </c:pt>
                <c:pt idx="1031">
                  <c:v>4.4828632963050072</c:v>
                </c:pt>
                <c:pt idx="1032">
                  <c:v>4.4828632963050072</c:v>
                </c:pt>
                <c:pt idx="1033">
                  <c:v>4.4833339308546538</c:v>
                </c:pt>
                <c:pt idx="1034">
                  <c:v>4.4833339308546538</c:v>
                </c:pt>
                <c:pt idx="1035">
                  <c:v>4.4833339308546538</c:v>
                </c:pt>
                <c:pt idx="1036">
                  <c:v>4.4833339308546538</c:v>
                </c:pt>
                <c:pt idx="1037">
                  <c:v>4.4837907232116612</c:v>
                </c:pt>
                <c:pt idx="1038">
                  <c:v>4.4837907232116612</c:v>
                </c:pt>
                <c:pt idx="1039">
                  <c:v>4.4842613577612953</c:v>
                </c:pt>
                <c:pt idx="1040">
                  <c:v>4.4847319923109419</c:v>
                </c:pt>
                <c:pt idx="1041">
                  <c:v>4.4851887846679501</c:v>
                </c:pt>
                <c:pt idx="1042">
                  <c:v>4.4851887846679501</c:v>
                </c:pt>
                <c:pt idx="1043">
                  <c:v>4.4856594192175967</c:v>
                </c:pt>
                <c:pt idx="1044">
                  <c:v>4.4856594192175967</c:v>
                </c:pt>
                <c:pt idx="1045">
                  <c:v>4.4861300537672308</c:v>
                </c:pt>
                <c:pt idx="1046">
                  <c:v>4.4861300537672308</c:v>
                </c:pt>
                <c:pt idx="1047">
                  <c:v>4.4861300537672308</c:v>
                </c:pt>
                <c:pt idx="1048">
                  <c:v>4.4861300537672308</c:v>
                </c:pt>
                <c:pt idx="1049">
                  <c:v>4.4861300537672308</c:v>
                </c:pt>
                <c:pt idx="1050">
                  <c:v>4.4861300537672308</c:v>
                </c:pt>
                <c:pt idx="1051">
                  <c:v>4.4865868461242391</c:v>
                </c:pt>
                <c:pt idx="1052">
                  <c:v>4.4865868461242391</c:v>
                </c:pt>
                <c:pt idx="1053">
                  <c:v>4.4870574806738857</c:v>
                </c:pt>
                <c:pt idx="1054">
                  <c:v>4.4875281152235189</c:v>
                </c:pt>
                <c:pt idx="1055">
                  <c:v>4.4875281152235189</c:v>
                </c:pt>
                <c:pt idx="1056">
                  <c:v>4.487984907580528</c:v>
                </c:pt>
                <c:pt idx="1057">
                  <c:v>4.4884555421301746</c:v>
                </c:pt>
                <c:pt idx="1058">
                  <c:v>4.4889261766798079</c:v>
                </c:pt>
                <c:pt idx="1059">
                  <c:v>4.4889261766798079</c:v>
                </c:pt>
                <c:pt idx="1060">
                  <c:v>4.4893829690368161</c:v>
                </c:pt>
                <c:pt idx="1061">
                  <c:v>4.4898536035864627</c:v>
                </c:pt>
                <c:pt idx="1062">
                  <c:v>4.4903242381360968</c:v>
                </c:pt>
                <c:pt idx="1063">
                  <c:v>4.4903242381360968</c:v>
                </c:pt>
                <c:pt idx="1064">
                  <c:v>4.4907810304931051</c:v>
                </c:pt>
                <c:pt idx="1065">
                  <c:v>4.4907810304931051</c:v>
                </c:pt>
                <c:pt idx="1066">
                  <c:v>4.4907810304931051</c:v>
                </c:pt>
                <c:pt idx="1067">
                  <c:v>4.4912516650427516</c:v>
                </c:pt>
                <c:pt idx="1068">
                  <c:v>4.4917222995923982</c:v>
                </c:pt>
                <c:pt idx="1069">
                  <c:v>4.4917222995923982</c:v>
                </c:pt>
                <c:pt idx="1070">
                  <c:v>4.4921790919493931</c:v>
                </c:pt>
                <c:pt idx="1071">
                  <c:v>4.4926497264990397</c:v>
                </c:pt>
                <c:pt idx="1072">
                  <c:v>4.4926497264990397</c:v>
                </c:pt>
                <c:pt idx="1073">
                  <c:v>4.4931203610486863</c:v>
                </c:pt>
                <c:pt idx="1074">
                  <c:v>4.493577153405683</c:v>
                </c:pt>
                <c:pt idx="1075">
                  <c:v>4.493577153405683</c:v>
                </c:pt>
                <c:pt idx="1076">
                  <c:v>4.493577153405683</c:v>
                </c:pt>
                <c:pt idx="1077">
                  <c:v>4.4940477879553287</c:v>
                </c:pt>
                <c:pt idx="1078">
                  <c:v>4.4940477879553287</c:v>
                </c:pt>
                <c:pt idx="1079">
                  <c:v>4.4945184225049752</c:v>
                </c:pt>
                <c:pt idx="1080">
                  <c:v>4.4945184225049752</c:v>
                </c:pt>
                <c:pt idx="1081">
                  <c:v>4.4945184225049752</c:v>
                </c:pt>
                <c:pt idx="1082">
                  <c:v>4.4945184225049752</c:v>
                </c:pt>
                <c:pt idx="1083">
                  <c:v>4.4945184225049752</c:v>
                </c:pt>
                <c:pt idx="1084">
                  <c:v>4.4949752148619835</c:v>
                </c:pt>
                <c:pt idx="1085">
                  <c:v>4.4949752148619835</c:v>
                </c:pt>
                <c:pt idx="1086">
                  <c:v>4.4949752148619835</c:v>
                </c:pt>
                <c:pt idx="1087">
                  <c:v>4.4949752148619835</c:v>
                </c:pt>
                <c:pt idx="1088">
                  <c:v>4.4949752148619835</c:v>
                </c:pt>
                <c:pt idx="1089">
                  <c:v>4.4949752148619835</c:v>
                </c:pt>
                <c:pt idx="1090">
                  <c:v>4.4949752148619835</c:v>
                </c:pt>
                <c:pt idx="1091">
                  <c:v>4.4949752148619835</c:v>
                </c:pt>
                <c:pt idx="1092">
                  <c:v>4.4949752148619835</c:v>
                </c:pt>
                <c:pt idx="1093">
                  <c:v>4.4949752148619835</c:v>
                </c:pt>
                <c:pt idx="1094">
                  <c:v>4.4949752148619835</c:v>
                </c:pt>
                <c:pt idx="1095">
                  <c:v>4.4949752148619835</c:v>
                </c:pt>
                <c:pt idx="1096">
                  <c:v>4.4949752148619835</c:v>
                </c:pt>
                <c:pt idx="1097">
                  <c:v>4.4954458494116176</c:v>
                </c:pt>
                <c:pt idx="1098">
                  <c:v>4.4959164839612642</c:v>
                </c:pt>
                <c:pt idx="1099">
                  <c:v>4.4959164839612642</c:v>
                </c:pt>
                <c:pt idx="1100">
                  <c:v>4.4963732763182724</c:v>
                </c:pt>
                <c:pt idx="1101">
                  <c:v>4.4963732763182724</c:v>
                </c:pt>
                <c:pt idx="1102">
                  <c:v>4.4968439108679066</c:v>
                </c:pt>
                <c:pt idx="1103">
                  <c:v>4.4973145454175532</c:v>
                </c:pt>
                <c:pt idx="1104">
                  <c:v>4.4973145454175532</c:v>
                </c:pt>
                <c:pt idx="1105">
                  <c:v>4.4977713377745605</c:v>
                </c:pt>
                <c:pt idx="1106">
                  <c:v>4.4977713377745605</c:v>
                </c:pt>
                <c:pt idx="1107">
                  <c:v>4.4982419723241955</c:v>
                </c:pt>
                <c:pt idx="1108">
                  <c:v>4.4982419723241955</c:v>
                </c:pt>
                <c:pt idx="1109">
                  <c:v>4.4987126068738421</c:v>
                </c:pt>
                <c:pt idx="1110">
                  <c:v>4.4991693992308495</c:v>
                </c:pt>
                <c:pt idx="1111">
                  <c:v>4.4991693992308495</c:v>
                </c:pt>
                <c:pt idx="1112">
                  <c:v>4.4991693992308495</c:v>
                </c:pt>
                <c:pt idx="1113">
                  <c:v>4.499640033780496</c:v>
                </c:pt>
                <c:pt idx="1114">
                  <c:v>4.499640033780496</c:v>
                </c:pt>
                <c:pt idx="1115">
                  <c:v>4.5001106683301302</c:v>
                </c:pt>
                <c:pt idx="1116">
                  <c:v>4.5001106683301302</c:v>
                </c:pt>
                <c:pt idx="1117">
                  <c:v>4.5005813028797768</c:v>
                </c:pt>
                <c:pt idx="1118">
                  <c:v>4.501038095236785</c:v>
                </c:pt>
                <c:pt idx="1119">
                  <c:v>4.5015087297864191</c:v>
                </c:pt>
                <c:pt idx="1120">
                  <c:v>4.5019793643360657</c:v>
                </c:pt>
                <c:pt idx="1121">
                  <c:v>4.5019793643360657</c:v>
                </c:pt>
                <c:pt idx="1122">
                  <c:v>4.502436156693074</c:v>
                </c:pt>
                <c:pt idx="1123">
                  <c:v>4.5029067912427081</c:v>
                </c:pt>
                <c:pt idx="1124">
                  <c:v>4.5029067912427081</c:v>
                </c:pt>
                <c:pt idx="1125">
                  <c:v>4.5029067912427081</c:v>
                </c:pt>
                <c:pt idx="1126">
                  <c:v>4.5033774257923547</c:v>
                </c:pt>
                <c:pt idx="1127">
                  <c:v>4.5033774257923547</c:v>
                </c:pt>
                <c:pt idx="1128">
                  <c:v>4.503834218149362</c:v>
                </c:pt>
                <c:pt idx="1129">
                  <c:v>4.503834218149362</c:v>
                </c:pt>
                <c:pt idx="1130">
                  <c:v>4.503834218149362</c:v>
                </c:pt>
                <c:pt idx="1131">
                  <c:v>4.5043048526990095</c:v>
                </c:pt>
                <c:pt idx="1132">
                  <c:v>4.5047754872486436</c:v>
                </c:pt>
                <c:pt idx="1133">
                  <c:v>4.5047754872486436</c:v>
                </c:pt>
                <c:pt idx="1134">
                  <c:v>4.505232279605651</c:v>
                </c:pt>
                <c:pt idx="1135">
                  <c:v>4.505232279605651</c:v>
                </c:pt>
                <c:pt idx="1136">
                  <c:v>4.5057029141552976</c:v>
                </c:pt>
                <c:pt idx="1137">
                  <c:v>4.5061735487049317</c:v>
                </c:pt>
                <c:pt idx="1138">
                  <c:v>4.5061735487049317</c:v>
                </c:pt>
                <c:pt idx="1139">
                  <c:v>4.5061735487049317</c:v>
                </c:pt>
                <c:pt idx="1140">
                  <c:v>4.5066303410619399</c:v>
                </c:pt>
                <c:pt idx="1141">
                  <c:v>4.5066303410619399</c:v>
                </c:pt>
                <c:pt idx="1142">
                  <c:v>4.5066303410619399</c:v>
                </c:pt>
                <c:pt idx="1143">
                  <c:v>4.5071009756115865</c:v>
                </c:pt>
                <c:pt idx="1144">
                  <c:v>4.5071009756115865</c:v>
                </c:pt>
                <c:pt idx="1145">
                  <c:v>4.5075716101612207</c:v>
                </c:pt>
                <c:pt idx="1146">
                  <c:v>4.5075716101612207</c:v>
                </c:pt>
                <c:pt idx="1147">
                  <c:v>4.5075716101612207</c:v>
                </c:pt>
                <c:pt idx="1148">
                  <c:v>4.5075716101612207</c:v>
                </c:pt>
                <c:pt idx="1149">
                  <c:v>4.5080284025182289</c:v>
                </c:pt>
                <c:pt idx="1150">
                  <c:v>4.5080284025182289</c:v>
                </c:pt>
                <c:pt idx="1151">
                  <c:v>4.5084990370678746</c:v>
                </c:pt>
                <c:pt idx="1152">
                  <c:v>4.5084990370678746</c:v>
                </c:pt>
                <c:pt idx="1153">
                  <c:v>4.5084990370678746</c:v>
                </c:pt>
                <c:pt idx="1154">
                  <c:v>4.5089696716175087</c:v>
                </c:pt>
                <c:pt idx="1155">
                  <c:v>4.5094264639745179</c:v>
                </c:pt>
                <c:pt idx="1156">
                  <c:v>4.5094264639745179</c:v>
                </c:pt>
                <c:pt idx="1157">
                  <c:v>4.5094264639745179</c:v>
                </c:pt>
                <c:pt idx="1158">
                  <c:v>4.5094264639745179</c:v>
                </c:pt>
                <c:pt idx="1159">
                  <c:v>4.5098970985241644</c:v>
                </c:pt>
                <c:pt idx="1160">
                  <c:v>4.5098970985241644</c:v>
                </c:pt>
                <c:pt idx="1161">
                  <c:v>4.5098970985241644</c:v>
                </c:pt>
                <c:pt idx="1162">
                  <c:v>4.5098970985241644</c:v>
                </c:pt>
                <c:pt idx="1163">
                  <c:v>4.5103677330738101</c:v>
                </c:pt>
                <c:pt idx="1164">
                  <c:v>4.5103677330738101</c:v>
                </c:pt>
                <c:pt idx="1165">
                  <c:v>4.5108245254308059</c:v>
                </c:pt>
                <c:pt idx="1166">
                  <c:v>4.5108245254308059</c:v>
                </c:pt>
                <c:pt idx="1167">
                  <c:v>4.5108245254308059</c:v>
                </c:pt>
                <c:pt idx="1168">
                  <c:v>4.5108245254308059</c:v>
                </c:pt>
                <c:pt idx="1169">
                  <c:v>4.5112951599804525</c:v>
                </c:pt>
                <c:pt idx="1170">
                  <c:v>4.5112951599804525</c:v>
                </c:pt>
                <c:pt idx="1171">
                  <c:v>4.5112951599804525</c:v>
                </c:pt>
                <c:pt idx="1172">
                  <c:v>4.5117657945300991</c:v>
                </c:pt>
                <c:pt idx="1173">
                  <c:v>4.5117657945300991</c:v>
                </c:pt>
                <c:pt idx="1174">
                  <c:v>4.5122225868870949</c:v>
                </c:pt>
                <c:pt idx="1175">
                  <c:v>4.5122225868870949</c:v>
                </c:pt>
                <c:pt idx="1176">
                  <c:v>4.5126932214367415</c:v>
                </c:pt>
                <c:pt idx="1177">
                  <c:v>4.5126932214367415</c:v>
                </c:pt>
                <c:pt idx="1178">
                  <c:v>4.513163855986388</c:v>
                </c:pt>
                <c:pt idx="1179">
                  <c:v>4.513163855986388</c:v>
                </c:pt>
                <c:pt idx="1180">
                  <c:v>4.5126932214367415</c:v>
                </c:pt>
                <c:pt idx="1181">
                  <c:v>4.513163855986388</c:v>
                </c:pt>
                <c:pt idx="1182">
                  <c:v>4.513163855986388</c:v>
                </c:pt>
                <c:pt idx="1183">
                  <c:v>4.513163855986388</c:v>
                </c:pt>
                <c:pt idx="1184">
                  <c:v>4.5136206483433954</c:v>
                </c:pt>
                <c:pt idx="1185">
                  <c:v>4.5136206483433954</c:v>
                </c:pt>
                <c:pt idx="1186">
                  <c:v>4.5140912828930295</c:v>
                </c:pt>
                <c:pt idx="1187">
                  <c:v>4.5140912828930295</c:v>
                </c:pt>
                <c:pt idx="1188">
                  <c:v>4.5140912828930295</c:v>
                </c:pt>
                <c:pt idx="1189">
                  <c:v>4.5145619174426761</c:v>
                </c:pt>
                <c:pt idx="1190">
                  <c:v>4.5150187097996852</c:v>
                </c:pt>
                <c:pt idx="1191">
                  <c:v>4.5154893443493185</c:v>
                </c:pt>
                <c:pt idx="1192">
                  <c:v>4.5159599788989651</c:v>
                </c:pt>
                <c:pt idx="1193">
                  <c:v>4.5164167712559733</c:v>
                </c:pt>
                <c:pt idx="1194">
                  <c:v>4.5164167712559733</c:v>
                </c:pt>
                <c:pt idx="1195">
                  <c:v>4.5168874058056074</c:v>
                </c:pt>
                <c:pt idx="1196">
                  <c:v>4.5168874058056074</c:v>
                </c:pt>
                <c:pt idx="1197">
                  <c:v>4.517358040355254</c:v>
                </c:pt>
                <c:pt idx="1198">
                  <c:v>4.517358040355254</c:v>
                </c:pt>
                <c:pt idx="1199">
                  <c:v>4.5178148327122623</c:v>
                </c:pt>
                <c:pt idx="1200">
                  <c:v>4.5178148327122623</c:v>
                </c:pt>
                <c:pt idx="1201">
                  <c:v>4.5178148327122623</c:v>
                </c:pt>
                <c:pt idx="1202">
                  <c:v>4.5182854672619088</c:v>
                </c:pt>
                <c:pt idx="1203">
                  <c:v>4.518756101811543</c:v>
                </c:pt>
                <c:pt idx="1204">
                  <c:v>4.518756101811543</c:v>
                </c:pt>
                <c:pt idx="1205">
                  <c:v>4.5192267363611895</c:v>
                </c:pt>
                <c:pt idx="1206">
                  <c:v>4.5192267363611895</c:v>
                </c:pt>
                <c:pt idx="1207">
                  <c:v>4.5196835287181969</c:v>
                </c:pt>
                <c:pt idx="1208">
                  <c:v>4.5196835287181969</c:v>
                </c:pt>
                <c:pt idx="1209">
                  <c:v>4.5196835287181969</c:v>
                </c:pt>
                <c:pt idx="1210">
                  <c:v>4.5201541632678319</c:v>
                </c:pt>
                <c:pt idx="1211">
                  <c:v>4.5201541632678319</c:v>
                </c:pt>
                <c:pt idx="1212">
                  <c:v>4.5201541632678319</c:v>
                </c:pt>
                <c:pt idx="1213">
                  <c:v>4.5206247978174785</c:v>
                </c:pt>
                <c:pt idx="1214">
                  <c:v>4.5206247978174785</c:v>
                </c:pt>
                <c:pt idx="1215">
                  <c:v>4.5206247978174785</c:v>
                </c:pt>
                <c:pt idx="1216">
                  <c:v>4.5206247978174785</c:v>
                </c:pt>
                <c:pt idx="1217">
                  <c:v>4.5206247978174785</c:v>
                </c:pt>
                <c:pt idx="1218">
                  <c:v>4.5206247978174785</c:v>
                </c:pt>
                <c:pt idx="1219">
                  <c:v>4.5210815901744859</c:v>
                </c:pt>
                <c:pt idx="1220">
                  <c:v>4.5210815901744859</c:v>
                </c:pt>
                <c:pt idx="1221">
                  <c:v>4.5210815901744859</c:v>
                </c:pt>
                <c:pt idx="1222">
                  <c:v>4.5210815901744859</c:v>
                </c:pt>
                <c:pt idx="1223">
                  <c:v>4.5210815901744859</c:v>
                </c:pt>
                <c:pt idx="1224">
                  <c:v>4.52155222472412</c:v>
                </c:pt>
                <c:pt idx="1225">
                  <c:v>4.52155222472412</c:v>
                </c:pt>
                <c:pt idx="1226">
                  <c:v>4.52155222472412</c:v>
                </c:pt>
                <c:pt idx="1227">
                  <c:v>4.52155222472412</c:v>
                </c:pt>
                <c:pt idx="1228">
                  <c:v>4.5220228592737666</c:v>
                </c:pt>
                <c:pt idx="1229">
                  <c:v>4.5220228592737666</c:v>
                </c:pt>
                <c:pt idx="1230">
                  <c:v>4.5220228592737666</c:v>
                </c:pt>
                <c:pt idx="1231">
                  <c:v>4.5224796516307748</c:v>
                </c:pt>
                <c:pt idx="1232">
                  <c:v>4.5224796516307748</c:v>
                </c:pt>
                <c:pt idx="1233">
                  <c:v>4.5229502861804205</c:v>
                </c:pt>
                <c:pt idx="1234">
                  <c:v>4.5229502861804205</c:v>
                </c:pt>
                <c:pt idx="1235">
                  <c:v>4.5234209207300555</c:v>
                </c:pt>
                <c:pt idx="1236">
                  <c:v>4.5234209207300555</c:v>
                </c:pt>
                <c:pt idx="1237">
                  <c:v>4.5238777130870638</c:v>
                </c:pt>
                <c:pt idx="1238">
                  <c:v>4.5238777130870638</c:v>
                </c:pt>
                <c:pt idx="1239">
                  <c:v>4.5238777130870638</c:v>
                </c:pt>
                <c:pt idx="1240">
                  <c:v>4.5238777130870638</c:v>
                </c:pt>
                <c:pt idx="1241">
                  <c:v>4.5243483476367103</c:v>
                </c:pt>
                <c:pt idx="1242">
                  <c:v>4.5243483476367103</c:v>
                </c:pt>
                <c:pt idx="1243">
                  <c:v>4.5243483476367103</c:v>
                </c:pt>
                <c:pt idx="1244">
                  <c:v>4.5248189821863436</c:v>
                </c:pt>
                <c:pt idx="1245">
                  <c:v>4.5248189821863436</c:v>
                </c:pt>
                <c:pt idx="1246">
                  <c:v>4.5248189821863436</c:v>
                </c:pt>
                <c:pt idx="1247">
                  <c:v>4.5252757745433527</c:v>
                </c:pt>
                <c:pt idx="1248">
                  <c:v>4.5257464090929993</c:v>
                </c:pt>
                <c:pt idx="1249">
                  <c:v>4.5257464090929993</c:v>
                </c:pt>
                <c:pt idx="1250">
                  <c:v>4.5262170436426334</c:v>
                </c:pt>
                <c:pt idx="1251">
                  <c:v>4.5262170436426334</c:v>
                </c:pt>
                <c:pt idx="1252">
                  <c:v>4.5266738359996408</c:v>
                </c:pt>
                <c:pt idx="1253">
                  <c:v>4.5266738359996408</c:v>
                </c:pt>
                <c:pt idx="1254">
                  <c:v>4.5271444705492874</c:v>
                </c:pt>
                <c:pt idx="1255">
                  <c:v>4.5271444705492874</c:v>
                </c:pt>
                <c:pt idx="1256">
                  <c:v>4.5276151050989215</c:v>
                </c:pt>
                <c:pt idx="1257">
                  <c:v>4.5280718974559298</c:v>
                </c:pt>
                <c:pt idx="1258">
                  <c:v>4.5280718974559298</c:v>
                </c:pt>
                <c:pt idx="1259">
                  <c:v>4.5280718974559298</c:v>
                </c:pt>
                <c:pt idx="1260">
                  <c:v>4.5285425320055763</c:v>
                </c:pt>
                <c:pt idx="1261">
                  <c:v>4.5285425320055763</c:v>
                </c:pt>
                <c:pt idx="1262">
                  <c:v>4.5285425320055763</c:v>
                </c:pt>
                <c:pt idx="1263">
                  <c:v>4.5290131665552229</c:v>
                </c:pt>
                <c:pt idx="1264">
                  <c:v>4.5290131665552229</c:v>
                </c:pt>
                <c:pt idx="1265">
                  <c:v>4.5294699589122178</c:v>
                </c:pt>
                <c:pt idx="1266">
                  <c:v>4.5299405934618644</c:v>
                </c:pt>
                <c:pt idx="1267">
                  <c:v>4.5299405934618644</c:v>
                </c:pt>
                <c:pt idx="1268">
                  <c:v>4.530411228011511</c:v>
                </c:pt>
                <c:pt idx="1269">
                  <c:v>4.530411228011511</c:v>
                </c:pt>
                <c:pt idx="1270">
                  <c:v>4.5308680203685201</c:v>
                </c:pt>
                <c:pt idx="1271">
                  <c:v>4.5308680203685201</c:v>
                </c:pt>
                <c:pt idx="1272">
                  <c:v>4.5308680203685201</c:v>
                </c:pt>
                <c:pt idx="1273">
                  <c:v>4.5308680203685201</c:v>
                </c:pt>
                <c:pt idx="1274">
                  <c:v>4.5308680203685201</c:v>
                </c:pt>
                <c:pt idx="1275">
                  <c:v>4.5313386549181534</c:v>
                </c:pt>
                <c:pt idx="1276">
                  <c:v>4.5313386549181534</c:v>
                </c:pt>
                <c:pt idx="1277">
                  <c:v>4.5313386549181534</c:v>
                </c:pt>
                <c:pt idx="1278">
                  <c:v>4.5318092894677999</c:v>
                </c:pt>
                <c:pt idx="1279">
                  <c:v>4.5318092894677999</c:v>
                </c:pt>
                <c:pt idx="1280">
                  <c:v>4.5318092894677999</c:v>
                </c:pt>
                <c:pt idx="1281">
                  <c:v>4.5318092894677999</c:v>
                </c:pt>
                <c:pt idx="1282">
                  <c:v>4.5318092894677999</c:v>
                </c:pt>
                <c:pt idx="1283">
                  <c:v>4.5322660818248082</c:v>
                </c:pt>
                <c:pt idx="1284">
                  <c:v>4.5322660818248082</c:v>
                </c:pt>
                <c:pt idx="1285">
                  <c:v>4.5327367163744423</c:v>
                </c:pt>
                <c:pt idx="1286">
                  <c:v>4.5327367163744423</c:v>
                </c:pt>
                <c:pt idx="1287">
                  <c:v>4.5332073509240889</c:v>
                </c:pt>
                <c:pt idx="1288">
                  <c:v>4.5332073509240889</c:v>
                </c:pt>
                <c:pt idx="1289">
                  <c:v>4.5336641432810971</c:v>
                </c:pt>
                <c:pt idx="1290">
                  <c:v>4.5336641432810971</c:v>
                </c:pt>
                <c:pt idx="1291">
                  <c:v>4.5336641432810971</c:v>
                </c:pt>
                <c:pt idx="1292">
                  <c:v>4.5341347778307313</c:v>
                </c:pt>
                <c:pt idx="1293">
                  <c:v>4.5341347778307313</c:v>
                </c:pt>
                <c:pt idx="1294">
                  <c:v>4.5341347778307313</c:v>
                </c:pt>
                <c:pt idx="1295">
                  <c:v>4.5341347778307313</c:v>
                </c:pt>
                <c:pt idx="1296">
                  <c:v>4.5346054123803778</c:v>
                </c:pt>
                <c:pt idx="1297">
                  <c:v>4.5346054123803778</c:v>
                </c:pt>
                <c:pt idx="1298">
                  <c:v>4.5350622047373852</c:v>
                </c:pt>
                <c:pt idx="1299">
                  <c:v>4.5350622047373852</c:v>
                </c:pt>
                <c:pt idx="1300">
                  <c:v>4.5350622047373852</c:v>
                </c:pt>
                <c:pt idx="1301">
                  <c:v>4.5350622047373852</c:v>
                </c:pt>
                <c:pt idx="1302">
                  <c:v>4.5355328392870193</c:v>
                </c:pt>
                <c:pt idx="1303">
                  <c:v>4.5355328392870193</c:v>
                </c:pt>
                <c:pt idx="1304">
                  <c:v>4.5360034738366659</c:v>
                </c:pt>
                <c:pt idx="1305">
                  <c:v>4.5360034738366659</c:v>
                </c:pt>
                <c:pt idx="1306">
                  <c:v>4.5364741083863125</c:v>
                </c:pt>
                <c:pt idx="1307">
                  <c:v>4.5364741083863125</c:v>
                </c:pt>
                <c:pt idx="1308">
                  <c:v>4.5364741083863125</c:v>
                </c:pt>
                <c:pt idx="1309">
                  <c:v>4.5369309007433207</c:v>
                </c:pt>
                <c:pt idx="1310">
                  <c:v>4.5369309007433207</c:v>
                </c:pt>
                <c:pt idx="1311">
                  <c:v>4.5369309007433207</c:v>
                </c:pt>
                <c:pt idx="1312">
                  <c:v>4.5369309007433207</c:v>
                </c:pt>
                <c:pt idx="1313">
                  <c:v>4.5374015352929549</c:v>
                </c:pt>
                <c:pt idx="1314">
                  <c:v>4.5374015352929549</c:v>
                </c:pt>
                <c:pt idx="1315">
                  <c:v>4.5378721698426014</c:v>
                </c:pt>
                <c:pt idx="1316">
                  <c:v>4.5378721698426014</c:v>
                </c:pt>
                <c:pt idx="1317">
                  <c:v>4.5383289621996097</c:v>
                </c:pt>
                <c:pt idx="1318">
                  <c:v>4.5387995967492438</c:v>
                </c:pt>
                <c:pt idx="1319">
                  <c:v>4.5387995967492438</c:v>
                </c:pt>
                <c:pt idx="1320">
                  <c:v>4.5392702312988904</c:v>
                </c:pt>
                <c:pt idx="1321">
                  <c:v>4.5392702312988904</c:v>
                </c:pt>
                <c:pt idx="1322">
                  <c:v>4.5397270236558986</c:v>
                </c:pt>
                <c:pt idx="1323">
                  <c:v>4.5397270236558986</c:v>
                </c:pt>
                <c:pt idx="1324">
                  <c:v>4.5401976582055328</c:v>
                </c:pt>
                <c:pt idx="1325">
                  <c:v>4.5401976582055328</c:v>
                </c:pt>
                <c:pt idx="1326">
                  <c:v>4.5406682927551785</c:v>
                </c:pt>
                <c:pt idx="1327">
                  <c:v>4.5406682927551785</c:v>
                </c:pt>
                <c:pt idx="1328">
                  <c:v>4.5406682927551785</c:v>
                </c:pt>
                <c:pt idx="1329">
                  <c:v>4.5411250851121867</c:v>
                </c:pt>
                <c:pt idx="1330">
                  <c:v>4.5411250851121867</c:v>
                </c:pt>
                <c:pt idx="1331">
                  <c:v>4.5411250851121867</c:v>
                </c:pt>
                <c:pt idx="1332">
                  <c:v>4.5411250851121867</c:v>
                </c:pt>
                <c:pt idx="1333">
                  <c:v>4.5415957196618333</c:v>
                </c:pt>
                <c:pt idx="1334">
                  <c:v>4.5420663542114683</c:v>
                </c:pt>
                <c:pt idx="1335">
                  <c:v>4.5420663542114683</c:v>
                </c:pt>
                <c:pt idx="1336">
                  <c:v>4.5420663542114683</c:v>
                </c:pt>
                <c:pt idx="1337">
                  <c:v>4.5425231465684757</c:v>
                </c:pt>
                <c:pt idx="1338">
                  <c:v>4.5425231465684757</c:v>
                </c:pt>
                <c:pt idx="1339">
                  <c:v>4.5425231465684757</c:v>
                </c:pt>
                <c:pt idx="1340">
                  <c:v>4.5425231465684757</c:v>
                </c:pt>
                <c:pt idx="1341">
                  <c:v>4.5429937811181222</c:v>
                </c:pt>
                <c:pt idx="1342">
                  <c:v>4.5429937811181222</c:v>
                </c:pt>
                <c:pt idx="1343">
                  <c:v>4.5429937811181222</c:v>
                </c:pt>
                <c:pt idx="1344">
                  <c:v>4.5429937811181222</c:v>
                </c:pt>
                <c:pt idx="1345">
                  <c:v>4.5429937811181222</c:v>
                </c:pt>
                <c:pt idx="1346">
                  <c:v>4.5429937811181222</c:v>
                </c:pt>
                <c:pt idx="1347">
                  <c:v>4.5434644156677564</c:v>
                </c:pt>
                <c:pt idx="1348">
                  <c:v>4.5434644156677564</c:v>
                </c:pt>
                <c:pt idx="1349">
                  <c:v>4.5434644156677564</c:v>
                </c:pt>
                <c:pt idx="1350">
                  <c:v>4.5434644156677564</c:v>
                </c:pt>
                <c:pt idx="1351">
                  <c:v>4.5439212080247646</c:v>
                </c:pt>
                <c:pt idx="1352">
                  <c:v>4.5439212080247646</c:v>
                </c:pt>
                <c:pt idx="1353">
                  <c:v>4.5443918425744112</c:v>
                </c:pt>
                <c:pt idx="1354">
                  <c:v>4.5443918425744112</c:v>
                </c:pt>
                <c:pt idx="1355">
                  <c:v>4.5448624771240453</c:v>
                </c:pt>
                <c:pt idx="1356">
                  <c:v>4.5448624771240453</c:v>
                </c:pt>
                <c:pt idx="1357">
                  <c:v>4.5453192694810536</c:v>
                </c:pt>
                <c:pt idx="1358">
                  <c:v>4.5453192694810536</c:v>
                </c:pt>
                <c:pt idx="1359">
                  <c:v>4.5453192694810536</c:v>
                </c:pt>
                <c:pt idx="1360">
                  <c:v>4.5457899040306993</c:v>
                </c:pt>
                <c:pt idx="1361">
                  <c:v>4.5457899040306993</c:v>
                </c:pt>
                <c:pt idx="1362">
                  <c:v>4.5457899040306993</c:v>
                </c:pt>
                <c:pt idx="1363">
                  <c:v>4.5457899040306993</c:v>
                </c:pt>
                <c:pt idx="1364">
                  <c:v>4.5462605385803458</c:v>
                </c:pt>
                <c:pt idx="1365">
                  <c:v>4.5462605385803458</c:v>
                </c:pt>
                <c:pt idx="1366">
                  <c:v>4.5462605385803458</c:v>
                </c:pt>
                <c:pt idx="1367">
                  <c:v>4.5467173309373425</c:v>
                </c:pt>
                <c:pt idx="1368">
                  <c:v>4.5467173309373425</c:v>
                </c:pt>
                <c:pt idx="1369">
                  <c:v>4.5467173309373425</c:v>
                </c:pt>
                <c:pt idx="1370">
                  <c:v>4.5471879654869891</c:v>
                </c:pt>
                <c:pt idx="1371">
                  <c:v>4.5471879654869891</c:v>
                </c:pt>
                <c:pt idx="1372">
                  <c:v>4.5471879654869891</c:v>
                </c:pt>
                <c:pt idx="1373">
                  <c:v>4.5476586000366348</c:v>
                </c:pt>
                <c:pt idx="1374">
                  <c:v>4.5476586000366348</c:v>
                </c:pt>
                <c:pt idx="1375">
                  <c:v>4.5481153923936306</c:v>
                </c:pt>
                <c:pt idx="1376">
                  <c:v>4.5481153923936306</c:v>
                </c:pt>
                <c:pt idx="1377">
                  <c:v>4.5481153923936306</c:v>
                </c:pt>
                <c:pt idx="1378">
                  <c:v>4.5485860269432772</c:v>
                </c:pt>
                <c:pt idx="1379">
                  <c:v>4.5485860269432772</c:v>
                </c:pt>
                <c:pt idx="1380">
                  <c:v>4.5485860269432772</c:v>
                </c:pt>
                <c:pt idx="1381">
                  <c:v>4.5485860269432772</c:v>
                </c:pt>
                <c:pt idx="1382">
                  <c:v>4.5485860269432772</c:v>
                </c:pt>
                <c:pt idx="1383">
                  <c:v>4.5485860269432772</c:v>
                </c:pt>
                <c:pt idx="1384">
                  <c:v>4.5485860269432772</c:v>
                </c:pt>
                <c:pt idx="1385">
                  <c:v>4.5490566614929238</c:v>
                </c:pt>
                <c:pt idx="1386">
                  <c:v>4.5490566614929238</c:v>
                </c:pt>
                <c:pt idx="1387">
                  <c:v>4.5490566614929238</c:v>
                </c:pt>
                <c:pt idx="1388">
                  <c:v>4.5490566614929238</c:v>
                </c:pt>
                <c:pt idx="1389">
                  <c:v>4.5495134538499311</c:v>
                </c:pt>
                <c:pt idx="1390">
                  <c:v>4.5495134538499311</c:v>
                </c:pt>
                <c:pt idx="1391">
                  <c:v>4.5495134538499311</c:v>
                </c:pt>
                <c:pt idx="1392">
                  <c:v>4.5495134538499311</c:v>
                </c:pt>
                <c:pt idx="1393">
                  <c:v>4.5499840883995661</c:v>
                </c:pt>
                <c:pt idx="1394">
                  <c:v>4.5499840883995661</c:v>
                </c:pt>
                <c:pt idx="1395">
                  <c:v>4.5499840883995661</c:v>
                </c:pt>
                <c:pt idx="1396">
                  <c:v>4.5499840883995661</c:v>
                </c:pt>
                <c:pt idx="1397">
                  <c:v>4.5499840883995661</c:v>
                </c:pt>
                <c:pt idx="1398">
                  <c:v>4.5499840883995661</c:v>
                </c:pt>
                <c:pt idx="1399">
                  <c:v>4.5504547229492127</c:v>
                </c:pt>
                <c:pt idx="1400">
                  <c:v>4.5504547229492127</c:v>
                </c:pt>
                <c:pt idx="1401">
                  <c:v>4.5504547229492127</c:v>
                </c:pt>
                <c:pt idx="1402">
                  <c:v>4.5509115153062201</c:v>
                </c:pt>
                <c:pt idx="1403">
                  <c:v>4.5509115153062201</c:v>
                </c:pt>
                <c:pt idx="1404">
                  <c:v>4.5509115153062201</c:v>
                </c:pt>
                <c:pt idx="1405">
                  <c:v>4.5509115153062201</c:v>
                </c:pt>
                <c:pt idx="1406">
                  <c:v>4.5509115153062201</c:v>
                </c:pt>
                <c:pt idx="1407">
                  <c:v>4.5513821498558542</c:v>
                </c:pt>
                <c:pt idx="1408">
                  <c:v>4.5513821498558542</c:v>
                </c:pt>
                <c:pt idx="1409">
                  <c:v>4.5518527844055008</c:v>
                </c:pt>
                <c:pt idx="1410">
                  <c:v>4.5518527844055008</c:v>
                </c:pt>
                <c:pt idx="1411">
                  <c:v>4.5518527844055008</c:v>
                </c:pt>
                <c:pt idx="1412">
                  <c:v>4.5523095767625099</c:v>
                </c:pt>
                <c:pt idx="1413">
                  <c:v>4.5523095767625099</c:v>
                </c:pt>
                <c:pt idx="1414">
                  <c:v>4.5527802113121432</c:v>
                </c:pt>
                <c:pt idx="1415">
                  <c:v>4.5527802113121432</c:v>
                </c:pt>
                <c:pt idx="1416">
                  <c:v>4.5527802113121432</c:v>
                </c:pt>
                <c:pt idx="1417">
                  <c:v>4.5532508458617897</c:v>
                </c:pt>
                <c:pt idx="1418">
                  <c:v>4.5532508458617897</c:v>
                </c:pt>
                <c:pt idx="1419">
                  <c:v>4.5532508458617897</c:v>
                </c:pt>
                <c:pt idx="1420">
                  <c:v>4.553707638218798</c:v>
                </c:pt>
                <c:pt idx="1421">
                  <c:v>4.5541782727684321</c:v>
                </c:pt>
                <c:pt idx="1422">
                  <c:v>4.5546489073180787</c:v>
                </c:pt>
                <c:pt idx="1423">
                  <c:v>4.5551195418677253</c:v>
                </c:pt>
                <c:pt idx="1424">
                  <c:v>4.5551195418677253</c:v>
                </c:pt>
                <c:pt idx="1425">
                  <c:v>4.5555763342247335</c:v>
                </c:pt>
                <c:pt idx="1426">
                  <c:v>4.5555763342247335</c:v>
                </c:pt>
                <c:pt idx="1427">
                  <c:v>4.5560469687743677</c:v>
                </c:pt>
                <c:pt idx="1428">
                  <c:v>4.5560469687743677</c:v>
                </c:pt>
                <c:pt idx="1429">
                  <c:v>4.5565176033240142</c:v>
                </c:pt>
                <c:pt idx="1430">
                  <c:v>4.5565176033240142</c:v>
                </c:pt>
                <c:pt idx="1431">
                  <c:v>4.5569743956810216</c:v>
                </c:pt>
                <c:pt idx="1432">
                  <c:v>4.5569743956810216</c:v>
                </c:pt>
                <c:pt idx="1433">
                  <c:v>4.5574450302306566</c:v>
                </c:pt>
                <c:pt idx="1434">
                  <c:v>4.5574450302306566</c:v>
                </c:pt>
                <c:pt idx="1435">
                  <c:v>4.5574450302306566</c:v>
                </c:pt>
                <c:pt idx="1436">
                  <c:v>4.5579156647803032</c:v>
                </c:pt>
                <c:pt idx="1437">
                  <c:v>4.5579156647803032</c:v>
                </c:pt>
                <c:pt idx="1438">
                  <c:v>4.5583724571373105</c:v>
                </c:pt>
                <c:pt idx="1439">
                  <c:v>4.5583724571373105</c:v>
                </c:pt>
                <c:pt idx="1440">
                  <c:v>4.5588430916869447</c:v>
                </c:pt>
                <c:pt idx="1441">
                  <c:v>4.5588430916869447</c:v>
                </c:pt>
                <c:pt idx="1442">
                  <c:v>4.5588430916869447</c:v>
                </c:pt>
                <c:pt idx="1443">
                  <c:v>4.5593137262365913</c:v>
                </c:pt>
                <c:pt idx="1444">
                  <c:v>4.5593137262365913</c:v>
                </c:pt>
                <c:pt idx="1445">
                  <c:v>4.5593137262365913</c:v>
                </c:pt>
                <c:pt idx="1446">
                  <c:v>4.5593137262365913</c:v>
                </c:pt>
                <c:pt idx="1447">
                  <c:v>4.5597705185935995</c:v>
                </c:pt>
                <c:pt idx="1448">
                  <c:v>4.5597705185935995</c:v>
                </c:pt>
                <c:pt idx="1449">
                  <c:v>4.5597705185935995</c:v>
                </c:pt>
                <c:pt idx="1450">
                  <c:v>4.5597705185935995</c:v>
                </c:pt>
                <c:pt idx="1451">
                  <c:v>4.5597705185935995</c:v>
                </c:pt>
                <c:pt idx="1452">
                  <c:v>4.5597705185935995</c:v>
                </c:pt>
                <c:pt idx="1453">
                  <c:v>4.5602411531432452</c:v>
                </c:pt>
                <c:pt idx="1454">
                  <c:v>4.5602411531432452</c:v>
                </c:pt>
                <c:pt idx="1455">
                  <c:v>4.5602411531432452</c:v>
                </c:pt>
                <c:pt idx="1456">
                  <c:v>4.5602411531432452</c:v>
                </c:pt>
                <c:pt idx="1457">
                  <c:v>4.5607117876928802</c:v>
                </c:pt>
                <c:pt idx="1458">
                  <c:v>4.5607117876928802</c:v>
                </c:pt>
                <c:pt idx="1459">
                  <c:v>4.5607117876928802</c:v>
                </c:pt>
                <c:pt idx="1460">
                  <c:v>4.5611685800498885</c:v>
                </c:pt>
                <c:pt idx="1461">
                  <c:v>4.5611685800498885</c:v>
                </c:pt>
                <c:pt idx="1462">
                  <c:v>4.5611685800498885</c:v>
                </c:pt>
                <c:pt idx="1463">
                  <c:v>4.5611685800498885</c:v>
                </c:pt>
                <c:pt idx="1464">
                  <c:v>4.561639214599535</c:v>
                </c:pt>
                <c:pt idx="1465">
                  <c:v>4.561639214599535</c:v>
                </c:pt>
                <c:pt idx="1466">
                  <c:v>4.5621098491491683</c:v>
                </c:pt>
                <c:pt idx="1467">
                  <c:v>4.5621098491491683</c:v>
                </c:pt>
                <c:pt idx="1468">
                  <c:v>4.5621098491491683</c:v>
                </c:pt>
                <c:pt idx="1469">
                  <c:v>4.5621098491491683</c:v>
                </c:pt>
                <c:pt idx="1470">
                  <c:v>4.5621098491491683</c:v>
                </c:pt>
                <c:pt idx="1471">
                  <c:v>4.5621098491491683</c:v>
                </c:pt>
                <c:pt idx="1472">
                  <c:v>4.5625666415061765</c:v>
                </c:pt>
                <c:pt idx="1473">
                  <c:v>4.5625666415061765</c:v>
                </c:pt>
                <c:pt idx="1474">
                  <c:v>4.5625666415061765</c:v>
                </c:pt>
                <c:pt idx="1475">
                  <c:v>4.563037276055824</c:v>
                </c:pt>
                <c:pt idx="1476">
                  <c:v>4.563037276055824</c:v>
                </c:pt>
                <c:pt idx="1477">
                  <c:v>4.563037276055824</c:v>
                </c:pt>
                <c:pt idx="1478">
                  <c:v>4.5635079106054572</c:v>
                </c:pt>
                <c:pt idx="1479">
                  <c:v>4.5635079106054572</c:v>
                </c:pt>
                <c:pt idx="1480">
                  <c:v>4.5639647029624655</c:v>
                </c:pt>
                <c:pt idx="1481">
                  <c:v>4.5639647029624655</c:v>
                </c:pt>
                <c:pt idx="1482">
                  <c:v>4.5639647029624655</c:v>
                </c:pt>
                <c:pt idx="1483">
                  <c:v>4.5644353375121121</c:v>
                </c:pt>
                <c:pt idx="1484">
                  <c:v>4.5644353375121121</c:v>
                </c:pt>
                <c:pt idx="1485">
                  <c:v>4.5644353375121121</c:v>
                </c:pt>
                <c:pt idx="1486">
                  <c:v>4.5649059720617586</c:v>
                </c:pt>
                <c:pt idx="1487">
                  <c:v>4.5649059720617586</c:v>
                </c:pt>
                <c:pt idx="1488">
                  <c:v>4.5649059720617586</c:v>
                </c:pt>
                <c:pt idx="1489">
                  <c:v>4.5653627644187544</c:v>
                </c:pt>
                <c:pt idx="1490">
                  <c:v>4.5653627644187544</c:v>
                </c:pt>
                <c:pt idx="1491">
                  <c:v>4.5653627644187544</c:v>
                </c:pt>
                <c:pt idx="1492">
                  <c:v>4.5658333989684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BDA2-4712-A4E4-50D91AA87421}"/>
            </c:ext>
          </c:extLst>
        </c:ser>
        <c:ser>
          <c:idx val="3"/>
          <c:order val="1"/>
          <c:tx>
            <c:strRef>
              <c:f>'Fig 10'!$F$7</c:f>
              <c:strCache>
                <c:ptCount val="1"/>
                <c:pt idx="0">
                  <c:v>25BE0LU-TA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g 10'!$F$9:$F$4156</c:f>
              <c:numCache>
                <c:formatCode>General</c:formatCode>
                <c:ptCount val="4148"/>
                <c:pt idx="0">
                  <c:v>0</c:v>
                </c:pt>
                <c:pt idx="1">
                  <c:v>1.6666999999998211E-2</c:v>
                </c:pt>
                <c:pt idx="2">
                  <c:v>3.3333999999996422E-2</c:v>
                </c:pt>
                <c:pt idx="3">
                  <c:v>4.9999999999997158E-2</c:v>
                </c:pt>
                <c:pt idx="4">
                  <c:v>0</c:v>
                </c:pt>
                <c:pt idx="5">
                  <c:v>1.6666999999998211E-2</c:v>
                </c:pt>
                <c:pt idx="6">
                  <c:v>3.3332999999998947E-2</c:v>
                </c:pt>
                <c:pt idx="7">
                  <c:v>4.9999999999997158E-2</c:v>
                </c:pt>
                <c:pt idx="8">
                  <c:v>6.666700000000958E-2</c:v>
                </c:pt>
                <c:pt idx="9">
                  <c:v>8.3332999999996105E-2</c:v>
                </c:pt>
                <c:pt idx="10">
                  <c:v>0.10000000000000853</c:v>
                </c:pt>
                <c:pt idx="11">
                  <c:v>0.11666700000000674</c:v>
                </c:pt>
                <c:pt idx="12">
                  <c:v>0.13333300000000747</c:v>
                </c:pt>
                <c:pt idx="13">
                  <c:v>0.15000000000000568</c:v>
                </c:pt>
                <c:pt idx="14">
                  <c:v>0.1666670000000039</c:v>
                </c:pt>
                <c:pt idx="15">
                  <c:v>0.18333300000000463</c:v>
                </c:pt>
                <c:pt idx="16">
                  <c:v>0.20000000000000284</c:v>
                </c:pt>
                <c:pt idx="17">
                  <c:v>0.21666700000000105</c:v>
                </c:pt>
                <c:pt idx="18">
                  <c:v>0.23333300000000179</c:v>
                </c:pt>
                <c:pt idx="19">
                  <c:v>0.25</c:v>
                </c:pt>
                <c:pt idx="20">
                  <c:v>0.26666699999999821</c:v>
                </c:pt>
                <c:pt idx="21">
                  <c:v>0.28333299999999895</c:v>
                </c:pt>
                <c:pt idx="22">
                  <c:v>0.29999999999999716</c:v>
                </c:pt>
                <c:pt idx="23">
                  <c:v>0.31666700000000958</c:v>
                </c:pt>
                <c:pt idx="24">
                  <c:v>0.3333329999999961</c:v>
                </c:pt>
                <c:pt idx="25">
                  <c:v>0.35000000000000853</c:v>
                </c:pt>
                <c:pt idx="26">
                  <c:v>0.36666700000000674</c:v>
                </c:pt>
                <c:pt idx="27">
                  <c:v>0.38333300000000747</c:v>
                </c:pt>
                <c:pt idx="28">
                  <c:v>0.40000000000000568</c:v>
                </c:pt>
                <c:pt idx="29">
                  <c:v>0.4166670000000039</c:v>
                </c:pt>
                <c:pt idx="30">
                  <c:v>0.43333300000000463</c:v>
                </c:pt>
                <c:pt idx="31">
                  <c:v>0.45000000000000284</c:v>
                </c:pt>
                <c:pt idx="32">
                  <c:v>0.46666700000000105</c:v>
                </c:pt>
                <c:pt idx="33">
                  <c:v>0.48333300000000179</c:v>
                </c:pt>
                <c:pt idx="34">
                  <c:v>0.5</c:v>
                </c:pt>
                <c:pt idx="35">
                  <c:v>0.51666699999999821</c:v>
                </c:pt>
                <c:pt idx="36">
                  <c:v>0.53333299999999895</c:v>
                </c:pt>
                <c:pt idx="37">
                  <c:v>0.54999999999999716</c:v>
                </c:pt>
                <c:pt idx="38">
                  <c:v>0.56666700000000958</c:v>
                </c:pt>
                <c:pt idx="39">
                  <c:v>0.5833329999999961</c:v>
                </c:pt>
                <c:pt idx="40">
                  <c:v>0.60000000000000853</c:v>
                </c:pt>
                <c:pt idx="41">
                  <c:v>0.61666700000000674</c:v>
                </c:pt>
                <c:pt idx="42">
                  <c:v>0.63333300000000747</c:v>
                </c:pt>
                <c:pt idx="43">
                  <c:v>0.65000000000000568</c:v>
                </c:pt>
                <c:pt idx="44">
                  <c:v>0.6666670000000039</c:v>
                </c:pt>
                <c:pt idx="45">
                  <c:v>0.68333300000000463</c:v>
                </c:pt>
                <c:pt idx="46">
                  <c:v>0.70000000000000284</c:v>
                </c:pt>
                <c:pt idx="47">
                  <c:v>0.71666700000000105</c:v>
                </c:pt>
                <c:pt idx="48">
                  <c:v>0.73333300000000179</c:v>
                </c:pt>
                <c:pt idx="49">
                  <c:v>0.75</c:v>
                </c:pt>
                <c:pt idx="50">
                  <c:v>0.76666699999999821</c:v>
                </c:pt>
                <c:pt idx="51">
                  <c:v>0.78333299999999895</c:v>
                </c:pt>
                <c:pt idx="52">
                  <c:v>0.79999999999999716</c:v>
                </c:pt>
                <c:pt idx="53">
                  <c:v>0.81666700000000958</c:v>
                </c:pt>
                <c:pt idx="54">
                  <c:v>0.8333329999999961</c:v>
                </c:pt>
                <c:pt idx="55">
                  <c:v>0.85000000000000853</c:v>
                </c:pt>
                <c:pt idx="56">
                  <c:v>0.86666700000000674</c:v>
                </c:pt>
                <c:pt idx="57">
                  <c:v>0.88333300000000747</c:v>
                </c:pt>
                <c:pt idx="58">
                  <c:v>0.90000000000000568</c:v>
                </c:pt>
                <c:pt idx="59">
                  <c:v>0.9166670000000039</c:v>
                </c:pt>
                <c:pt idx="60">
                  <c:v>0.93333300000000463</c:v>
                </c:pt>
                <c:pt idx="61">
                  <c:v>0.95000000000000284</c:v>
                </c:pt>
                <c:pt idx="62">
                  <c:v>0.96666700000000105</c:v>
                </c:pt>
                <c:pt idx="63">
                  <c:v>0.98333300000000179</c:v>
                </c:pt>
                <c:pt idx="64">
                  <c:v>1</c:v>
                </c:pt>
                <c:pt idx="65">
                  <c:v>1.0166669999999982</c:v>
                </c:pt>
                <c:pt idx="66">
                  <c:v>1.0333329999999989</c:v>
                </c:pt>
                <c:pt idx="67">
                  <c:v>1.0499999999999972</c:v>
                </c:pt>
                <c:pt idx="68">
                  <c:v>1.0666670000000096</c:v>
                </c:pt>
                <c:pt idx="69">
                  <c:v>1.0833329999999961</c:v>
                </c:pt>
                <c:pt idx="70">
                  <c:v>1.1000000000000085</c:v>
                </c:pt>
                <c:pt idx="71">
                  <c:v>1.1166670000000067</c:v>
                </c:pt>
                <c:pt idx="72">
                  <c:v>1.1333330000000075</c:v>
                </c:pt>
                <c:pt idx="73">
                  <c:v>1.1500000000000057</c:v>
                </c:pt>
                <c:pt idx="74">
                  <c:v>1.1666670000000039</c:v>
                </c:pt>
                <c:pt idx="75">
                  <c:v>1.1833330000000046</c:v>
                </c:pt>
                <c:pt idx="76">
                  <c:v>1.2000000000000028</c:v>
                </c:pt>
                <c:pt idx="77">
                  <c:v>1.2166670000000011</c:v>
                </c:pt>
                <c:pt idx="78">
                  <c:v>1.2333330000000018</c:v>
                </c:pt>
                <c:pt idx="79">
                  <c:v>1.25</c:v>
                </c:pt>
                <c:pt idx="80">
                  <c:v>1.2666669999999982</c:v>
                </c:pt>
                <c:pt idx="81">
                  <c:v>1.2833329999999989</c:v>
                </c:pt>
                <c:pt idx="82">
                  <c:v>1.2999999999999972</c:v>
                </c:pt>
                <c:pt idx="83">
                  <c:v>1.3166670000000096</c:v>
                </c:pt>
                <c:pt idx="84">
                  <c:v>1.3333329999999961</c:v>
                </c:pt>
                <c:pt idx="85">
                  <c:v>1.3500000000000085</c:v>
                </c:pt>
                <c:pt idx="86">
                  <c:v>1.3666670000000067</c:v>
                </c:pt>
                <c:pt idx="87">
                  <c:v>1.3833330000000075</c:v>
                </c:pt>
                <c:pt idx="88">
                  <c:v>1.4000000000000057</c:v>
                </c:pt>
                <c:pt idx="89">
                  <c:v>1.4166670000000039</c:v>
                </c:pt>
                <c:pt idx="90">
                  <c:v>1.4333330000000046</c:v>
                </c:pt>
                <c:pt idx="91">
                  <c:v>1.4500000000000028</c:v>
                </c:pt>
                <c:pt idx="92">
                  <c:v>1.4666670000000011</c:v>
                </c:pt>
                <c:pt idx="93">
                  <c:v>1.4833330000000018</c:v>
                </c:pt>
                <c:pt idx="94">
                  <c:v>1.5</c:v>
                </c:pt>
                <c:pt idx="95">
                  <c:v>1.5166669999999982</c:v>
                </c:pt>
                <c:pt idx="96">
                  <c:v>1.5333329999999989</c:v>
                </c:pt>
                <c:pt idx="97">
                  <c:v>1.5499999999999972</c:v>
                </c:pt>
                <c:pt idx="98">
                  <c:v>1.5666670000000096</c:v>
                </c:pt>
                <c:pt idx="99">
                  <c:v>1.5833329999999961</c:v>
                </c:pt>
                <c:pt idx="100">
                  <c:v>1.6000000000000085</c:v>
                </c:pt>
                <c:pt idx="101">
                  <c:v>1.6166670000000067</c:v>
                </c:pt>
                <c:pt idx="102">
                  <c:v>1.6333330000000075</c:v>
                </c:pt>
                <c:pt idx="103">
                  <c:v>1.6500000000000057</c:v>
                </c:pt>
                <c:pt idx="104">
                  <c:v>1.6666670000000039</c:v>
                </c:pt>
                <c:pt idx="105">
                  <c:v>1.6833330000000046</c:v>
                </c:pt>
                <c:pt idx="106">
                  <c:v>1.7000000000000028</c:v>
                </c:pt>
                <c:pt idx="107">
                  <c:v>1.7166670000000011</c:v>
                </c:pt>
                <c:pt idx="108">
                  <c:v>1.7333330000000018</c:v>
                </c:pt>
                <c:pt idx="109">
                  <c:v>1.75</c:v>
                </c:pt>
                <c:pt idx="110">
                  <c:v>1.7666669999999982</c:v>
                </c:pt>
                <c:pt idx="111">
                  <c:v>1.7833329999999989</c:v>
                </c:pt>
                <c:pt idx="112">
                  <c:v>1.7999999999999972</c:v>
                </c:pt>
                <c:pt idx="113">
                  <c:v>1.8166670000000096</c:v>
                </c:pt>
                <c:pt idx="114">
                  <c:v>1.8333329999999961</c:v>
                </c:pt>
                <c:pt idx="115">
                  <c:v>1.8500000000000085</c:v>
                </c:pt>
                <c:pt idx="116">
                  <c:v>1.8666670000000067</c:v>
                </c:pt>
                <c:pt idx="117">
                  <c:v>1.8833330000000075</c:v>
                </c:pt>
                <c:pt idx="118">
                  <c:v>1.9000000000000057</c:v>
                </c:pt>
                <c:pt idx="119">
                  <c:v>1.9166670000000039</c:v>
                </c:pt>
                <c:pt idx="120">
                  <c:v>1.9333330000000046</c:v>
                </c:pt>
                <c:pt idx="121">
                  <c:v>1.9500000000000028</c:v>
                </c:pt>
                <c:pt idx="122">
                  <c:v>1.9666670000000011</c:v>
                </c:pt>
                <c:pt idx="123">
                  <c:v>1.9833330000000018</c:v>
                </c:pt>
                <c:pt idx="124">
                  <c:v>2</c:v>
                </c:pt>
                <c:pt idx="125">
                  <c:v>2.0166669999999982</c:v>
                </c:pt>
                <c:pt idx="126">
                  <c:v>2.0333329999999989</c:v>
                </c:pt>
                <c:pt idx="127">
                  <c:v>2.0499999999999972</c:v>
                </c:pt>
                <c:pt idx="128">
                  <c:v>2.0666670000000096</c:v>
                </c:pt>
                <c:pt idx="129">
                  <c:v>2.0833329999999961</c:v>
                </c:pt>
                <c:pt idx="130">
                  <c:v>2.1000000000000085</c:v>
                </c:pt>
                <c:pt idx="131">
                  <c:v>2.1166670000000067</c:v>
                </c:pt>
                <c:pt idx="132">
                  <c:v>2.1333330000000075</c:v>
                </c:pt>
                <c:pt idx="133">
                  <c:v>2.1500000000000057</c:v>
                </c:pt>
                <c:pt idx="134">
                  <c:v>2.1666670000000039</c:v>
                </c:pt>
                <c:pt idx="135">
                  <c:v>2.1833330000000046</c:v>
                </c:pt>
                <c:pt idx="136">
                  <c:v>2.2000000000000028</c:v>
                </c:pt>
                <c:pt idx="137">
                  <c:v>2.2166670000000011</c:v>
                </c:pt>
                <c:pt idx="138">
                  <c:v>2.2333330000000018</c:v>
                </c:pt>
                <c:pt idx="139">
                  <c:v>2.25</c:v>
                </c:pt>
                <c:pt idx="140">
                  <c:v>2.2666669999999982</c:v>
                </c:pt>
                <c:pt idx="141">
                  <c:v>2.2833329999999989</c:v>
                </c:pt>
                <c:pt idx="142">
                  <c:v>2.2999999999999972</c:v>
                </c:pt>
                <c:pt idx="143">
                  <c:v>2.3166670000000096</c:v>
                </c:pt>
                <c:pt idx="144">
                  <c:v>2.3333329999999961</c:v>
                </c:pt>
                <c:pt idx="145">
                  <c:v>2.3500000000000085</c:v>
                </c:pt>
                <c:pt idx="146">
                  <c:v>2.3666670000000067</c:v>
                </c:pt>
                <c:pt idx="147">
                  <c:v>2.3833330000000075</c:v>
                </c:pt>
                <c:pt idx="148">
                  <c:v>2.4000000000000057</c:v>
                </c:pt>
                <c:pt idx="149">
                  <c:v>2.4166670000000039</c:v>
                </c:pt>
                <c:pt idx="150">
                  <c:v>2.4333330000000046</c:v>
                </c:pt>
                <c:pt idx="151">
                  <c:v>2.4500000000000028</c:v>
                </c:pt>
                <c:pt idx="152">
                  <c:v>2.4666670000000011</c:v>
                </c:pt>
                <c:pt idx="153">
                  <c:v>2.4833330000000018</c:v>
                </c:pt>
                <c:pt idx="154">
                  <c:v>2.5</c:v>
                </c:pt>
                <c:pt idx="155">
                  <c:v>2.5166669999999982</c:v>
                </c:pt>
                <c:pt idx="156">
                  <c:v>2.5333329999999989</c:v>
                </c:pt>
                <c:pt idx="157">
                  <c:v>2.5499999999999972</c:v>
                </c:pt>
                <c:pt idx="158">
                  <c:v>2.5666670000000096</c:v>
                </c:pt>
                <c:pt idx="159">
                  <c:v>2.5833329999999961</c:v>
                </c:pt>
                <c:pt idx="160">
                  <c:v>2.6000000000000085</c:v>
                </c:pt>
                <c:pt idx="161">
                  <c:v>2.6166670000000067</c:v>
                </c:pt>
                <c:pt idx="162">
                  <c:v>2.6333330000000075</c:v>
                </c:pt>
                <c:pt idx="163">
                  <c:v>2.6500000000000057</c:v>
                </c:pt>
                <c:pt idx="164">
                  <c:v>2.6666670000000039</c:v>
                </c:pt>
                <c:pt idx="165">
                  <c:v>2.6833330000000046</c:v>
                </c:pt>
                <c:pt idx="166">
                  <c:v>2.7000000000000028</c:v>
                </c:pt>
                <c:pt idx="167">
                  <c:v>2.7166670000000011</c:v>
                </c:pt>
                <c:pt idx="168">
                  <c:v>2.7333330000000018</c:v>
                </c:pt>
                <c:pt idx="169">
                  <c:v>2.75</c:v>
                </c:pt>
                <c:pt idx="170">
                  <c:v>2.7666669999999982</c:v>
                </c:pt>
                <c:pt idx="171">
                  <c:v>2.7833329999999989</c:v>
                </c:pt>
                <c:pt idx="172">
                  <c:v>2.7999999999999972</c:v>
                </c:pt>
                <c:pt idx="173">
                  <c:v>2.8166670000000096</c:v>
                </c:pt>
                <c:pt idx="174">
                  <c:v>2.8333329999999961</c:v>
                </c:pt>
                <c:pt idx="175">
                  <c:v>2.8500000000000085</c:v>
                </c:pt>
                <c:pt idx="176">
                  <c:v>2.8666670000000067</c:v>
                </c:pt>
                <c:pt idx="177">
                  <c:v>2.8833330000000075</c:v>
                </c:pt>
                <c:pt idx="178">
                  <c:v>2.9000000000000057</c:v>
                </c:pt>
                <c:pt idx="179">
                  <c:v>2.9166670000000039</c:v>
                </c:pt>
                <c:pt idx="180">
                  <c:v>2.9333330000000046</c:v>
                </c:pt>
                <c:pt idx="181">
                  <c:v>2.9500000000000028</c:v>
                </c:pt>
                <c:pt idx="182">
                  <c:v>2.9666670000000011</c:v>
                </c:pt>
                <c:pt idx="183">
                  <c:v>2.9833330000000018</c:v>
                </c:pt>
                <c:pt idx="184">
                  <c:v>3</c:v>
                </c:pt>
                <c:pt idx="185">
                  <c:v>3.0166669999999982</c:v>
                </c:pt>
                <c:pt idx="186">
                  <c:v>3.0333329999999989</c:v>
                </c:pt>
                <c:pt idx="187">
                  <c:v>3.0499999999999972</c:v>
                </c:pt>
                <c:pt idx="188">
                  <c:v>3.0666670000000096</c:v>
                </c:pt>
                <c:pt idx="189">
                  <c:v>3.0833329999999961</c:v>
                </c:pt>
                <c:pt idx="190">
                  <c:v>3.1000000000000085</c:v>
                </c:pt>
                <c:pt idx="191">
                  <c:v>3.1166670000000067</c:v>
                </c:pt>
                <c:pt idx="192">
                  <c:v>3.1333330000000075</c:v>
                </c:pt>
                <c:pt idx="193">
                  <c:v>3.1500000000000057</c:v>
                </c:pt>
                <c:pt idx="194">
                  <c:v>3.1666670000000039</c:v>
                </c:pt>
                <c:pt idx="195">
                  <c:v>3.1833330000000046</c:v>
                </c:pt>
                <c:pt idx="196">
                  <c:v>3.2000000000000028</c:v>
                </c:pt>
                <c:pt idx="197">
                  <c:v>3.2166670000000011</c:v>
                </c:pt>
                <c:pt idx="198">
                  <c:v>3.2333330000000018</c:v>
                </c:pt>
                <c:pt idx="199">
                  <c:v>3.25</c:v>
                </c:pt>
                <c:pt idx="200">
                  <c:v>3.2666669999999982</c:v>
                </c:pt>
                <c:pt idx="201">
                  <c:v>3.2833329999999989</c:v>
                </c:pt>
                <c:pt idx="202">
                  <c:v>3.2999999999999972</c:v>
                </c:pt>
                <c:pt idx="203">
                  <c:v>3.3166670000000096</c:v>
                </c:pt>
                <c:pt idx="204">
                  <c:v>3.3333329999999961</c:v>
                </c:pt>
                <c:pt idx="205">
                  <c:v>3.3500000000000085</c:v>
                </c:pt>
                <c:pt idx="206">
                  <c:v>3.3666670000000067</c:v>
                </c:pt>
                <c:pt idx="207">
                  <c:v>3.3833330000000075</c:v>
                </c:pt>
                <c:pt idx="208">
                  <c:v>3.4000000000000057</c:v>
                </c:pt>
                <c:pt idx="209">
                  <c:v>3.4166670000000039</c:v>
                </c:pt>
                <c:pt idx="210">
                  <c:v>3.4333330000000046</c:v>
                </c:pt>
                <c:pt idx="211">
                  <c:v>3.4500000000000028</c:v>
                </c:pt>
                <c:pt idx="212">
                  <c:v>3.4666670000000011</c:v>
                </c:pt>
                <c:pt idx="213">
                  <c:v>3.4833330000000018</c:v>
                </c:pt>
                <c:pt idx="214">
                  <c:v>3.5</c:v>
                </c:pt>
                <c:pt idx="215">
                  <c:v>3.5166669999999982</c:v>
                </c:pt>
                <c:pt idx="216">
                  <c:v>3.5333329999999989</c:v>
                </c:pt>
                <c:pt idx="217">
                  <c:v>3.5499999999999972</c:v>
                </c:pt>
                <c:pt idx="218">
                  <c:v>3.5666670000000096</c:v>
                </c:pt>
                <c:pt idx="219">
                  <c:v>3.5833329999999961</c:v>
                </c:pt>
                <c:pt idx="220">
                  <c:v>3.6000000000000085</c:v>
                </c:pt>
                <c:pt idx="221">
                  <c:v>3.6166670000000067</c:v>
                </c:pt>
                <c:pt idx="222">
                  <c:v>3.6333330000000075</c:v>
                </c:pt>
                <c:pt idx="223">
                  <c:v>3.6500000000000057</c:v>
                </c:pt>
                <c:pt idx="224">
                  <c:v>3.6666670000000039</c:v>
                </c:pt>
                <c:pt idx="225">
                  <c:v>3.6833330000000046</c:v>
                </c:pt>
                <c:pt idx="226">
                  <c:v>3.7000000000000028</c:v>
                </c:pt>
                <c:pt idx="227">
                  <c:v>3.7166670000000011</c:v>
                </c:pt>
                <c:pt idx="228">
                  <c:v>3.7333330000000018</c:v>
                </c:pt>
                <c:pt idx="229">
                  <c:v>3.75</c:v>
                </c:pt>
                <c:pt idx="230">
                  <c:v>3.7666669999999982</c:v>
                </c:pt>
                <c:pt idx="231">
                  <c:v>3.7833329999999989</c:v>
                </c:pt>
                <c:pt idx="232">
                  <c:v>3.7999999999999972</c:v>
                </c:pt>
                <c:pt idx="233">
                  <c:v>3.8166670000000096</c:v>
                </c:pt>
                <c:pt idx="234">
                  <c:v>3.8333329999999961</c:v>
                </c:pt>
                <c:pt idx="235">
                  <c:v>3.8500000000000085</c:v>
                </c:pt>
                <c:pt idx="236">
                  <c:v>3.8666670000000067</c:v>
                </c:pt>
                <c:pt idx="237">
                  <c:v>3.8833330000000075</c:v>
                </c:pt>
                <c:pt idx="238">
                  <c:v>3.9000000000000057</c:v>
                </c:pt>
                <c:pt idx="239">
                  <c:v>3.9166670000000039</c:v>
                </c:pt>
                <c:pt idx="240">
                  <c:v>3.9333330000000046</c:v>
                </c:pt>
                <c:pt idx="241">
                  <c:v>3.9500000000000028</c:v>
                </c:pt>
                <c:pt idx="242">
                  <c:v>3.9666670000000011</c:v>
                </c:pt>
                <c:pt idx="243">
                  <c:v>3.9833330000000018</c:v>
                </c:pt>
                <c:pt idx="244">
                  <c:v>4</c:v>
                </c:pt>
                <c:pt idx="245">
                  <c:v>4.0166669999999982</c:v>
                </c:pt>
                <c:pt idx="246">
                  <c:v>4.0333329999999989</c:v>
                </c:pt>
                <c:pt idx="247">
                  <c:v>4.0499999999999972</c:v>
                </c:pt>
                <c:pt idx="248">
                  <c:v>4.0666670000000096</c:v>
                </c:pt>
                <c:pt idx="249">
                  <c:v>4.0833329999999961</c:v>
                </c:pt>
                <c:pt idx="250">
                  <c:v>4.1000000000000085</c:v>
                </c:pt>
                <c:pt idx="251">
                  <c:v>4.1166670000000067</c:v>
                </c:pt>
                <c:pt idx="252">
                  <c:v>4.1333330000000075</c:v>
                </c:pt>
                <c:pt idx="253">
                  <c:v>4.1500000000000057</c:v>
                </c:pt>
                <c:pt idx="254">
                  <c:v>4.1666670000000039</c:v>
                </c:pt>
                <c:pt idx="255">
                  <c:v>4.1833330000000046</c:v>
                </c:pt>
                <c:pt idx="256">
                  <c:v>4.2000000000000028</c:v>
                </c:pt>
                <c:pt idx="257">
                  <c:v>4.2166670000000011</c:v>
                </c:pt>
                <c:pt idx="258">
                  <c:v>4.2333330000000018</c:v>
                </c:pt>
                <c:pt idx="259">
                  <c:v>4.25</c:v>
                </c:pt>
                <c:pt idx="260">
                  <c:v>4.2666669999999982</c:v>
                </c:pt>
                <c:pt idx="261">
                  <c:v>4.2833329999999989</c:v>
                </c:pt>
                <c:pt idx="262">
                  <c:v>4.2999999999999972</c:v>
                </c:pt>
                <c:pt idx="263">
                  <c:v>4.3166670000000096</c:v>
                </c:pt>
                <c:pt idx="264">
                  <c:v>4.3333329999999961</c:v>
                </c:pt>
                <c:pt idx="265">
                  <c:v>4.3500000000000085</c:v>
                </c:pt>
                <c:pt idx="266">
                  <c:v>4.3666670000000067</c:v>
                </c:pt>
                <c:pt idx="267">
                  <c:v>4.3833330000000075</c:v>
                </c:pt>
                <c:pt idx="268">
                  <c:v>4.4000000000000057</c:v>
                </c:pt>
                <c:pt idx="269">
                  <c:v>4.4166670000000039</c:v>
                </c:pt>
                <c:pt idx="270">
                  <c:v>4.4333330000000046</c:v>
                </c:pt>
                <c:pt idx="271">
                  <c:v>4.4500000000000028</c:v>
                </c:pt>
                <c:pt idx="272">
                  <c:v>4.4666670000000011</c:v>
                </c:pt>
                <c:pt idx="273">
                  <c:v>4.4833330000000018</c:v>
                </c:pt>
                <c:pt idx="274">
                  <c:v>4.5</c:v>
                </c:pt>
                <c:pt idx="275">
                  <c:v>4.5166669999999982</c:v>
                </c:pt>
                <c:pt idx="276">
                  <c:v>4.5333329999999989</c:v>
                </c:pt>
                <c:pt idx="277">
                  <c:v>4.5499999999999972</c:v>
                </c:pt>
                <c:pt idx="278">
                  <c:v>4.5666670000000096</c:v>
                </c:pt>
                <c:pt idx="279">
                  <c:v>4.5833329999999961</c:v>
                </c:pt>
                <c:pt idx="280">
                  <c:v>4.6000000000000085</c:v>
                </c:pt>
                <c:pt idx="281">
                  <c:v>4.6166670000000067</c:v>
                </c:pt>
                <c:pt idx="282">
                  <c:v>4.6333330000000075</c:v>
                </c:pt>
                <c:pt idx="283">
                  <c:v>4.6500000000000057</c:v>
                </c:pt>
                <c:pt idx="284">
                  <c:v>4.6666670000000039</c:v>
                </c:pt>
                <c:pt idx="285">
                  <c:v>4.6833330000000046</c:v>
                </c:pt>
                <c:pt idx="286">
                  <c:v>4.7000000000000028</c:v>
                </c:pt>
                <c:pt idx="287">
                  <c:v>4.7166670000000011</c:v>
                </c:pt>
                <c:pt idx="288">
                  <c:v>4.7333330000000018</c:v>
                </c:pt>
                <c:pt idx="289">
                  <c:v>4.75</c:v>
                </c:pt>
                <c:pt idx="290">
                  <c:v>4.7666669999999982</c:v>
                </c:pt>
                <c:pt idx="291">
                  <c:v>4.7833329999999989</c:v>
                </c:pt>
                <c:pt idx="292">
                  <c:v>4.7999999999999972</c:v>
                </c:pt>
                <c:pt idx="293">
                  <c:v>4.8166670000000096</c:v>
                </c:pt>
                <c:pt idx="294">
                  <c:v>4.8333329999999961</c:v>
                </c:pt>
                <c:pt idx="295">
                  <c:v>4.8500000000000085</c:v>
                </c:pt>
                <c:pt idx="296">
                  <c:v>4.8666670000000067</c:v>
                </c:pt>
                <c:pt idx="297">
                  <c:v>4.8833330000000075</c:v>
                </c:pt>
                <c:pt idx="298">
                  <c:v>4.9000000000000057</c:v>
                </c:pt>
                <c:pt idx="299">
                  <c:v>4.9166670000000039</c:v>
                </c:pt>
                <c:pt idx="300">
                  <c:v>4.9333330000000046</c:v>
                </c:pt>
                <c:pt idx="301">
                  <c:v>4.9500000000000028</c:v>
                </c:pt>
                <c:pt idx="302">
                  <c:v>4.9666670000000011</c:v>
                </c:pt>
                <c:pt idx="303">
                  <c:v>4.9833330000000018</c:v>
                </c:pt>
                <c:pt idx="304">
                  <c:v>5</c:v>
                </c:pt>
                <c:pt idx="305">
                  <c:v>5.0166669999999982</c:v>
                </c:pt>
                <c:pt idx="306">
                  <c:v>5.0333329999999989</c:v>
                </c:pt>
                <c:pt idx="307">
                  <c:v>5.0499999999999972</c:v>
                </c:pt>
                <c:pt idx="308">
                  <c:v>5.0666670000000096</c:v>
                </c:pt>
                <c:pt idx="309">
                  <c:v>5.0833329999999961</c:v>
                </c:pt>
                <c:pt idx="310">
                  <c:v>5.1000000000000085</c:v>
                </c:pt>
                <c:pt idx="311">
                  <c:v>5.1166670000000067</c:v>
                </c:pt>
                <c:pt idx="312">
                  <c:v>5.1333330000000075</c:v>
                </c:pt>
                <c:pt idx="313">
                  <c:v>5.1500000000000057</c:v>
                </c:pt>
                <c:pt idx="314">
                  <c:v>5.1666670000000039</c:v>
                </c:pt>
                <c:pt idx="315">
                  <c:v>5.1833330000000046</c:v>
                </c:pt>
                <c:pt idx="316">
                  <c:v>5.2000000000000028</c:v>
                </c:pt>
                <c:pt idx="317">
                  <c:v>5.2166670000000011</c:v>
                </c:pt>
                <c:pt idx="318">
                  <c:v>5.2333330000000018</c:v>
                </c:pt>
                <c:pt idx="319">
                  <c:v>5.25</c:v>
                </c:pt>
                <c:pt idx="320">
                  <c:v>5.2666669999999982</c:v>
                </c:pt>
                <c:pt idx="321">
                  <c:v>5.2833329999999989</c:v>
                </c:pt>
                <c:pt idx="322">
                  <c:v>5.2999999999999972</c:v>
                </c:pt>
                <c:pt idx="323">
                  <c:v>5.3166670000000096</c:v>
                </c:pt>
                <c:pt idx="324">
                  <c:v>5.3333329999999961</c:v>
                </c:pt>
                <c:pt idx="325">
                  <c:v>5.3500000000000085</c:v>
                </c:pt>
                <c:pt idx="326">
                  <c:v>5.3666670000000067</c:v>
                </c:pt>
                <c:pt idx="327">
                  <c:v>5.3833330000000075</c:v>
                </c:pt>
                <c:pt idx="328">
                  <c:v>5.4000000000000057</c:v>
                </c:pt>
                <c:pt idx="329">
                  <c:v>5.4166670000000039</c:v>
                </c:pt>
                <c:pt idx="330">
                  <c:v>5.4333330000000046</c:v>
                </c:pt>
                <c:pt idx="331">
                  <c:v>5.4500000000000028</c:v>
                </c:pt>
                <c:pt idx="332">
                  <c:v>5.4666670000000011</c:v>
                </c:pt>
                <c:pt idx="333">
                  <c:v>5.4833330000000018</c:v>
                </c:pt>
                <c:pt idx="334">
                  <c:v>5.5</c:v>
                </c:pt>
                <c:pt idx="335">
                  <c:v>5.5166669999999982</c:v>
                </c:pt>
                <c:pt idx="336">
                  <c:v>5.5333329999999989</c:v>
                </c:pt>
                <c:pt idx="337">
                  <c:v>5.5499999999999972</c:v>
                </c:pt>
                <c:pt idx="338">
                  <c:v>5.5666670000000096</c:v>
                </c:pt>
                <c:pt idx="339">
                  <c:v>5.5833329999999961</c:v>
                </c:pt>
                <c:pt idx="340">
                  <c:v>5.6000000000000085</c:v>
                </c:pt>
                <c:pt idx="341">
                  <c:v>5.6166670000000067</c:v>
                </c:pt>
                <c:pt idx="342">
                  <c:v>5.6333330000000075</c:v>
                </c:pt>
                <c:pt idx="343">
                  <c:v>5.6500000000000057</c:v>
                </c:pt>
                <c:pt idx="344">
                  <c:v>5.6666670000000039</c:v>
                </c:pt>
                <c:pt idx="345">
                  <c:v>5.6833330000000046</c:v>
                </c:pt>
                <c:pt idx="346">
                  <c:v>5.7000000000000028</c:v>
                </c:pt>
                <c:pt idx="347">
                  <c:v>5.7166670000000011</c:v>
                </c:pt>
                <c:pt idx="348">
                  <c:v>5.7333330000000018</c:v>
                </c:pt>
                <c:pt idx="349">
                  <c:v>5.75</c:v>
                </c:pt>
                <c:pt idx="350">
                  <c:v>5.7666669999999982</c:v>
                </c:pt>
                <c:pt idx="351">
                  <c:v>5.7833329999999989</c:v>
                </c:pt>
                <c:pt idx="352">
                  <c:v>5.7999999999999972</c:v>
                </c:pt>
                <c:pt idx="353">
                  <c:v>5.8166670000000096</c:v>
                </c:pt>
                <c:pt idx="354">
                  <c:v>5.8333329999999961</c:v>
                </c:pt>
                <c:pt idx="355">
                  <c:v>5.8500000000000085</c:v>
                </c:pt>
                <c:pt idx="356">
                  <c:v>5.8666670000000067</c:v>
                </c:pt>
                <c:pt idx="357">
                  <c:v>5.8833330000000075</c:v>
                </c:pt>
                <c:pt idx="358">
                  <c:v>5.9000000000000057</c:v>
                </c:pt>
                <c:pt idx="359">
                  <c:v>5.9166670000000039</c:v>
                </c:pt>
                <c:pt idx="360">
                  <c:v>5.9333330000000046</c:v>
                </c:pt>
                <c:pt idx="361">
                  <c:v>5.9500000000000028</c:v>
                </c:pt>
                <c:pt idx="362">
                  <c:v>5.9666670000000011</c:v>
                </c:pt>
                <c:pt idx="363">
                  <c:v>5.9833330000000018</c:v>
                </c:pt>
                <c:pt idx="364">
                  <c:v>6</c:v>
                </c:pt>
                <c:pt idx="365">
                  <c:v>6.0166669999999982</c:v>
                </c:pt>
                <c:pt idx="366">
                  <c:v>6.0333329999999989</c:v>
                </c:pt>
                <c:pt idx="367">
                  <c:v>6.0499999999999972</c:v>
                </c:pt>
                <c:pt idx="368">
                  <c:v>6.0666670000000096</c:v>
                </c:pt>
                <c:pt idx="369">
                  <c:v>6.0833329999999961</c:v>
                </c:pt>
                <c:pt idx="370">
                  <c:v>6.1000000000000085</c:v>
                </c:pt>
                <c:pt idx="371">
                  <c:v>6.1166670000000067</c:v>
                </c:pt>
                <c:pt idx="372">
                  <c:v>6.1333330000000075</c:v>
                </c:pt>
                <c:pt idx="373">
                  <c:v>6.1500000000000057</c:v>
                </c:pt>
                <c:pt idx="374">
                  <c:v>6.1666670000000039</c:v>
                </c:pt>
                <c:pt idx="375">
                  <c:v>6.1833330000000046</c:v>
                </c:pt>
                <c:pt idx="376">
                  <c:v>6.2000000000000028</c:v>
                </c:pt>
                <c:pt idx="377">
                  <c:v>6.2166670000000011</c:v>
                </c:pt>
                <c:pt idx="378">
                  <c:v>6.2333330000000018</c:v>
                </c:pt>
                <c:pt idx="379">
                  <c:v>6.25</c:v>
                </c:pt>
                <c:pt idx="380">
                  <c:v>6.2666669999999982</c:v>
                </c:pt>
                <c:pt idx="381">
                  <c:v>6.2833329999999989</c:v>
                </c:pt>
                <c:pt idx="382">
                  <c:v>6.2999999999999972</c:v>
                </c:pt>
                <c:pt idx="383">
                  <c:v>6.3166670000000096</c:v>
                </c:pt>
                <c:pt idx="384">
                  <c:v>6.3333329999999961</c:v>
                </c:pt>
                <c:pt idx="385">
                  <c:v>6.3500000000000085</c:v>
                </c:pt>
                <c:pt idx="386">
                  <c:v>6.3666670000000067</c:v>
                </c:pt>
                <c:pt idx="387">
                  <c:v>6.3833330000000075</c:v>
                </c:pt>
                <c:pt idx="388">
                  <c:v>6.4000000000000057</c:v>
                </c:pt>
                <c:pt idx="389">
                  <c:v>6.4166670000000039</c:v>
                </c:pt>
                <c:pt idx="390">
                  <c:v>6.4333330000000046</c:v>
                </c:pt>
                <c:pt idx="391">
                  <c:v>6.4500000000000028</c:v>
                </c:pt>
                <c:pt idx="392">
                  <c:v>6.4666670000000011</c:v>
                </c:pt>
                <c:pt idx="393">
                  <c:v>6.4833330000000018</c:v>
                </c:pt>
                <c:pt idx="394">
                  <c:v>6.5</c:v>
                </c:pt>
                <c:pt idx="395">
                  <c:v>6.5166669999999982</c:v>
                </c:pt>
                <c:pt idx="396">
                  <c:v>6.5333329999999989</c:v>
                </c:pt>
                <c:pt idx="397">
                  <c:v>6.5499999999999972</c:v>
                </c:pt>
                <c:pt idx="398">
                  <c:v>6.5666670000000096</c:v>
                </c:pt>
                <c:pt idx="399">
                  <c:v>6.5833329999999961</c:v>
                </c:pt>
                <c:pt idx="400">
                  <c:v>6.6000000000000085</c:v>
                </c:pt>
                <c:pt idx="401">
                  <c:v>6.6166670000000067</c:v>
                </c:pt>
                <c:pt idx="402">
                  <c:v>6.6333330000000075</c:v>
                </c:pt>
                <c:pt idx="403">
                  <c:v>6.6500000000000057</c:v>
                </c:pt>
                <c:pt idx="404">
                  <c:v>6.6666670000000039</c:v>
                </c:pt>
                <c:pt idx="405">
                  <c:v>6.6833330000000046</c:v>
                </c:pt>
                <c:pt idx="406">
                  <c:v>6.7000000000000028</c:v>
                </c:pt>
                <c:pt idx="407">
                  <c:v>6.7166670000000011</c:v>
                </c:pt>
                <c:pt idx="408">
                  <c:v>6.7333330000000018</c:v>
                </c:pt>
                <c:pt idx="409">
                  <c:v>6.75</c:v>
                </c:pt>
                <c:pt idx="410">
                  <c:v>6.7666669999999982</c:v>
                </c:pt>
                <c:pt idx="411">
                  <c:v>6.7833329999999989</c:v>
                </c:pt>
                <c:pt idx="412">
                  <c:v>6.7999999999999972</c:v>
                </c:pt>
                <c:pt idx="413">
                  <c:v>6.8166670000000096</c:v>
                </c:pt>
                <c:pt idx="414">
                  <c:v>6.8333329999999961</c:v>
                </c:pt>
                <c:pt idx="415">
                  <c:v>6.8500000000000085</c:v>
                </c:pt>
                <c:pt idx="416">
                  <c:v>6.8666670000000067</c:v>
                </c:pt>
                <c:pt idx="417">
                  <c:v>6.8833330000000075</c:v>
                </c:pt>
                <c:pt idx="418">
                  <c:v>6.9000000000000057</c:v>
                </c:pt>
                <c:pt idx="419">
                  <c:v>6.9166670000000039</c:v>
                </c:pt>
                <c:pt idx="420">
                  <c:v>6.9333330000000046</c:v>
                </c:pt>
                <c:pt idx="421">
                  <c:v>6.9500000000000028</c:v>
                </c:pt>
                <c:pt idx="422">
                  <c:v>6.9666670000000011</c:v>
                </c:pt>
                <c:pt idx="423">
                  <c:v>6.9833330000000018</c:v>
                </c:pt>
                <c:pt idx="424">
                  <c:v>7</c:v>
                </c:pt>
                <c:pt idx="425">
                  <c:v>7.0166669999999982</c:v>
                </c:pt>
                <c:pt idx="426">
                  <c:v>7.0333329999999989</c:v>
                </c:pt>
                <c:pt idx="427">
                  <c:v>7.0499999999999972</c:v>
                </c:pt>
                <c:pt idx="428">
                  <c:v>7.0666670000000096</c:v>
                </c:pt>
                <c:pt idx="429">
                  <c:v>7.0833329999999961</c:v>
                </c:pt>
                <c:pt idx="430">
                  <c:v>7.1000000000000085</c:v>
                </c:pt>
                <c:pt idx="431">
                  <c:v>7.1166670000000067</c:v>
                </c:pt>
                <c:pt idx="432">
                  <c:v>7.1333330000000075</c:v>
                </c:pt>
                <c:pt idx="433">
                  <c:v>7.1500000000000057</c:v>
                </c:pt>
                <c:pt idx="434">
                  <c:v>7.1666670000000039</c:v>
                </c:pt>
                <c:pt idx="435">
                  <c:v>7.1833330000000046</c:v>
                </c:pt>
                <c:pt idx="436">
                  <c:v>7.2000000000000028</c:v>
                </c:pt>
                <c:pt idx="437">
                  <c:v>7.2166670000000011</c:v>
                </c:pt>
                <c:pt idx="438">
                  <c:v>7.2333330000000018</c:v>
                </c:pt>
                <c:pt idx="439">
                  <c:v>7.25</c:v>
                </c:pt>
                <c:pt idx="440">
                  <c:v>7.2666669999999982</c:v>
                </c:pt>
                <c:pt idx="441">
                  <c:v>7.2833329999999989</c:v>
                </c:pt>
                <c:pt idx="442">
                  <c:v>7.2999999999999972</c:v>
                </c:pt>
                <c:pt idx="443">
                  <c:v>7.3166670000000096</c:v>
                </c:pt>
                <c:pt idx="444">
                  <c:v>7.3333329999999961</c:v>
                </c:pt>
                <c:pt idx="445">
                  <c:v>7.3500000000000085</c:v>
                </c:pt>
                <c:pt idx="446">
                  <c:v>7.3666670000000067</c:v>
                </c:pt>
                <c:pt idx="447">
                  <c:v>7.3833330000000075</c:v>
                </c:pt>
                <c:pt idx="448">
                  <c:v>7.4000000000000057</c:v>
                </c:pt>
                <c:pt idx="449">
                  <c:v>7.4166670000000039</c:v>
                </c:pt>
                <c:pt idx="450">
                  <c:v>7.4333330000000046</c:v>
                </c:pt>
                <c:pt idx="451">
                  <c:v>7.4500000000000028</c:v>
                </c:pt>
                <c:pt idx="452">
                  <c:v>7.4666670000000011</c:v>
                </c:pt>
                <c:pt idx="453">
                  <c:v>7.4833330000000018</c:v>
                </c:pt>
                <c:pt idx="454">
                  <c:v>7.5</c:v>
                </c:pt>
                <c:pt idx="455">
                  <c:v>7.5166669999999982</c:v>
                </c:pt>
                <c:pt idx="456">
                  <c:v>7.5333329999999989</c:v>
                </c:pt>
                <c:pt idx="457">
                  <c:v>7.5499999999999972</c:v>
                </c:pt>
                <c:pt idx="458">
                  <c:v>7.5666670000000096</c:v>
                </c:pt>
                <c:pt idx="459">
                  <c:v>7.5833329999999961</c:v>
                </c:pt>
                <c:pt idx="460">
                  <c:v>7.6000000000000085</c:v>
                </c:pt>
                <c:pt idx="461">
                  <c:v>7.6166670000000067</c:v>
                </c:pt>
                <c:pt idx="462">
                  <c:v>7.6333330000000075</c:v>
                </c:pt>
                <c:pt idx="463">
                  <c:v>7.6500000000000057</c:v>
                </c:pt>
                <c:pt idx="464">
                  <c:v>7.6666670000000039</c:v>
                </c:pt>
                <c:pt idx="465">
                  <c:v>7.6833330000000046</c:v>
                </c:pt>
                <c:pt idx="466">
                  <c:v>7.7000000000000028</c:v>
                </c:pt>
                <c:pt idx="467">
                  <c:v>7.7166670000000011</c:v>
                </c:pt>
                <c:pt idx="468">
                  <c:v>7.7333330000000018</c:v>
                </c:pt>
                <c:pt idx="469">
                  <c:v>7.75</c:v>
                </c:pt>
                <c:pt idx="470">
                  <c:v>7.7666669999999982</c:v>
                </c:pt>
                <c:pt idx="471">
                  <c:v>7.7833329999999989</c:v>
                </c:pt>
                <c:pt idx="472">
                  <c:v>7.7999999999999972</c:v>
                </c:pt>
                <c:pt idx="473">
                  <c:v>7.8166670000000096</c:v>
                </c:pt>
                <c:pt idx="474">
                  <c:v>7.8333329999999961</c:v>
                </c:pt>
                <c:pt idx="475">
                  <c:v>7.8500000000000085</c:v>
                </c:pt>
                <c:pt idx="476">
                  <c:v>7.8666670000000067</c:v>
                </c:pt>
                <c:pt idx="477">
                  <c:v>7.8833330000000075</c:v>
                </c:pt>
                <c:pt idx="478">
                  <c:v>7.9000000000000057</c:v>
                </c:pt>
                <c:pt idx="479">
                  <c:v>7.9166670000000039</c:v>
                </c:pt>
                <c:pt idx="480">
                  <c:v>7.9333330000000046</c:v>
                </c:pt>
                <c:pt idx="481">
                  <c:v>7.9500000000000028</c:v>
                </c:pt>
                <c:pt idx="482">
                  <c:v>7.9666670000000011</c:v>
                </c:pt>
                <c:pt idx="483">
                  <c:v>7.9833330000000018</c:v>
                </c:pt>
                <c:pt idx="484">
                  <c:v>8</c:v>
                </c:pt>
                <c:pt idx="485">
                  <c:v>8.0166669999999982</c:v>
                </c:pt>
                <c:pt idx="486">
                  <c:v>8.0333329999999989</c:v>
                </c:pt>
                <c:pt idx="487">
                  <c:v>8.0499999999999972</c:v>
                </c:pt>
                <c:pt idx="488">
                  <c:v>8.0666670000000096</c:v>
                </c:pt>
                <c:pt idx="489">
                  <c:v>8.0833329999999961</c:v>
                </c:pt>
                <c:pt idx="490">
                  <c:v>8.1000000000000085</c:v>
                </c:pt>
                <c:pt idx="491">
                  <c:v>8.1166670000000067</c:v>
                </c:pt>
                <c:pt idx="492">
                  <c:v>8.1333330000000075</c:v>
                </c:pt>
                <c:pt idx="493">
                  <c:v>8.1500000000000057</c:v>
                </c:pt>
                <c:pt idx="494">
                  <c:v>8.1666670000000039</c:v>
                </c:pt>
                <c:pt idx="495">
                  <c:v>8.1833330000000046</c:v>
                </c:pt>
                <c:pt idx="496">
                  <c:v>8.2000000000000028</c:v>
                </c:pt>
                <c:pt idx="497">
                  <c:v>8.2166670000000011</c:v>
                </c:pt>
                <c:pt idx="498">
                  <c:v>8.2333330000000018</c:v>
                </c:pt>
                <c:pt idx="499">
                  <c:v>8.25</c:v>
                </c:pt>
                <c:pt idx="500">
                  <c:v>8.2666669999999982</c:v>
                </c:pt>
                <c:pt idx="501">
                  <c:v>8.2833329999999989</c:v>
                </c:pt>
                <c:pt idx="502">
                  <c:v>8.2999999999999972</c:v>
                </c:pt>
                <c:pt idx="503">
                  <c:v>8.3166670000000096</c:v>
                </c:pt>
                <c:pt idx="504">
                  <c:v>8.3333329999999961</c:v>
                </c:pt>
                <c:pt idx="505">
                  <c:v>8.3500000000000085</c:v>
                </c:pt>
                <c:pt idx="506">
                  <c:v>8.3666670000000067</c:v>
                </c:pt>
                <c:pt idx="507">
                  <c:v>8.3833330000000075</c:v>
                </c:pt>
                <c:pt idx="508">
                  <c:v>8.4000000000000057</c:v>
                </c:pt>
                <c:pt idx="509">
                  <c:v>8.4166670000000039</c:v>
                </c:pt>
                <c:pt idx="510">
                  <c:v>8.4333330000000046</c:v>
                </c:pt>
                <c:pt idx="511">
                  <c:v>8.4500000000000028</c:v>
                </c:pt>
                <c:pt idx="512">
                  <c:v>8.4666670000000011</c:v>
                </c:pt>
                <c:pt idx="513">
                  <c:v>8.4833330000000018</c:v>
                </c:pt>
                <c:pt idx="514">
                  <c:v>8.5</c:v>
                </c:pt>
                <c:pt idx="515">
                  <c:v>8.5166669999999982</c:v>
                </c:pt>
                <c:pt idx="516">
                  <c:v>8.5333329999999989</c:v>
                </c:pt>
                <c:pt idx="517">
                  <c:v>8.5499999999999972</c:v>
                </c:pt>
                <c:pt idx="518">
                  <c:v>8.5666670000000096</c:v>
                </c:pt>
                <c:pt idx="519">
                  <c:v>8.5833329999999961</c:v>
                </c:pt>
                <c:pt idx="520">
                  <c:v>8.6000000000000085</c:v>
                </c:pt>
                <c:pt idx="521">
                  <c:v>8.6166670000000067</c:v>
                </c:pt>
                <c:pt idx="522">
                  <c:v>8.6333330000000075</c:v>
                </c:pt>
                <c:pt idx="523">
                  <c:v>8.6500000000000057</c:v>
                </c:pt>
                <c:pt idx="524">
                  <c:v>8.6666670000000039</c:v>
                </c:pt>
                <c:pt idx="525">
                  <c:v>8.6833330000000046</c:v>
                </c:pt>
                <c:pt idx="526">
                  <c:v>8.7000000000000028</c:v>
                </c:pt>
                <c:pt idx="527">
                  <c:v>8.7166670000000011</c:v>
                </c:pt>
                <c:pt idx="528">
                  <c:v>8.7333330000000018</c:v>
                </c:pt>
                <c:pt idx="529">
                  <c:v>8.75</c:v>
                </c:pt>
                <c:pt idx="530">
                  <c:v>8.7666669999999982</c:v>
                </c:pt>
                <c:pt idx="531">
                  <c:v>8.7833329999999989</c:v>
                </c:pt>
                <c:pt idx="532">
                  <c:v>8.7999999999999972</c:v>
                </c:pt>
                <c:pt idx="533">
                  <c:v>8.8166670000000096</c:v>
                </c:pt>
                <c:pt idx="534">
                  <c:v>8.8333329999999961</c:v>
                </c:pt>
                <c:pt idx="535">
                  <c:v>8.8500000000000085</c:v>
                </c:pt>
                <c:pt idx="536">
                  <c:v>8.8666670000000067</c:v>
                </c:pt>
                <c:pt idx="537">
                  <c:v>8.8833330000000075</c:v>
                </c:pt>
                <c:pt idx="538">
                  <c:v>8.9000000000000057</c:v>
                </c:pt>
                <c:pt idx="539">
                  <c:v>8.9166670000000039</c:v>
                </c:pt>
                <c:pt idx="540">
                  <c:v>8.9333330000000046</c:v>
                </c:pt>
                <c:pt idx="541">
                  <c:v>8.9500000000000028</c:v>
                </c:pt>
                <c:pt idx="542">
                  <c:v>8.9666670000000011</c:v>
                </c:pt>
                <c:pt idx="543">
                  <c:v>8.9833330000000018</c:v>
                </c:pt>
                <c:pt idx="544">
                  <c:v>9</c:v>
                </c:pt>
                <c:pt idx="545">
                  <c:v>9.0166669999999982</c:v>
                </c:pt>
                <c:pt idx="546">
                  <c:v>9.0333329999999989</c:v>
                </c:pt>
                <c:pt idx="547">
                  <c:v>9.0499999999999972</c:v>
                </c:pt>
                <c:pt idx="548">
                  <c:v>9.0666670000000096</c:v>
                </c:pt>
                <c:pt idx="549">
                  <c:v>9.0833329999999961</c:v>
                </c:pt>
                <c:pt idx="550">
                  <c:v>9.1000000000000085</c:v>
                </c:pt>
                <c:pt idx="551">
                  <c:v>9.1166670000000067</c:v>
                </c:pt>
                <c:pt idx="552">
                  <c:v>9.1333330000000075</c:v>
                </c:pt>
                <c:pt idx="553">
                  <c:v>9.1500000000000057</c:v>
                </c:pt>
                <c:pt idx="554">
                  <c:v>9.1666670000000039</c:v>
                </c:pt>
                <c:pt idx="555">
                  <c:v>9.1833330000000046</c:v>
                </c:pt>
                <c:pt idx="556">
                  <c:v>9.2000000000000028</c:v>
                </c:pt>
                <c:pt idx="557">
                  <c:v>9.2166670000000011</c:v>
                </c:pt>
                <c:pt idx="558">
                  <c:v>9.2333330000000018</c:v>
                </c:pt>
                <c:pt idx="559">
                  <c:v>9.25</c:v>
                </c:pt>
                <c:pt idx="560">
                  <c:v>9.2666669999999982</c:v>
                </c:pt>
                <c:pt idx="561">
                  <c:v>9.2833329999999989</c:v>
                </c:pt>
                <c:pt idx="562">
                  <c:v>9.2999999999999972</c:v>
                </c:pt>
                <c:pt idx="563">
                  <c:v>9.3166670000000096</c:v>
                </c:pt>
                <c:pt idx="564">
                  <c:v>9.3333329999999961</c:v>
                </c:pt>
                <c:pt idx="565">
                  <c:v>9.3500000000000085</c:v>
                </c:pt>
                <c:pt idx="566">
                  <c:v>9.3666670000000067</c:v>
                </c:pt>
                <c:pt idx="567">
                  <c:v>9.3833330000000075</c:v>
                </c:pt>
                <c:pt idx="568">
                  <c:v>9.4000000000000057</c:v>
                </c:pt>
                <c:pt idx="569">
                  <c:v>9.4166670000000039</c:v>
                </c:pt>
                <c:pt idx="570">
                  <c:v>9.4333330000000046</c:v>
                </c:pt>
                <c:pt idx="571">
                  <c:v>9.4500000000000028</c:v>
                </c:pt>
                <c:pt idx="572">
                  <c:v>9.4666670000000011</c:v>
                </c:pt>
                <c:pt idx="573">
                  <c:v>9.4833330000000018</c:v>
                </c:pt>
                <c:pt idx="574">
                  <c:v>9.5</c:v>
                </c:pt>
                <c:pt idx="575">
                  <c:v>9.5166669999999982</c:v>
                </c:pt>
                <c:pt idx="576">
                  <c:v>9.5333329999999989</c:v>
                </c:pt>
                <c:pt idx="577">
                  <c:v>9.5499999999999972</c:v>
                </c:pt>
                <c:pt idx="578">
                  <c:v>9.5666670000000096</c:v>
                </c:pt>
                <c:pt idx="579">
                  <c:v>9.5833329999999961</c:v>
                </c:pt>
                <c:pt idx="580">
                  <c:v>9.6000000000000085</c:v>
                </c:pt>
                <c:pt idx="581">
                  <c:v>9.6166670000000067</c:v>
                </c:pt>
                <c:pt idx="582">
                  <c:v>9.6333330000000075</c:v>
                </c:pt>
                <c:pt idx="583">
                  <c:v>9.6500000000000057</c:v>
                </c:pt>
                <c:pt idx="584">
                  <c:v>9.6666670000000039</c:v>
                </c:pt>
                <c:pt idx="585">
                  <c:v>9.6833330000000046</c:v>
                </c:pt>
                <c:pt idx="586">
                  <c:v>9.7000000000000028</c:v>
                </c:pt>
                <c:pt idx="587">
                  <c:v>9.7166670000000011</c:v>
                </c:pt>
                <c:pt idx="588">
                  <c:v>9.7333330000000018</c:v>
                </c:pt>
                <c:pt idx="589">
                  <c:v>9.75</c:v>
                </c:pt>
                <c:pt idx="590">
                  <c:v>9.7666669999999982</c:v>
                </c:pt>
                <c:pt idx="591">
                  <c:v>9.7833329999999989</c:v>
                </c:pt>
                <c:pt idx="592">
                  <c:v>9.7999999999999972</c:v>
                </c:pt>
                <c:pt idx="593">
                  <c:v>9.8166670000000096</c:v>
                </c:pt>
                <c:pt idx="594">
                  <c:v>9.8333329999999961</c:v>
                </c:pt>
                <c:pt idx="595">
                  <c:v>9.8500000000000085</c:v>
                </c:pt>
                <c:pt idx="596">
                  <c:v>9.8666670000000067</c:v>
                </c:pt>
                <c:pt idx="597">
                  <c:v>9.8833330000000075</c:v>
                </c:pt>
                <c:pt idx="598">
                  <c:v>9.9000000000000057</c:v>
                </c:pt>
                <c:pt idx="599">
                  <c:v>9.9166670000000039</c:v>
                </c:pt>
                <c:pt idx="600">
                  <c:v>9.9333330000000046</c:v>
                </c:pt>
                <c:pt idx="601">
                  <c:v>9.9500000000000028</c:v>
                </c:pt>
                <c:pt idx="602">
                  <c:v>9.9666670000000011</c:v>
                </c:pt>
                <c:pt idx="603">
                  <c:v>9.9833330000000018</c:v>
                </c:pt>
                <c:pt idx="604">
                  <c:v>10</c:v>
                </c:pt>
                <c:pt idx="605">
                  <c:v>10.016666999999998</c:v>
                </c:pt>
                <c:pt idx="606">
                  <c:v>10.033332999999999</c:v>
                </c:pt>
                <c:pt idx="607">
                  <c:v>10.049999999999997</c:v>
                </c:pt>
                <c:pt idx="608">
                  <c:v>10.06666700000001</c:v>
                </c:pt>
                <c:pt idx="609">
                  <c:v>10.083332999999996</c:v>
                </c:pt>
                <c:pt idx="610">
                  <c:v>10.100000000000009</c:v>
                </c:pt>
                <c:pt idx="611">
                  <c:v>10.116667000000007</c:v>
                </c:pt>
                <c:pt idx="612">
                  <c:v>10.133333000000007</c:v>
                </c:pt>
                <c:pt idx="613">
                  <c:v>10.150000000000006</c:v>
                </c:pt>
                <c:pt idx="614">
                  <c:v>10.166667000000004</c:v>
                </c:pt>
                <c:pt idx="615">
                  <c:v>10.183333000000005</c:v>
                </c:pt>
                <c:pt idx="616">
                  <c:v>10.200000000000003</c:v>
                </c:pt>
                <c:pt idx="617">
                  <c:v>10.216667000000001</c:v>
                </c:pt>
                <c:pt idx="618">
                  <c:v>10.233333000000002</c:v>
                </c:pt>
                <c:pt idx="619">
                  <c:v>10.25</c:v>
                </c:pt>
                <c:pt idx="620">
                  <c:v>10.266666999999998</c:v>
                </c:pt>
                <c:pt idx="621">
                  <c:v>10.283332999999999</c:v>
                </c:pt>
                <c:pt idx="622">
                  <c:v>10.299999999999997</c:v>
                </c:pt>
                <c:pt idx="623">
                  <c:v>10.31666700000001</c:v>
                </c:pt>
                <c:pt idx="624">
                  <c:v>10.333332999999996</c:v>
                </c:pt>
                <c:pt idx="625">
                  <c:v>10.350000000000009</c:v>
                </c:pt>
                <c:pt idx="626">
                  <c:v>10.366667000000007</c:v>
                </c:pt>
                <c:pt idx="627">
                  <c:v>10.383333000000007</c:v>
                </c:pt>
                <c:pt idx="628">
                  <c:v>10.400000000000006</c:v>
                </c:pt>
                <c:pt idx="629">
                  <c:v>10.416667000000004</c:v>
                </c:pt>
                <c:pt idx="630">
                  <c:v>10.433333000000005</c:v>
                </c:pt>
                <c:pt idx="631">
                  <c:v>10.450000000000003</c:v>
                </c:pt>
                <c:pt idx="632">
                  <c:v>10.466667000000001</c:v>
                </c:pt>
                <c:pt idx="633">
                  <c:v>10.483333000000002</c:v>
                </c:pt>
                <c:pt idx="634">
                  <c:v>10.5</c:v>
                </c:pt>
                <c:pt idx="635">
                  <c:v>10.516666999999998</c:v>
                </c:pt>
                <c:pt idx="636">
                  <c:v>10.533332999999999</c:v>
                </c:pt>
                <c:pt idx="637">
                  <c:v>10.549999999999997</c:v>
                </c:pt>
                <c:pt idx="638">
                  <c:v>10.56666700000001</c:v>
                </c:pt>
                <c:pt idx="639">
                  <c:v>10.583332999999996</c:v>
                </c:pt>
                <c:pt idx="640">
                  <c:v>10.600000000000009</c:v>
                </c:pt>
                <c:pt idx="641">
                  <c:v>10.616667000000007</c:v>
                </c:pt>
                <c:pt idx="642">
                  <c:v>10.633333000000007</c:v>
                </c:pt>
                <c:pt idx="643">
                  <c:v>10.650000000000006</c:v>
                </c:pt>
                <c:pt idx="644">
                  <c:v>10.666667000000004</c:v>
                </c:pt>
                <c:pt idx="645">
                  <c:v>10.683333000000005</c:v>
                </c:pt>
                <c:pt idx="646">
                  <c:v>10.700000000000003</c:v>
                </c:pt>
                <c:pt idx="647">
                  <c:v>10.716667000000001</c:v>
                </c:pt>
                <c:pt idx="648">
                  <c:v>10.733333000000002</c:v>
                </c:pt>
                <c:pt idx="649">
                  <c:v>10.75</c:v>
                </c:pt>
                <c:pt idx="650">
                  <c:v>10.766666999999998</c:v>
                </c:pt>
                <c:pt idx="651">
                  <c:v>10.783332999999999</c:v>
                </c:pt>
                <c:pt idx="652">
                  <c:v>10.799999999999997</c:v>
                </c:pt>
                <c:pt idx="653">
                  <c:v>10.81666700000001</c:v>
                </c:pt>
                <c:pt idx="654">
                  <c:v>10.833332999999996</c:v>
                </c:pt>
                <c:pt idx="655">
                  <c:v>10.850000000000009</c:v>
                </c:pt>
                <c:pt idx="656">
                  <c:v>10.866667000000007</c:v>
                </c:pt>
                <c:pt idx="657">
                  <c:v>10.883333000000007</c:v>
                </c:pt>
                <c:pt idx="658">
                  <c:v>10.900000000000006</c:v>
                </c:pt>
                <c:pt idx="659">
                  <c:v>10.916667000000004</c:v>
                </c:pt>
                <c:pt idx="660">
                  <c:v>10.933333000000005</c:v>
                </c:pt>
                <c:pt idx="661">
                  <c:v>10.950000000000003</c:v>
                </c:pt>
                <c:pt idx="662">
                  <c:v>10.966667000000001</c:v>
                </c:pt>
                <c:pt idx="663">
                  <c:v>10.983333000000002</c:v>
                </c:pt>
                <c:pt idx="664">
                  <c:v>11</c:v>
                </c:pt>
                <c:pt idx="665">
                  <c:v>11.016666999999998</c:v>
                </c:pt>
                <c:pt idx="666">
                  <c:v>11.033332999999999</c:v>
                </c:pt>
                <c:pt idx="667">
                  <c:v>11.049999999999997</c:v>
                </c:pt>
                <c:pt idx="668">
                  <c:v>11.06666700000001</c:v>
                </c:pt>
                <c:pt idx="669">
                  <c:v>11.083332999999996</c:v>
                </c:pt>
                <c:pt idx="670">
                  <c:v>11.100000000000009</c:v>
                </c:pt>
                <c:pt idx="671">
                  <c:v>11.116667000000007</c:v>
                </c:pt>
                <c:pt idx="672">
                  <c:v>11.133333000000007</c:v>
                </c:pt>
                <c:pt idx="673">
                  <c:v>11.150000000000006</c:v>
                </c:pt>
                <c:pt idx="674">
                  <c:v>11.166667000000004</c:v>
                </c:pt>
                <c:pt idx="675">
                  <c:v>11.183333000000005</c:v>
                </c:pt>
                <c:pt idx="676">
                  <c:v>11.200000000000003</c:v>
                </c:pt>
                <c:pt idx="677">
                  <c:v>11.216667000000001</c:v>
                </c:pt>
                <c:pt idx="678">
                  <c:v>11.233333000000002</c:v>
                </c:pt>
                <c:pt idx="679">
                  <c:v>11.25</c:v>
                </c:pt>
                <c:pt idx="680">
                  <c:v>11.266666999999998</c:v>
                </c:pt>
                <c:pt idx="681">
                  <c:v>11.283332999999999</c:v>
                </c:pt>
                <c:pt idx="682">
                  <c:v>11.299999999999997</c:v>
                </c:pt>
                <c:pt idx="683">
                  <c:v>11.31666700000001</c:v>
                </c:pt>
                <c:pt idx="684">
                  <c:v>11.333332999999996</c:v>
                </c:pt>
                <c:pt idx="685">
                  <c:v>11.350000000000009</c:v>
                </c:pt>
                <c:pt idx="686">
                  <c:v>11.366667000000007</c:v>
                </c:pt>
                <c:pt idx="687">
                  <c:v>11.383333000000007</c:v>
                </c:pt>
                <c:pt idx="688">
                  <c:v>11.400000000000006</c:v>
                </c:pt>
                <c:pt idx="689">
                  <c:v>11.416667000000004</c:v>
                </c:pt>
                <c:pt idx="690">
                  <c:v>11.433333000000005</c:v>
                </c:pt>
                <c:pt idx="691">
                  <c:v>11.450000000000003</c:v>
                </c:pt>
                <c:pt idx="692">
                  <c:v>11.466667000000001</c:v>
                </c:pt>
                <c:pt idx="693">
                  <c:v>11.483333000000002</c:v>
                </c:pt>
                <c:pt idx="694">
                  <c:v>11.5</c:v>
                </c:pt>
                <c:pt idx="695">
                  <c:v>11.516666999999998</c:v>
                </c:pt>
                <c:pt idx="696">
                  <c:v>11.533332999999999</c:v>
                </c:pt>
                <c:pt idx="697">
                  <c:v>11.549999999999997</c:v>
                </c:pt>
                <c:pt idx="698">
                  <c:v>11.56666700000001</c:v>
                </c:pt>
                <c:pt idx="699">
                  <c:v>11.583332999999996</c:v>
                </c:pt>
                <c:pt idx="700">
                  <c:v>11.600000000000009</c:v>
                </c:pt>
                <c:pt idx="701">
                  <c:v>11.616667000000007</c:v>
                </c:pt>
                <c:pt idx="702">
                  <c:v>11.633333000000007</c:v>
                </c:pt>
                <c:pt idx="703">
                  <c:v>11.650000000000006</c:v>
                </c:pt>
                <c:pt idx="704">
                  <c:v>11.666667000000004</c:v>
                </c:pt>
                <c:pt idx="705">
                  <c:v>11.683333000000005</c:v>
                </c:pt>
                <c:pt idx="706">
                  <c:v>11.700000000000003</c:v>
                </c:pt>
                <c:pt idx="707">
                  <c:v>11.716667000000001</c:v>
                </c:pt>
                <c:pt idx="708">
                  <c:v>11.733333000000002</c:v>
                </c:pt>
                <c:pt idx="709">
                  <c:v>11.75</c:v>
                </c:pt>
                <c:pt idx="710">
                  <c:v>11.766666999999998</c:v>
                </c:pt>
                <c:pt idx="711">
                  <c:v>11.783332999999999</c:v>
                </c:pt>
                <c:pt idx="712">
                  <c:v>11.799999999999997</c:v>
                </c:pt>
                <c:pt idx="713">
                  <c:v>11.81666700000001</c:v>
                </c:pt>
                <c:pt idx="714">
                  <c:v>11.833332999999996</c:v>
                </c:pt>
                <c:pt idx="715">
                  <c:v>11.850000000000009</c:v>
                </c:pt>
                <c:pt idx="716">
                  <c:v>11.866667000000007</c:v>
                </c:pt>
                <c:pt idx="717">
                  <c:v>11.883333000000007</c:v>
                </c:pt>
                <c:pt idx="718">
                  <c:v>11.900000000000006</c:v>
                </c:pt>
                <c:pt idx="719">
                  <c:v>11.916667000000004</c:v>
                </c:pt>
                <c:pt idx="720">
                  <c:v>11.933333000000005</c:v>
                </c:pt>
                <c:pt idx="721">
                  <c:v>11.950000000000003</c:v>
                </c:pt>
                <c:pt idx="722">
                  <c:v>11.966667000000001</c:v>
                </c:pt>
                <c:pt idx="723">
                  <c:v>11.983333000000002</c:v>
                </c:pt>
                <c:pt idx="724">
                  <c:v>12</c:v>
                </c:pt>
                <c:pt idx="725">
                  <c:v>12.016666999999998</c:v>
                </c:pt>
                <c:pt idx="726">
                  <c:v>12.033332999999999</c:v>
                </c:pt>
                <c:pt idx="727">
                  <c:v>12.049999999999997</c:v>
                </c:pt>
                <c:pt idx="728">
                  <c:v>12.06666700000001</c:v>
                </c:pt>
                <c:pt idx="729">
                  <c:v>12.083332999999996</c:v>
                </c:pt>
                <c:pt idx="730">
                  <c:v>12.100000000000009</c:v>
                </c:pt>
                <c:pt idx="731">
                  <c:v>12.116667000000007</c:v>
                </c:pt>
                <c:pt idx="732">
                  <c:v>12.133333000000007</c:v>
                </c:pt>
                <c:pt idx="733">
                  <c:v>12.150000000000006</c:v>
                </c:pt>
                <c:pt idx="734">
                  <c:v>12.166667000000004</c:v>
                </c:pt>
                <c:pt idx="735">
                  <c:v>12.183333000000005</c:v>
                </c:pt>
                <c:pt idx="736">
                  <c:v>12.200000000000003</c:v>
                </c:pt>
                <c:pt idx="737">
                  <c:v>12.216667000000001</c:v>
                </c:pt>
                <c:pt idx="738">
                  <c:v>12.233333000000002</c:v>
                </c:pt>
                <c:pt idx="739">
                  <c:v>12.25</c:v>
                </c:pt>
                <c:pt idx="740">
                  <c:v>12.266666999999998</c:v>
                </c:pt>
                <c:pt idx="741">
                  <c:v>12.283332999999999</c:v>
                </c:pt>
                <c:pt idx="742">
                  <c:v>12.299999999999997</c:v>
                </c:pt>
                <c:pt idx="743">
                  <c:v>12.31666700000001</c:v>
                </c:pt>
                <c:pt idx="744">
                  <c:v>12.333332999999996</c:v>
                </c:pt>
                <c:pt idx="745">
                  <c:v>12.350000000000009</c:v>
                </c:pt>
                <c:pt idx="746">
                  <c:v>12.366667000000007</c:v>
                </c:pt>
                <c:pt idx="747">
                  <c:v>12.383333000000007</c:v>
                </c:pt>
                <c:pt idx="748">
                  <c:v>12.400000000000006</c:v>
                </c:pt>
                <c:pt idx="749">
                  <c:v>12.416667000000004</c:v>
                </c:pt>
                <c:pt idx="750">
                  <c:v>12.433333000000005</c:v>
                </c:pt>
                <c:pt idx="751">
                  <c:v>12.450000000000003</c:v>
                </c:pt>
                <c:pt idx="752">
                  <c:v>12.466667000000001</c:v>
                </c:pt>
                <c:pt idx="753">
                  <c:v>12.483333000000002</c:v>
                </c:pt>
                <c:pt idx="754">
                  <c:v>12.5</c:v>
                </c:pt>
                <c:pt idx="755">
                  <c:v>12.516666999999998</c:v>
                </c:pt>
                <c:pt idx="756">
                  <c:v>12.533332999999999</c:v>
                </c:pt>
                <c:pt idx="757">
                  <c:v>12.549999999999997</c:v>
                </c:pt>
                <c:pt idx="758">
                  <c:v>12.56666700000001</c:v>
                </c:pt>
                <c:pt idx="759">
                  <c:v>12.583332999999996</c:v>
                </c:pt>
                <c:pt idx="760">
                  <c:v>12.600000000000009</c:v>
                </c:pt>
                <c:pt idx="761">
                  <c:v>12.616667000000007</c:v>
                </c:pt>
                <c:pt idx="762">
                  <c:v>12.633333000000007</c:v>
                </c:pt>
                <c:pt idx="763">
                  <c:v>12.650000000000006</c:v>
                </c:pt>
                <c:pt idx="764">
                  <c:v>12.666667000000004</c:v>
                </c:pt>
                <c:pt idx="765">
                  <c:v>12.683333000000005</c:v>
                </c:pt>
                <c:pt idx="766">
                  <c:v>12.700000000000003</c:v>
                </c:pt>
                <c:pt idx="767">
                  <c:v>12.716667000000001</c:v>
                </c:pt>
                <c:pt idx="768">
                  <c:v>12.733333000000002</c:v>
                </c:pt>
                <c:pt idx="769">
                  <c:v>12.75</c:v>
                </c:pt>
                <c:pt idx="770">
                  <c:v>12.766666999999998</c:v>
                </c:pt>
                <c:pt idx="771">
                  <c:v>12.783332999999999</c:v>
                </c:pt>
                <c:pt idx="772">
                  <c:v>12.799999999999997</c:v>
                </c:pt>
                <c:pt idx="773">
                  <c:v>12.81666700000001</c:v>
                </c:pt>
                <c:pt idx="774">
                  <c:v>12.833332999999996</c:v>
                </c:pt>
                <c:pt idx="775">
                  <c:v>12.850000000000009</c:v>
                </c:pt>
                <c:pt idx="776">
                  <c:v>12.866667000000007</c:v>
                </c:pt>
                <c:pt idx="777">
                  <c:v>12.883333000000007</c:v>
                </c:pt>
                <c:pt idx="778">
                  <c:v>12.900000000000006</c:v>
                </c:pt>
                <c:pt idx="779">
                  <c:v>12.916667000000004</c:v>
                </c:pt>
                <c:pt idx="780">
                  <c:v>12.933333000000005</c:v>
                </c:pt>
                <c:pt idx="781">
                  <c:v>12.950000000000003</c:v>
                </c:pt>
                <c:pt idx="782">
                  <c:v>12.966667000000001</c:v>
                </c:pt>
                <c:pt idx="783">
                  <c:v>12.983333000000002</c:v>
                </c:pt>
                <c:pt idx="784">
                  <c:v>13</c:v>
                </c:pt>
                <c:pt idx="785">
                  <c:v>13.016666999999998</c:v>
                </c:pt>
                <c:pt idx="786">
                  <c:v>13.033332999999999</c:v>
                </c:pt>
                <c:pt idx="787">
                  <c:v>13.049999999999997</c:v>
                </c:pt>
                <c:pt idx="788">
                  <c:v>13.06666700000001</c:v>
                </c:pt>
                <c:pt idx="789">
                  <c:v>13.083332999999996</c:v>
                </c:pt>
                <c:pt idx="790">
                  <c:v>13.100000000000009</c:v>
                </c:pt>
                <c:pt idx="791">
                  <c:v>13.116667000000007</c:v>
                </c:pt>
                <c:pt idx="792">
                  <c:v>13.133333000000007</c:v>
                </c:pt>
                <c:pt idx="793">
                  <c:v>13.150000000000006</c:v>
                </c:pt>
                <c:pt idx="794">
                  <c:v>13.166667000000004</c:v>
                </c:pt>
                <c:pt idx="795">
                  <c:v>13.183333000000005</c:v>
                </c:pt>
                <c:pt idx="796">
                  <c:v>13.200000000000003</c:v>
                </c:pt>
                <c:pt idx="797">
                  <c:v>13.216667000000001</c:v>
                </c:pt>
                <c:pt idx="798">
                  <c:v>13.233333000000002</c:v>
                </c:pt>
                <c:pt idx="799">
                  <c:v>13.25</c:v>
                </c:pt>
                <c:pt idx="800">
                  <c:v>13.266666999999998</c:v>
                </c:pt>
                <c:pt idx="801">
                  <c:v>13.283332999999999</c:v>
                </c:pt>
                <c:pt idx="802">
                  <c:v>13.299999999999997</c:v>
                </c:pt>
                <c:pt idx="803">
                  <c:v>13.31666700000001</c:v>
                </c:pt>
                <c:pt idx="804">
                  <c:v>13.333332999999996</c:v>
                </c:pt>
                <c:pt idx="805">
                  <c:v>13.350000000000009</c:v>
                </c:pt>
                <c:pt idx="806">
                  <c:v>13.366667000000007</c:v>
                </c:pt>
                <c:pt idx="807">
                  <c:v>13.383333000000007</c:v>
                </c:pt>
                <c:pt idx="808">
                  <c:v>13.400000000000006</c:v>
                </c:pt>
                <c:pt idx="809">
                  <c:v>13.416667000000004</c:v>
                </c:pt>
                <c:pt idx="810">
                  <c:v>13.433333000000005</c:v>
                </c:pt>
                <c:pt idx="811">
                  <c:v>13.450000000000003</c:v>
                </c:pt>
                <c:pt idx="812">
                  <c:v>13.466667000000001</c:v>
                </c:pt>
                <c:pt idx="813">
                  <c:v>13.483333000000002</c:v>
                </c:pt>
                <c:pt idx="814">
                  <c:v>13.5</c:v>
                </c:pt>
                <c:pt idx="815">
                  <c:v>13.516666999999998</c:v>
                </c:pt>
                <c:pt idx="816">
                  <c:v>13.533332999999999</c:v>
                </c:pt>
                <c:pt idx="817">
                  <c:v>13.549999999999997</c:v>
                </c:pt>
                <c:pt idx="818">
                  <c:v>13.56666700000001</c:v>
                </c:pt>
                <c:pt idx="819">
                  <c:v>13.583332999999996</c:v>
                </c:pt>
                <c:pt idx="820">
                  <c:v>13.600000000000009</c:v>
                </c:pt>
                <c:pt idx="821">
                  <c:v>13.616667000000007</c:v>
                </c:pt>
                <c:pt idx="822">
                  <c:v>13.633333000000007</c:v>
                </c:pt>
                <c:pt idx="823">
                  <c:v>13.650000000000006</c:v>
                </c:pt>
                <c:pt idx="824">
                  <c:v>13.666667000000004</c:v>
                </c:pt>
                <c:pt idx="825">
                  <c:v>13.683333000000005</c:v>
                </c:pt>
                <c:pt idx="826">
                  <c:v>13.700000000000003</c:v>
                </c:pt>
                <c:pt idx="827">
                  <c:v>13.716667000000001</c:v>
                </c:pt>
                <c:pt idx="828">
                  <c:v>13.733333000000002</c:v>
                </c:pt>
                <c:pt idx="829">
                  <c:v>13.75</c:v>
                </c:pt>
                <c:pt idx="830">
                  <c:v>13.766666999999998</c:v>
                </c:pt>
                <c:pt idx="831">
                  <c:v>13.783332999999999</c:v>
                </c:pt>
                <c:pt idx="832">
                  <c:v>13.799999999999997</c:v>
                </c:pt>
                <c:pt idx="833">
                  <c:v>13.81666700000001</c:v>
                </c:pt>
                <c:pt idx="834">
                  <c:v>13.833332999999996</c:v>
                </c:pt>
                <c:pt idx="835">
                  <c:v>13.850000000000009</c:v>
                </c:pt>
                <c:pt idx="836">
                  <c:v>13.866667000000007</c:v>
                </c:pt>
                <c:pt idx="837">
                  <c:v>13.883333000000007</c:v>
                </c:pt>
                <c:pt idx="838">
                  <c:v>13.900000000000006</c:v>
                </c:pt>
                <c:pt idx="839">
                  <c:v>13.916667000000004</c:v>
                </c:pt>
                <c:pt idx="840">
                  <c:v>13.933333000000005</c:v>
                </c:pt>
                <c:pt idx="841">
                  <c:v>13.950000000000003</c:v>
                </c:pt>
                <c:pt idx="842">
                  <c:v>13.966667000000001</c:v>
                </c:pt>
                <c:pt idx="843">
                  <c:v>13.983333000000002</c:v>
                </c:pt>
                <c:pt idx="844">
                  <c:v>14</c:v>
                </c:pt>
                <c:pt idx="845">
                  <c:v>14.016666999999998</c:v>
                </c:pt>
                <c:pt idx="846">
                  <c:v>14.033332999999999</c:v>
                </c:pt>
                <c:pt idx="847">
                  <c:v>14.049999999999997</c:v>
                </c:pt>
                <c:pt idx="848">
                  <c:v>14.06666700000001</c:v>
                </c:pt>
                <c:pt idx="849">
                  <c:v>14.083332999999996</c:v>
                </c:pt>
                <c:pt idx="850">
                  <c:v>14.100000000000009</c:v>
                </c:pt>
                <c:pt idx="851">
                  <c:v>14.116667000000007</c:v>
                </c:pt>
                <c:pt idx="852">
                  <c:v>14.133333000000007</c:v>
                </c:pt>
                <c:pt idx="853">
                  <c:v>14.150000000000006</c:v>
                </c:pt>
                <c:pt idx="854">
                  <c:v>14.166667000000004</c:v>
                </c:pt>
                <c:pt idx="855">
                  <c:v>14.183333000000005</c:v>
                </c:pt>
                <c:pt idx="856">
                  <c:v>14.200000000000003</c:v>
                </c:pt>
                <c:pt idx="857">
                  <c:v>14.216667000000001</c:v>
                </c:pt>
                <c:pt idx="858">
                  <c:v>14.233333000000002</c:v>
                </c:pt>
                <c:pt idx="859">
                  <c:v>14.25</c:v>
                </c:pt>
                <c:pt idx="860">
                  <c:v>14.266666999999998</c:v>
                </c:pt>
                <c:pt idx="861">
                  <c:v>14.283332999999999</c:v>
                </c:pt>
                <c:pt idx="862">
                  <c:v>14.299999999999997</c:v>
                </c:pt>
                <c:pt idx="863">
                  <c:v>14.31666700000001</c:v>
                </c:pt>
                <c:pt idx="864">
                  <c:v>14.333332999999996</c:v>
                </c:pt>
                <c:pt idx="865">
                  <c:v>14.350000000000009</c:v>
                </c:pt>
                <c:pt idx="866">
                  <c:v>14.366667000000007</c:v>
                </c:pt>
                <c:pt idx="867">
                  <c:v>14.383333000000007</c:v>
                </c:pt>
                <c:pt idx="868">
                  <c:v>14.400000000000006</c:v>
                </c:pt>
                <c:pt idx="869">
                  <c:v>14.416667000000004</c:v>
                </c:pt>
                <c:pt idx="870">
                  <c:v>14.433333000000005</c:v>
                </c:pt>
                <c:pt idx="871">
                  <c:v>14.450000000000003</c:v>
                </c:pt>
                <c:pt idx="872">
                  <c:v>14.466667000000001</c:v>
                </c:pt>
                <c:pt idx="873">
                  <c:v>14.483333000000002</c:v>
                </c:pt>
                <c:pt idx="874">
                  <c:v>14.5</c:v>
                </c:pt>
                <c:pt idx="875">
                  <c:v>14.516666999999998</c:v>
                </c:pt>
                <c:pt idx="876">
                  <c:v>14.533332999999999</c:v>
                </c:pt>
                <c:pt idx="877">
                  <c:v>14.549999999999997</c:v>
                </c:pt>
                <c:pt idx="878">
                  <c:v>14.56666700000001</c:v>
                </c:pt>
                <c:pt idx="879">
                  <c:v>14.583332999999996</c:v>
                </c:pt>
                <c:pt idx="880">
                  <c:v>14.600000000000009</c:v>
                </c:pt>
                <c:pt idx="881">
                  <c:v>14.616667000000007</c:v>
                </c:pt>
                <c:pt idx="882">
                  <c:v>14.633333000000007</c:v>
                </c:pt>
                <c:pt idx="883">
                  <c:v>14.650000000000006</c:v>
                </c:pt>
                <c:pt idx="884">
                  <c:v>14.666667000000004</c:v>
                </c:pt>
                <c:pt idx="885">
                  <c:v>14.683333000000005</c:v>
                </c:pt>
                <c:pt idx="886">
                  <c:v>14.700000000000003</c:v>
                </c:pt>
                <c:pt idx="887">
                  <c:v>14.716667000000001</c:v>
                </c:pt>
                <c:pt idx="888">
                  <c:v>14.733333000000002</c:v>
                </c:pt>
                <c:pt idx="889">
                  <c:v>14.75</c:v>
                </c:pt>
                <c:pt idx="890">
                  <c:v>14.766666999999998</c:v>
                </c:pt>
                <c:pt idx="891">
                  <c:v>14.783332999999999</c:v>
                </c:pt>
                <c:pt idx="892">
                  <c:v>14.799999999999997</c:v>
                </c:pt>
                <c:pt idx="893">
                  <c:v>14.81666700000001</c:v>
                </c:pt>
                <c:pt idx="894">
                  <c:v>14.833332999999996</c:v>
                </c:pt>
                <c:pt idx="895">
                  <c:v>14.850000000000009</c:v>
                </c:pt>
                <c:pt idx="896">
                  <c:v>14.866667000000007</c:v>
                </c:pt>
                <c:pt idx="897">
                  <c:v>14.883333000000007</c:v>
                </c:pt>
                <c:pt idx="898">
                  <c:v>14.900000000000006</c:v>
                </c:pt>
                <c:pt idx="899">
                  <c:v>14.916667000000004</c:v>
                </c:pt>
                <c:pt idx="900">
                  <c:v>14.933333000000005</c:v>
                </c:pt>
                <c:pt idx="901">
                  <c:v>14.950000000000003</c:v>
                </c:pt>
                <c:pt idx="902">
                  <c:v>14.966667000000001</c:v>
                </c:pt>
                <c:pt idx="903">
                  <c:v>14.983333000000002</c:v>
                </c:pt>
                <c:pt idx="904">
                  <c:v>15</c:v>
                </c:pt>
                <c:pt idx="905">
                  <c:v>15.016666999999998</c:v>
                </c:pt>
                <c:pt idx="906">
                  <c:v>15.033332999999999</c:v>
                </c:pt>
                <c:pt idx="907">
                  <c:v>15.049999999999997</c:v>
                </c:pt>
                <c:pt idx="908">
                  <c:v>15.06666700000001</c:v>
                </c:pt>
                <c:pt idx="909">
                  <c:v>15.083332999999996</c:v>
                </c:pt>
                <c:pt idx="910">
                  <c:v>15.100000000000009</c:v>
                </c:pt>
                <c:pt idx="911">
                  <c:v>15.116667000000007</c:v>
                </c:pt>
                <c:pt idx="912">
                  <c:v>15.133333000000007</c:v>
                </c:pt>
                <c:pt idx="913">
                  <c:v>15.150000000000006</c:v>
                </c:pt>
                <c:pt idx="914">
                  <c:v>15.166667000000004</c:v>
                </c:pt>
                <c:pt idx="915">
                  <c:v>15.183333000000005</c:v>
                </c:pt>
                <c:pt idx="916">
                  <c:v>15.200000000000003</c:v>
                </c:pt>
                <c:pt idx="917">
                  <c:v>15.216667000000001</c:v>
                </c:pt>
                <c:pt idx="918">
                  <c:v>15.233333000000002</c:v>
                </c:pt>
                <c:pt idx="919">
                  <c:v>15.25</c:v>
                </c:pt>
                <c:pt idx="920">
                  <c:v>15.266666999999998</c:v>
                </c:pt>
                <c:pt idx="921">
                  <c:v>15.283332999999999</c:v>
                </c:pt>
                <c:pt idx="922">
                  <c:v>15.299999999999997</c:v>
                </c:pt>
                <c:pt idx="923">
                  <c:v>15.31666700000001</c:v>
                </c:pt>
                <c:pt idx="924">
                  <c:v>15.333332999999996</c:v>
                </c:pt>
                <c:pt idx="925">
                  <c:v>15.350000000000009</c:v>
                </c:pt>
                <c:pt idx="926">
                  <c:v>15.366667000000007</c:v>
                </c:pt>
                <c:pt idx="927">
                  <c:v>15.383333000000007</c:v>
                </c:pt>
                <c:pt idx="928">
                  <c:v>15.400000000000006</c:v>
                </c:pt>
                <c:pt idx="929">
                  <c:v>15.416667000000004</c:v>
                </c:pt>
                <c:pt idx="930">
                  <c:v>15.433333000000005</c:v>
                </c:pt>
                <c:pt idx="931">
                  <c:v>15.450000000000003</c:v>
                </c:pt>
                <c:pt idx="932">
                  <c:v>15.466667000000001</c:v>
                </c:pt>
                <c:pt idx="933">
                  <c:v>15.483333000000002</c:v>
                </c:pt>
                <c:pt idx="934">
                  <c:v>15.5</c:v>
                </c:pt>
                <c:pt idx="935">
                  <c:v>15.516666999999998</c:v>
                </c:pt>
                <c:pt idx="936">
                  <c:v>15.533332999999999</c:v>
                </c:pt>
                <c:pt idx="937">
                  <c:v>15.549999999999997</c:v>
                </c:pt>
                <c:pt idx="938">
                  <c:v>15.56666700000001</c:v>
                </c:pt>
                <c:pt idx="939">
                  <c:v>15.583332999999996</c:v>
                </c:pt>
                <c:pt idx="940">
                  <c:v>15.600000000000009</c:v>
                </c:pt>
                <c:pt idx="941">
                  <c:v>15.616667000000007</c:v>
                </c:pt>
                <c:pt idx="942">
                  <c:v>15.633333000000007</c:v>
                </c:pt>
                <c:pt idx="943">
                  <c:v>15.650000000000006</c:v>
                </c:pt>
                <c:pt idx="944">
                  <c:v>15.666667000000004</c:v>
                </c:pt>
                <c:pt idx="945">
                  <c:v>15.683333000000005</c:v>
                </c:pt>
                <c:pt idx="946">
                  <c:v>15.700000000000003</c:v>
                </c:pt>
                <c:pt idx="947">
                  <c:v>15.716667000000001</c:v>
                </c:pt>
                <c:pt idx="948">
                  <c:v>15.733333000000002</c:v>
                </c:pt>
                <c:pt idx="949">
                  <c:v>15.75</c:v>
                </c:pt>
                <c:pt idx="950">
                  <c:v>15.766666999999998</c:v>
                </c:pt>
                <c:pt idx="951">
                  <c:v>15.783332999999999</c:v>
                </c:pt>
                <c:pt idx="952">
                  <c:v>15.799999999999997</c:v>
                </c:pt>
                <c:pt idx="953">
                  <c:v>15.81666700000001</c:v>
                </c:pt>
                <c:pt idx="954">
                  <c:v>15.833332999999996</c:v>
                </c:pt>
                <c:pt idx="955">
                  <c:v>15.850000000000009</c:v>
                </c:pt>
                <c:pt idx="956">
                  <c:v>15.866667000000007</c:v>
                </c:pt>
                <c:pt idx="957">
                  <c:v>15.883333000000007</c:v>
                </c:pt>
                <c:pt idx="958">
                  <c:v>15.900000000000006</c:v>
                </c:pt>
                <c:pt idx="959">
                  <c:v>15.916667000000004</c:v>
                </c:pt>
                <c:pt idx="960">
                  <c:v>15.933333000000005</c:v>
                </c:pt>
                <c:pt idx="961">
                  <c:v>15.950000000000003</c:v>
                </c:pt>
                <c:pt idx="962">
                  <c:v>15.966667000000001</c:v>
                </c:pt>
                <c:pt idx="963">
                  <c:v>15.983333000000002</c:v>
                </c:pt>
                <c:pt idx="964">
                  <c:v>16</c:v>
                </c:pt>
                <c:pt idx="965">
                  <c:v>16.016666999999998</c:v>
                </c:pt>
                <c:pt idx="966">
                  <c:v>16.033332999999999</c:v>
                </c:pt>
                <c:pt idx="967">
                  <c:v>16.049999999999997</c:v>
                </c:pt>
                <c:pt idx="968">
                  <c:v>16.06666700000001</c:v>
                </c:pt>
                <c:pt idx="969">
                  <c:v>16.083332999999996</c:v>
                </c:pt>
                <c:pt idx="970">
                  <c:v>16.100000000000009</c:v>
                </c:pt>
                <c:pt idx="971">
                  <c:v>16.116667000000007</c:v>
                </c:pt>
                <c:pt idx="972">
                  <c:v>16.133333000000007</c:v>
                </c:pt>
                <c:pt idx="973">
                  <c:v>16.150000000000006</c:v>
                </c:pt>
                <c:pt idx="974">
                  <c:v>16.166667000000004</c:v>
                </c:pt>
                <c:pt idx="975">
                  <c:v>16.183333000000005</c:v>
                </c:pt>
                <c:pt idx="976">
                  <c:v>16.200000000000003</c:v>
                </c:pt>
                <c:pt idx="977">
                  <c:v>16.216667000000001</c:v>
                </c:pt>
                <c:pt idx="978">
                  <c:v>16.233333000000002</c:v>
                </c:pt>
                <c:pt idx="979">
                  <c:v>16.25</c:v>
                </c:pt>
                <c:pt idx="980">
                  <c:v>16.266666999999998</c:v>
                </c:pt>
                <c:pt idx="981">
                  <c:v>16.283332999999999</c:v>
                </c:pt>
                <c:pt idx="982">
                  <c:v>16.299999999999997</c:v>
                </c:pt>
                <c:pt idx="983">
                  <c:v>16.31666700000001</c:v>
                </c:pt>
                <c:pt idx="984">
                  <c:v>16.333332999999996</c:v>
                </c:pt>
                <c:pt idx="985">
                  <c:v>16.350000000000009</c:v>
                </c:pt>
                <c:pt idx="986">
                  <c:v>16.366667000000007</c:v>
                </c:pt>
                <c:pt idx="987">
                  <c:v>16.383333000000007</c:v>
                </c:pt>
                <c:pt idx="988">
                  <c:v>16.400000000000006</c:v>
                </c:pt>
                <c:pt idx="989">
                  <c:v>16.416667000000004</c:v>
                </c:pt>
                <c:pt idx="990">
                  <c:v>16.433333000000005</c:v>
                </c:pt>
                <c:pt idx="991">
                  <c:v>16.450000000000003</c:v>
                </c:pt>
                <c:pt idx="992">
                  <c:v>16.466667000000001</c:v>
                </c:pt>
                <c:pt idx="993">
                  <c:v>16.483333000000002</c:v>
                </c:pt>
                <c:pt idx="994">
                  <c:v>16.5</c:v>
                </c:pt>
                <c:pt idx="995">
                  <c:v>16.516666999999998</c:v>
                </c:pt>
                <c:pt idx="996">
                  <c:v>16.533332999999999</c:v>
                </c:pt>
                <c:pt idx="997">
                  <c:v>16.549999999999997</c:v>
                </c:pt>
                <c:pt idx="998">
                  <c:v>16.56666700000001</c:v>
                </c:pt>
                <c:pt idx="999">
                  <c:v>16.583332999999996</c:v>
                </c:pt>
                <c:pt idx="1000">
                  <c:v>16.600000000000009</c:v>
                </c:pt>
                <c:pt idx="1001">
                  <c:v>16.616667000000007</c:v>
                </c:pt>
                <c:pt idx="1002">
                  <c:v>16.633333000000007</c:v>
                </c:pt>
                <c:pt idx="1003">
                  <c:v>16.650000000000006</c:v>
                </c:pt>
                <c:pt idx="1004">
                  <c:v>16.666667000000004</c:v>
                </c:pt>
                <c:pt idx="1005">
                  <c:v>16.683333000000005</c:v>
                </c:pt>
                <c:pt idx="1006">
                  <c:v>16.700000000000003</c:v>
                </c:pt>
                <c:pt idx="1007">
                  <c:v>16.716667000000001</c:v>
                </c:pt>
                <c:pt idx="1008">
                  <c:v>16.733333000000002</c:v>
                </c:pt>
                <c:pt idx="1009">
                  <c:v>16.75</c:v>
                </c:pt>
                <c:pt idx="1010">
                  <c:v>16.766666999999998</c:v>
                </c:pt>
                <c:pt idx="1011">
                  <c:v>16.783332999999999</c:v>
                </c:pt>
                <c:pt idx="1012">
                  <c:v>16.799999999999997</c:v>
                </c:pt>
                <c:pt idx="1013">
                  <c:v>16.81666700000001</c:v>
                </c:pt>
                <c:pt idx="1014">
                  <c:v>16.833332999999996</c:v>
                </c:pt>
                <c:pt idx="1015">
                  <c:v>16.850000000000009</c:v>
                </c:pt>
                <c:pt idx="1016">
                  <c:v>16.866667000000007</c:v>
                </c:pt>
                <c:pt idx="1017">
                  <c:v>16.883333000000007</c:v>
                </c:pt>
                <c:pt idx="1018">
                  <c:v>16.900000000000006</c:v>
                </c:pt>
                <c:pt idx="1019">
                  <c:v>16.916667000000004</c:v>
                </c:pt>
                <c:pt idx="1020">
                  <c:v>16.933333000000005</c:v>
                </c:pt>
                <c:pt idx="1021">
                  <c:v>16.950000000000003</c:v>
                </c:pt>
                <c:pt idx="1022">
                  <c:v>16.966667000000001</c:v>
                </c:pt>
                <c:pt idx="1023">
                  <c:v>16.983333000000002</c:v>
                </c:pt>
                <c:pt idx="1024">
                  <c:v>17</c:v>
                </c:pt>
                <c:pt idx="1025">
                  <c:v>17.016666999999998</c:v>
                </c:pt>
                <c:pt idx="1026">
                  <c:v>17.033332999999999</c:v>
                </c:pt>
                <c:pt idx="1027">
                  <c:v>17.049999999999997</c:v>
                </c:pt>
                <c:pt idx="1028">
                  <c:v>17.06666700000001</c:v>
                </c:pt>
                <c:pt idx="1029">
                  <c:v>17.083332999999996</c:v>
                </c:pt>
                <c:pt idx="1030">
                  <c:v>17.100000000000009</c:v>
                </c:pt>
                <c:pt idx="1031">
                  <c:v>17.116667000000007</c:v>
                </c:pt>
                <c:pt idx="1032">
                  <c:v>17.133333000000007</c:v>
                </c:pt>
                <c:pt idx="1033">
                  <c:v>17.150000000000006</c:v>
                </c:pt>
                <c:pt idx="1034">
                  <c:v>17.166667000000004</c:v>
                </c:pt>
                <c:pt idx="1035">
                  <c:v>17.183333000000005</c:v>
                </c:pt>
                <c:pt idx="1036">
                  <c:v>17.200000000000003</c:v>
                </c:pt>
                <c:pt idx="1037">
                  <c:v>17.216667000000001</c:v>
                </c:pt>
                <c:pt idx="1038">
                  <c:v>17.233333000000002</c:v>
                </c:pt>
                <c:pt idx="1039">
                  <c:v>17.25</c:v>
                </c:pt>
                <c:pt idx="1040">
                  <c:v>17.266666999999998</c:v>
                </c:pt>
                <c:pt idx="1041">
                  <c:v>17.283332999999999</c:v>
                </c:pt>
                <c:pt idx="1042">
                  <c:v>17.299999999999997</c:v>
                </c:pt>
                <c:pt idx="1043">
                  <c:v>17.31666700000001</c:v>
                </c:pt>
                <c:pt idx="1044">
                  <c:v>17.333332999999996</c:v>
                </c:pt>
                <c:pt idx="1045">
                  <c:v>17.350000000000009</c:v>
                </c:pt>
                <c:pt idx="1046">
                  <c:v>17.366667000000007</c:v>
                </c:pt>
                <c:pt idx="1047">
                  <c:v>17.383333000000007</c:v>
                </c:pt>
                <c:pt idx="1048">
                  <c:v>17.400000000000006</c:v>
                </c:pt>
                <c:pt idx="1049">
                  <c:v>17.416667000000004</c:v>
                </c:pt>
                <c:pt idx="1050">
                  <c:v>17.433333000000005</c:v>
                </c:pt>
                <c:pt idx="1051">
                  <c:v>17.450000000000003</c:v>
                </c:pt>
                <c:pt idx="1052">
                  <c:v>17.466667000000001</c:v>
                </c:pt>
                <c:pt idx="1053">
                  <c:v>17.483333000000002</c:v>
                </c:pt>
                <c:pt idx="1054">
                  <c:v>17.5</c:v>
                </c:pt>
                <c:pt idx="1055">
                  <c:v>17.516666999999998</c:v>
                </c:pt>
                <c:pt idx="1056">
                  <c:v>17.533332999999999</c:v>
                </c:pt>
                <c:pt idx="1057">
                  <c:v>17.549999999999997</c:v>
                </c:pt>
                <c:pt idx="1058">
                  <c:v>17.56666700000001</c:v>
                </c:pt>
                <c:pt idx="1059">
                  <c:v>17.583332999999996</c:v>
                </c:pt>
                <c:pt idx="1060">
                  <c:v>17.600000000000009</c:v>
                </c:pt>
                <c:pt idx="1061">
                  <c:v>17.616667000000007</c:v>
                </c:pt>
                <c:pt idx="1062">
                  <c:v>17.633333000000007</c:v>
                </c:pt>
                <c:pt idx="1063">
                  <c:v>17.650000000000006</c:v>
                </c:pt>
                <c:pt idx="1064">
                  <c:v>17.666667000000004</c:v>
                </c:pt>
                <c:pt idx="1065">
                  <c:v>17.683333000000005</c:v>
                </c:pt>
                <c:pt idx="1066">
                  <c:v>17.700000000000003</c:v>
                </c:pt>
                <c:pt idx="1067">
                  <c:v>17.716667000000001</c:v>
                </c:pt>
                <c:pt idx="1068">
                  <c:v>17.733333000000002</c:v>
                </c:pt>
                <c:pt idx="1069">
                  <c:v>17.75</c:v>
                </c:pt>
                <c:pt idx="1070">
                  <c:v>17.766666999999998</c:v>
                </c:pt>
                <c:pt idx="1071">
                  <c:v>17.783332999999999</c:v>
                </c:pt>
                <c:pt idx="1072">
                  <c:v>17.799999999999997</c:v>
                </c:pt>
                <c:pt idx="1073">
                  <c:v>17.81666700000001</c:v>
                </c:pt>
                <c:pt idx="1074">
                  <c:v>17.833332999999996</c:v>
                </c:pt>
                <c:pt idx="1075">
                  <c:v>17.850000000000009</c:v>
                </c:pt>
                <c:pt idx="1076">
                  <c:v>17.866667000000007</c:v>
                </c:pt>
                <c:pt idx="1077">
                  <c:v>17.883333000000007</c:v>
                </c:pt>
                <c:pt idx="1078">
                  <c:v>17.900000000000006</c:v>
                </c:pt>
                <c:pt idx="1079">
                  <c:v>17.916667000000004</c:v>
                </c:pt>
                <c:pt idx="1080">
                  <c:v>17.933333000000005</c:v>
                </c:pt>
                <c:pt idx="1081">
                  <c:v>17.950000000000003</c:v>
                </c:pt>
                <c:pt idx="1082">
                  <c:v>17.966667000000001</c:v>
                </c:pt>
                <c:pt idx="1083">
                  <c:v>17.983333000000002</c:v>
                </c:pt>
                <c:pt idx="1084">
                  <c:v>18</c:v>
                </c:pt>
                <c:pt idx="1085">
                  <c:v>18.016666999999998</c:v>
                </c:pt>
                <c:pt idx="1086">
                  <c:v>18.033332999999999</c:v>
                </c:pt>
                <c:pt idx="1087">
                  <c:v>18.049999999999997</c:v>
                </c:pt>
                <c:pt idx="1088">
                  <c:v>18.06666700000001</c:v>
                </c:pt>
                <c:pt idx="1089">
                  <c:v>18.083332999999996</c:v>
                </c:pt>
                <c:pt idx="1090">
                  <c:v>18.100000000000009</c:v>
                </c:pt>
                <c:pt idx="1091">
                  <c:v>18.116667000000007</c:v>
                </c:pt>
                <c:pt idx="1092">
                  <c:v>18.133333000000007</c:v>
                </c:pt>
                <c:pt idx="1093">
                  <c:v>18.150000000000006</c:v>
                </c:pt>
                <c:pt idx="1094">
                  <c:v>18.166667000000004</c:v>
                </c:pt>
                <c:pt idx="1095">
                  <c:v>18.183333000000005</c:v>
                </c:pt>
                <c:pt idx="1096">
                  <c:v>18.200000000000003</c:v>
                </c:pt>
                <c:pt idx="1097">
                  <c:v>18.216667000000001</c:v>
                </c:pt>
                <c:pt idx="1098">
                  <c:v>18.233333000000002</c:v>
                </c:pt>
                <c:pt idx="1099">
                  <c:v>18.25</c:v>
                </c:pt>
                <c:pt idx="1100">
                  <c:v>18.266666999999998</c:v>
                </c:pt>
                <c:pt idx="1101">
                  <c:v>18.283332999999999</c:v>
                </c:pt>
                <c:pt idx="1102">
                  <c:v>18.299999999999997</c:v>
                </c:pt>
                <c:pt idx="1103">
                  <c:v>18.31666700000001</c:v>
                </c:pt>
                <c:pt idx="1104">
                  <c:v>18.333332999999996</c:v>
                </c:pt>
                <c:pt idx="1105">
                  <c:v>18.350000000000009</c:v>
                </c:pt>
                <c:pt idx="1106">
                  <c:v>18.366667000000007</c:v>
                </c:pt>
                <c:pt idx="1107">
                  <c:v>18.383333000000007</c:v>
                </c:pt>
                <c:pt idx="1108">
                  <c:v>18.400000000000006</c:v>
                </c:pt>
                <c:pt idx="1109">
                  <c:v>18.416667000000004</c:v>
                </c:pt>
                <c:pt idx="1110">
                  <c:v>18.433333000000005</c:v>
                </c:pt>
                <c:pt idx="1111">
                  <c:v>18.450000000000003</c:v>
                </c:pt>
                <c:pt idx="1112">
                  <c:v>18.466667000000001</c:v>
                </c:pt>
                <c:pt idx="1113">
                  <c:v>18.483333000000002</c:v>
                </c:pt>
                <c:pt idx="1114">
                  <c:v>18.5</c:v>
                </c:pt>
                <c:pt idx="1115">
                  <c:v>18.516666999999998</c:v>
                </c:pt>
                <c:pt idx="1116">
                  <c:v>18.533332999999999</c:v>
                </c:pt>
                <c:pt idx="1117">
                  <c:v>18.549999999999997</c:v>
                </c:pt>
                <c:pt idx="1118">
                  <c:v>18.56666700000001</c:v>
                </c:pt>
                <c:pt idx="1119">
                  <c:v>18.583332999999996</c:v>
                </c:pt>
                <c:pt idx="1120">
                  <c:v>18.600000000000009</c:v>
                </c:pt>
                <c:pt idx="1121">
                  <c:v>18.616667000000007</c:v>
                </c:pt>
                <c:pt idx="1122">
                  <c:v>18.633333000000007</c:v>
                </c:pt>
                <c:pt idx="1123">
                  <c:v>18.650000000000006</c:v>
                </c:pt>
                <c:pt idx="1124">
                  <c:v>18.666667000000004</c:v>
                </c:pt>
                <c:pt idx="1125">
                  <c:v>18.683333000000005</c:v>
                </c:pt>
                <c:pt idx="1126">
                  <c:v>18.700000000000003</c:v>
                </c:pt>
                <c:pt idx="1127">
                  <c:v>18.716667000000001</c:v>
                </c:pt>
                <c:pt idx="1128">
                  <c:v>18.733333000000002</c:v>
                </c:pt>
                <c:pt idx="1129">
                  <c:v>18.75</c:v>
                </c:pt>
                <c:pt idx="1130">
                  <c:v>18.766666999999998</c:v>
                </c:pt>
                <c:pt idx="1131">
                  <c:v>18.783332999999999</c:v>
                </c:pt>
                <c:pt idx="1132">
                  <c:v>18.799999999999997</c:v>
                </c:pt>
                <c:pt idx="1133">
                  <c:v>18.81666700000001</c:v>
                </c:pt>
                <c:pt idx="1134">
                  <c:v>18.833332999999996</c:v>
                </c:pt>
                <c:pt idx="1135">
                  <c:v>18.850000000000009</c:v>
                </c:pt>
                <c:pt idx="1136">
                  <c:v>18.866667000000007</c:v>
                </c:pt>
                <c:pt idx="1137">
                  <c:v>18.883333000000007</c:v>
                </c:pt>
                <c:pt idx="1138">
                  <c:v>18.900000000000006</c:v>
                </c:pt>
                <c:pt idx="1139">
                  <c:v>18.916667000000004</c:v>
                </c:pt>
                <c:pt idx="1140">
                  <c:v>18.933333000000005</c:v>
                </c:pt>
                <c:pt idx="1141">
                  <c:v>18.950000000000003</c:v>
                </c:pt>
                <c:pt idx="1142">
                  <c:v>18.966667000000001</c:v>
                </c:pt>
                <c:pt idx="1143">
                  <c:v>18.983333000000002</c:v>
                </c:pt>
                <c:pt idx="1144">
                  <c:v>19</c:v>
                </c:pt>
                <c:pt idx="1145">
                  <c:v>19.016666999999998</c:v>
                </c:pt>
                <c:pt idx="1146">
                  <c:v>19.033332999999999</c:v>
                </c:pt>
                <c:pt idx="1147">
                  <c:v>19.049999999999997</c:v>
                </c:pt>
                <c:pt idx="1148">
                  <c:v>19.06666700000001</c:v>
                </c:pt>
                <c:pt idx="1149">
                  <c:v>19.083332999999996</c:v>
                </c:pt>
                <c:pt idx="1150">
                  <c:v>19.100000000000009</c:v>
                </c:pt>
                <c:pt idx="1151">
                  <c:v>19.116667000000007</c:v>
                </c:pt>
                <c:pt idx="1152">
                  <c:v>19.133333000000007</c:v>
                </c:pt>
                <c:pt idx="1153">
                  <c:v>19.150000000000006</c:v>
                </c:pt>
                <c:pt idx="1154">
                  <c:v>19.166667000000004</c:v>
                </c:pt>
                <c:pt idx="1155">
                  <c:v>19.183333000000005</c:v>
                </c:pt>
                <c:pt idx="1156">
                  <c:v>19.200000000000003</c:v>
                </c:pt>
                <c:pt idx="1157">
                  <c:v>19.216667000000001</c:v>
                </c:pt>
                <c:pt idx="1158">
                  <c:v>19.233333000000002</c:v>
                </c:pt>
                <c:pt idx="1159">
                  <c:v>19.25</c:v>
                </c:pt>
                <c:pt idx="1160">
                  <c:v>19.266666999999998</c:v>
                </c:pt>
                <c:pt idx="1161">
                  <c:v>19.283332999999999</c:v>
                </c:pt>
                <c:pt idx="1162">
                  <c:v>19.299999999999997</c:v>
                </c:pt>
                <c:pt idx="1163">
                  <c:v>19.31666700000001</c:v>
                </c:pt>
                <c:pt idx="1164">
                  <c:v>19.333332999999996</c:v>
                </c:pt>
                <c:pt idx="1165">
                  <c:v>19.350000000000009</c:v>
                </c:pt>
                <c:pt idx="1166">
                  <c:v>19.366667000000007</c:v>
                </c:pt>
                <c:pt idx="1167">
                  <c:v>19.383333000000007</c:v>
                </c:pt>
                <c:pt idx="1168">
                  <c:v>19.400000000000006</c:v>
                </c:pt>
                <c:pt idx="1169">
                  <c:v>19.416667000000004</c:v>
                </c:pt>
                <c:pt idx="1170">
                  <c:v>19.433333000000005</c:v>
                </c:pt>
                <c:pt idx="1171">
                  <c:v>19.450000000000003</c:v>
                </c:pt>
                <c:pt idx="1172">
                  <c:v>19.466667000000001</c:v>
                </c:pt>
                <c:pt idx="1173">
                  <c:v>19.483333000000002</c:v>
                </c:pt>
                <c:pt idx="1174">
                  <c:v>19.5</c:v>
                </c:pt>
                <c:pt idx="1175">
                  <c:v>19.516666999999998</c:v>
                </c:pt>
                <c:pt idx="1176">
                  <c:v>19.533332999999999</c:v>
                </c:pt>
                <c:pt idx="1177">
                  <c:v>19.549999999999997</c:v>
                </c:pt>
                <c:pt idx="1178">
                  <c:v>19.56666700000001</c:v>
                </c:pt>
                <c:pt idx="1179">
                  <c:v>19.583332999999996</c:v>
                </c:pt>
                <c:pt idx="1180">
                  <c:v>19.600000000000009</c:v>
                </c:pt>
                <c:pt idx="1181">
                  <c:v>19.616667000000007</c:v>
                </c:pt>
                <c:pt idx="1182">
                  <c:v>19.633333000000007</c:v>
                </c:pt>
                <c:pt idx="1183">
                  <c:v>19.650000000000006</c:v>
                </c:pt>
                <c:pt idx="1184">
                  <c:v>19.666667000000004</c:v>
                </c:pt>
                <c:pt idx="1185">
                  <c:v>19.683333000000005</c:v>
                </c:pt>
                <c:pt idx="1186">
                  <c:v>19.700000000000003</c:v>
                </c:pt>
                <c:pt idx="1187">
                  <c:v>19.716667000000001</c:v>
                </c:pt>
                <c:pt idx="1188">
                  <c:v>19.733333000000002</c:v>
                </c:pt>
                <c:pt idx="1189">
                  <c:v>19.75</c:v>
                </c:pt>
                <c:pt idx="1190">
                  <c:v>19.766666999999998</c:v>
                </c:pt>
                <c:pt idx="1191">
                  <c:v>19.783332999999999</c:v>
                </c:pt>
                <c:pt idx="1192">
                  <c:v>19.799999999999997</c:v>
                </c:pt>
                <c:pt idx="1193">
                  <c:v>19.81666700000001</c:v>
                </c:pt>
                <c:pt idx="1194">
                  <c:v>19.833332999999996</c:v>
                </c:pt>
                <c:pt idx="1195">
                  <c:v>19.850000000000009</c:v>
                </c:pt>
                <c:pt idx="1196">
                  <c:v>19.866667000000007</c:v>
                </c:pt>
                <c:pt idx="1197">
                  <c:v>19.883333000000007</c:v>
                </c:pt>
                <c:pt idx="1198">
                  <c:v>19.900000000000006</c:v>
                </c:pt>
                <c:pt idx="1199">
                  <c:v>19.916667000000004</c:v>
                </c:pt>
                <c:pt idx="1200">
                  <c:v>19.933333000000005</c:v>
                </c:pt>
                <c:pt idx="1201">
                  <c:v>19.950000000000003</c:v>
                </c:pt>
                <c:pt idx="1202">
                  <c:v>19.966667000000001</c:v>
                </c:pt>
                <c:pt idx="1203">
                  <c:v>19.983333000000002</c:v>
                </c:pt>
                <c:pt idx="1204">
                  <c:v>20</c:v>
                </c:pt>
                <c:pt idx="1205">
                  <c:v>20.016666999999998</c:v>
                </c:pt>
                <c:pt idx="1206">
                  <c:v>20.033332999999999</c:v>
                </c:pt>
                <c:pt idx="1207">
                  <c:v>20.049999999999997</c:v>
                </c:pt>
                <c:pt idx="1208">
                  <c:v>20.06666700000001</c:v>
                </c:pt>
                <c:pt idx="1209">
                  <c:v>20.083332999999996</c:v>
                </c:pt>
                <c:pt idx="1210">
                  <c:v>20.100000000000009</c:v>
                </c:pt>
                <c:pt idx="1211">
                  <c:v>20.116667000000007</c:v>
                </c:pt>
                <c:pt idx="1212">
                  <c:v>20.133333000000007</c:v>
                </c:pt>
                <c:pt idx="1213">
                  <c:v>20.150000000000006</c:v>
                </c:pt>
                <c:pt idx="1214">
                  <c:v>20.166667000000004</c:v>
                </c:pt>
                <c:pt idx="1215">
                  <c:v>20.183333000000005</c:v>
                </c:pt>
                <c:pt idx="1216">
                  <c:v>20.200000000000003</c:v>
                </c:pt>
                <c:pt idx="1217">
                  <c:v>20.216667000000001</c:v>
                </c:pt>
                <c:pt idx="1218">
                  <c:v>20.233333000000002</c:v>
                </c:pt>
                <c:pt idx="1219">
                  <c:v>20.25</c:v>
                </c:pt>
                <c:pt idx="1220">
                  <c:v>20.266666999999998</c:v>
                </c:pt>
                <c:pt idx="1221">
                  <c:v>20.283332999999999</c:v>
                </c:pt>
                <c:pt idx="1222">
                  <c:v>20.299999999999997</c:v>
                </c:pt>
                <c:pt idx="1223">
                  <c:v>20.31666700000001</c:v>
                </c:pt>
                <c:pt idx="1224">
                  <c:v>20.333332999999996</c:v>
                </c:pt>
                <c:pt idx="1225">
                  <c:v>20.350000000000009</c:v>
                </c:pt>
                <c:pt idx="1226">
                  <c:v>20.366667000000007</c:v>
                </c:pt>
                <c:pt idx="1227">
                  <c:v>20.383333000000007</c:v>
                </c:pt>
                <c:pt idx="1228">
                  <c:v>20.400000000000006</c:v>
                </c:pt>
                <c:pt idx="1229">
                  <c:v>20.416667000000004</c:v>
                </c:pt>
                <c:pt idx="1230">
                  <c:v>20.433333000000005</c:v>
                </c:pt>
                <c:pt idx="1231">
                  <c:v>20.450000000000003</c:v>
                </c:pt>
                <c:pt idx="1232">
                  <c:v>20.466667000000001</c:v>
                </c:pt>
                <c:pt idx="1233">
                  <c:v>20.483333000000002</c:v>
                </c:pt>
                <c:pt idx="1234">
                  <c:v>20.5</c:v>
                </c:pt>
                <c:pt idx="1235">
                  <c:v>20.516666999999998</c:v>
                </c:pt>
                <c:pt idx="1236">
                  <c:v>20.533332999999999</c:v>
                </c:pt>
                <c:pt idx="1237">
                  <c:v>20.549999999999997</c:v>
                </c:pt>
                <c:pt idx="1238">
                  <c:v>20.56666700000001</c:v>
                </c:pt>
                <c:pt idx="1239">
                  <c:v>20.583332999999996</c:v>
                </c:pt>
                <c:pt idx="1240">
                  <c:v>20.600000000000009</c:v>
                </c:pt>
                <c:pt idx="1241">
                  <c:v>20.616667000000007</c:v>
                </c:pt>
                <c:pt idx="1242">
                  <c:v>20.633333000000007</c:v>
                </c:pt>
                <c:pt idx="1243">
                  <c:v>20.650000000000006</c:v>
                </c:pt>
                <c:pt idx="1244">
                  <c:v>20.666667000000004</c:v>
                </c:pt>
                <c:pt idx="1245">
                  <c:v>20.683333000000005</c:v>
                </c:pt>
                <c:pt idx="1246">
                  <c:v>20.700000000000003</c:v>
                </c:pt>
                <c:pt idx="1247">
                  <c:v>20.716667000000001</c:v>
                </c:pt>
                <c:pt idx="1248">
                  <c:v>20.733333000000002</c:v>
                </c:pt>
                <c:pt idx="1249">
                  <c:v>20.75</c:v>
                </c:pt>
                <c:pt idx="1250">
                  <c:v>20.766666999999998</c:v>
                </c:pt>
                <c:pt idx="1251">
                  <c:v>20.783332999999999</c:v>
                </c:pt>
                <c:pt idx="1252">
                  <c:v>20.799999999999997</c:v>
                </c:pt>
                <c:pt idx="1253">
                  <c:v>20.81666700000001</c:v>
                </c:pt>
                <c:pt idx="1254">
                  <c:v>20.833332999999996</c:v>
                </c:pt>
                <c:pt idx="1255">
                  <c:v>20.850000000000009</c:v>
                </c:pt>
                <c:pt idx="1256">
                  <c:v>20.866667000000007</c:v>
                </c:pt>
                <c:pt idx="1257">
                  <c:v>20.883333000000007</c:v>
                </c:pt>
                <c:pt idx="1258">
                  <c:v>20.900000000000006</c:v>
                </c:pt>
                <c:pt idx="1259">
                  <c:v>20.916667000000004</c:v>
                </c:pt>
                <c:pt idx="1260">
                  <c:v>20.933333000000005</c:v>
                </c:pt>
                <c:pt idx="1261">
                  <c:v>20.950000000000003</c:v>
                </c:pt>
                <c:pt idx="1262">
                  <c:v>20.966667000000001</c:v>
                </c:pt>
                <c:pt idx="1263">
                  <c:v>20.983333000000002</c:v>
                </c:pt>
                <c:pt idx="1264">
                  <c:v>21</c:v>
                </c:pt>
                <c:pt idx="1265">
                  <c:v>21.016666999999998</c:v>
                </c:pt>
                <c:pt idx="1266">
                  <c:v>21.033332999999999</c:v>
                </c:pt>
                <c:pt idx="1267">
                  <c:v>21.049999999999997</c:v>
                </c:pt>
                <c:pt idx="1268">
                  <c:v>21.06666700000001</c:v>
                </c:pt>
                <c:pt idx="1269">
                  <c:v>21.083332999999996</c:v>
                </c:pt>
                <c:pt idx="1270">
                  <c:v>21.100000000000009</c:v>
                </c:pt>
                <c:pt idx="1271">
                  <c:v>21.116667000000007</c:v>
                </c:pt>
                <c:pt idx="1272">
                  <c:v>21.133333000000007</c:v>
                </c:pt>
                <c:pt idx="1273">
                  <c:v>21.150000000000006</c:v>
                </c:pt>
                <c:pt idx="1274">
                  <c:v>21.166667000000004</c:v>
                </c:pt>
                <c:pt idx="1275">
                  <c:v>21.183333000000005</c:v>
                </c:pt>
                <c:pt idx="1276">
                  <c:v>21.200000000000003</c:v>
                </c:pt>
                <c:pt idx="1277">
                  <c:v>21.216667000000001</c:v>
                </c:pt>
                <c:pt idx="1278">
                  <c:v>21.233333000000002</c:v>
                </c:pt>
                <c:pt idx="1279">
                  <c:v>21.25</c:v>
                </c:pt>
                <c:pt idx="1280">
                  <c:v>21.266666999999998</c:v>
                </c:pt>
                <c:pt idx="1281">
                  <c:v>21.283332999999999</c:v>
                </c:pt>
                <c:pt idx="1282">
                  <c:v>21.299999999999997</c:v>
                </c:pt>
                <c:pt idx="1283">
                  <c:v>21.31666700000001</c:v>
                </c:pt>
                <c:pt idx="1284">
                  <c:v>21.333332999999996</c:v>
                </c:pt>
                <c:pt idx="1285">
                  <c:v>21.350000000000009</c:v>
                </c:pt>
                <c:pt idx="1286">
                  <c:v>21.366667000000007</c:v>
                </c:pt>
                <c:pt idx="1287">
                  <c:v>21.383333000000007</c:v>
                </c:pt>
                <c:pt idx="1288">
                  <c:v>21.400000000000006</c:v>
                </c:pt>
                <c:pt idx="1289">
                  <c:v>21.416667000000004</c:v>
                </c:pt>
                <c:pt idx="1290">
                  <c:v>21.433333000000005</c:v>
                </c:pt>
                <c:pt idx="1291">
                  <c:v>21.450000000000003</c:v>
                </c:pt>
                <c:pt idx="1292">
                  <c:v>21.466667000000001</c:v>
                </c:pt>
                <c:pt idx="1293">
                  <c:v>21.483333000000002</c:v>
                </c:pt>
                <c:pt idx="1294">
                  <c:v>21.5</c:v>
                </c:pt>
                <c:pt idx="1295">
                  <c:v>21.516666999999998</c:v>
                </c:pt>
                <c:pt idx="1296">
                  <c:v>21.533332999999999</c:v>
                </c:pt>
                <c:pt idx="1297">
                  <c:v>21.549999999999997</c:v>
                </c:pt>
                <c:pt idx="1298">
                  <c:v>21.56666700000001</c:v>
                </c:pt>
                <c:pt idx="1299">
                  <c:v>21.583332999999996</c:v>
                </c:pt>
                <c:pt idx="1300">
                  <c:v>21.600000000000009</c:v>
                </c:pt>
                <c:pt idx="1301">
                  <c:v>21.616667000000007</c:v>
                </c:pt>
                <c:pt idx="1302">
                  <c:v>21.633333000000007</c:v>
                </c:pt>
                <c:pt idx="1303">
                  <c:v>21.650000000000006</c:v>
                </c:pt>
                <c:pt idx="1304">
                  <c:v>21.666667000000004</c:v>
                </c:pt>
                <c:pt idx="1305">
                  <c:v>21.683333000000005</c:v>
                </c:pt>
                <c:pt idx="1306">
                  <c:v>21.700000000000003</c:v>
                </c:pt>
                <c:pt idx="1307">
                  <c:v>21.716667000000001</c:v>
                </c:pt>
                <c:pt idx="1308">
                  <c:v>21.733333000000002</c:v>
                </c:pt>
                <c:pt idx="1309">
                  <c:v>21.75</c:v>
                </c:pt>
                <c:pt idx="1310">
                  <c:v>21.766666999999998</c:v>
                </c:pt>
                <c:pt idx="1311">
                  <c:v>21.783332999999999</c:v>
                </c:pt>
                <c:pt idx="1312">
                  <c:v>21.799999999999997</c:v>
                </c:pt>
                <c:pt idx="1313">
                  <c:v>21.81666700000001</c:v>
                </c:pt>
                <c:pt idx="1314">
                  <c:v>21.833332999999996</c:v>
                </c:pt>
                <c:pt idx="1315">
                  <c:v>21.850000000000009</c:v>
                </c:pt>
                <c:pt idx="1316">
                  <c:v>21.866667000000007</c:v>
                </c:pt>
                <c:pt idx="1317">
                  <c:v>21.883333000000007</c:v>
                </c:pt>
                <c:pt idx="1318">
                  <c:v>21.900000000000006</c:v>
                </c:pt>
                <c:pt idx="1319">
                  <c:v>21.916667000000004</c:v>
                </c:pt>
                <c:pt idx="1320">
                  <c:v>21.933333000000005</c:v>
                </c:pt>
                <c:pt idx="1321">
                  <c:v>21.950000000000003</c:v>
                </c:pt>
                <c:pt idx="1322">
                  <c:v>21.966667000000001</c:v>
                </c:pt>
                <c:pt idx="1323">
                  <c:v>21.983333000000002</c:v>
                </c:pt>
                <c:pt idx="1324">
                  <c:v>22</c:v>
                </c:pt>
                <c:pt idx="1325">
                  <c:v>22.016666999999998</c:v>
                </c:pt>
                <c:pt idx="1326">
                  <c:v>22.033332999999999</c:v>
                </c:pt>
                <c:pt idx="1327">
                  <c:v>22.049999999999997</c:v>
                </c:pt>
                <c:pt idx="1328">
                  <c:v>22.06666700000001</c:v>
                </c:pt>
                <c:pt idx="1329">
                  <c:v>22.083332999999996</c:v>
                </c:pt>
                <c:pt idx="1330">
                  <c:v>22.100000000000009</c:v>
                </c:pt>
                <c:pt idx="1331">
                  <c:v>22.116667000000007</c:v>
                </c:pt>
                <c:pt idx="1332">
                  <c:v>22.133333000000007</c:v>
                </c:pt>
                <c:pt idx="1333">
                  <c:v>22.150000000000006</c:v>
                </c:pt>
                <c:pt idx="1334">
                  <c:v>22.166667000000004</c:v>
                </c:pt>
                <c:pt idx="1335">
                  <c:v>22.183333000000005</c:v>
                </c:pt>
                <c:pt idx="1336">
                  <c:v>22.200000000000003</c:v>
                </c:pt>
                <c:pt idx="1337">
                  <c:v>22.216667000000001</c:v>
                </c:pt>
                <c:pt idx="1338">
                  <c:v>22.233333000000002</c:v>
                </c:pt>
                <c:pt idx="1339">
                  <c:v>22.25</c:v>
                </c:pt>
                <c:pt idx="1340">
                  <c:v>22.266666999999998</c:v>
                </c:pt>
                <c:pt idx="1341">
                  <c:v>22.283332999999999</c:v>
                </c:pt>
                <c:pt idx="1342">
                  <c:v>22.299999999999997</c:v>
                </c:pt>
                <c:pt idx="1343">
                  <c:v>22.31666700000001</c:v>
                </c:pt>
                <c:pt idx="1344">
                  <c:v>22.333332999999996</c:v>
                </c:pt>
                <c:pt idx="1345">
                  <c:v>22.350000000000009</c:v>
                </c:pt>
                <c:pt idx="1346">
                  <c:v>22.366667000000007</c:v>
                </c:pt>
                <c:pt idx="1347">
                  <c:v>22.383333000000007</c:v>
                </c:pt>
                <c:pt idx="1348">
                  <c:v>22.400000000000006</c:v>
                </c:pt>
                <c:pt idx="1349">
                  <c:v>22.416667000000004</c:v>
                </c:pt>
                <c:pt idx="1350">
                  <c:v>22.433333000000005</c:v>
                </c:pt>
                <c:pt idx="1351">
                  <c:v>22.450000000000003</c:v>
                </c:pt>
                <c:pt idx="1352">
                  <c:v>22.466667000000001</c:v>
                </c:pt>
                <c:pt idx="1353">
                  <c:v>22.483333000000002</c:v>
                </c:pt>
                <c:pt idx="1354">
                  <c:v>22.5</c:v>
                </c:pt>
                <c:pt idx="1355">
                  <c:v>22.516666999999998</c:v>
                </c:pt>
                <c:pt idx="1356">
                  <c:v>22.533332999999999</c:v>
                </c:pt>
                <c:pt idx="1357">
                  <c:v>22.549999999999997</c:v>
                </c:pt>
                <c:pt idx="1358">
                  <c:v>22.56666700000001</c:v>
                </c:pt>
                <c:pt idx="1359">
                  <c:v>22.583332999999996</c:v>
                </c:pt>
                <c:pt idx="1360">
                  <c:v>22.600000000000009</c:v>
                </c:pt>
                <c:pt idx="1361">
                  <c:v>22.616667000000007</c:v>
                </c:pt>
                <c:pt idx="1362">
                  <c:v>22.633333000000007</c:v>
                </c:pt>
                <c:pt idx="1363">
                  <c:v>22.650000000000006</c:v>
                </c:pt>
                <c:pt idx="1364">
                  <c:v>22.666667000000004</c:v>
                </c:pt>
                <c:pt idx="1365">
                  <c:v>22.683333000000005</c:v>
                </c:pt>
                <c:pt idx="1366">
                  <c:v>22.700000000000003</c:v>
                </c:pt>
                <c:pt idx="1367">
                  <c:v>22.716667000000001</c:v>
                </c:pt>
                <c:pt idx="1368">
                  <c:v>22.733333000000002</c:v>
                </c:pt>
                <c:pt idx="1369">
                  <c:v>22.75</c:v>
                </c:pt>
                <c:pt idx="1370">
                  <c:v>22.766666999999998</c:v>
                </c:pt>
                <c:pt idx="1371">
                  <c:v>22.783332999999999</c:v>
                </c:pt>
                <c:pt idx="1372">
                  <c:v>22.799999999999997</c:v>
                </c:pt>
                <c:pt idx="1373">
                  <c:v>22.81666700000001</c:v>
                </c:pt>
                <c:pt idx="1374">
                  <c:v>22.833332999999996</c:v>
                </c:pt>
                <c:pt idx="1375">
                  <c:v>22.850000000000009</c:v>
                </c:pt>
                <c:pt idx="1376">
                  <c:v>22.866667000000007</c:v>
                </c:pt>
                <c:pt idx="1377">
                  <c:v>22.883333000000007</c:v>
                </c:pt>
                <c:pt idx="1378">
                  <c:v>22.900000000000006</c:v>
                </c:pt>
                <c:pt idx="1379">
                  <c:v>22.916667000000004</c:v>
                </c:pt>
                <c:pt idx="1380">
                  <c:v>22.933333000000005</c:v>
                </c:pt>
                <c:pt idx="1381">
                  <c:v>22.950000000000003</c:v>
                </c:pt>
                <c:pt idx="1382">
                  <c:v>22.966667000000001</c:v>
                </c:pt>
                <c:pt idx="1383">
                  <c:v>22.983333000000002</c:v>
                </c:pt>
                <c:pt idx="1384">
                  <c:v>23</c:v>
                </c:pt>
                <c:pt idx="1385">
                  <c:v>23.016666999999998</c:v>
                </c:pt>
                <c:pt idx="1386">
                  <c:v>23.033332999999999</c:v>
                </c:pt>
                <c:pt idx="1387">
                  <c:v>23.049999999999997</c:v>
                </c:pt>
                <c:pt idx="1388">
                  <c:v>23.06666700000001</c:v>
                </c:pt>
                <c:pt idx="1389">
                  <c:v>23.083332999999996</c:v>
                </c:pt>
                <c:pt idx="1390">
                  <c:v>23.100000000000009</c:v>
                </c:pt>
                <c:pt idx="1391">
                  <c:v>23.116667000000007</c:v>
                </c:pt>
                <c:pt idx="1392">
                  <c:v>23.133333000000007</c:v>
                </c:pt>
                <c:pt idx="1393">
                  <c:v>23.150000000000006</c:v>
                </c:pt>
                <c:pt idx="1394">
                  <c:v>23.166667000000004</c:v>
                </c:pt>
                <c:pt idx="1395">
                  <c:v>23.183333000000005</c:v>
                </c:pt>
                <c:pt idx="1396">
                  <c:v>23.200000000000003</c:v>
                </c:pt>
                <c:pt idx="1397">
                  <c:v>23.216667000000001</c:v>
                </c:pt>
                <c:pt idx="1398">
                  <c:v>23.233333000000002</c:v>
                </c:pt>
                <c:pt idx="1399">
                  <c:v>23.25</c:v>
                </c:pt>
                <c:pt idx="1400">
                  <c:v>23.266666999999998</c:v>
                </c:pt>
                <c:pt idx="1401">
                  <c:v>23.283332999999999</c:v>
                </c:pt>
                <c:pt idx="1402">
                  <c:v>23.299999999999997</c:v>
                </c:pt>
                <c:pt idx="1403">
                  <c:v>23.31666700000001</c:v>
                </c:pt>
                <c:pt idx="1404">
                  <c:v>23.333332999999996</c:v>
                </c:pt>
                <c:pt idx="1405">
                  <c:v>23.350000000000009</c:v>
                </c:pt>
                <c:pt idx="1406">
                  <c:v>23.366667000000007</c:v>
                </c:pt>
                <c:pt idx="1407">
                  <c:v>23.383333000000007</c:v>
                </c:pt>
                <c:pt idx="1408">
                  <c:v>23.400000000000006</c:v>
                </c:pt>
                <c:pt idx="1409">
                  <c:v>23.416667000000004</c:v>
                </c:pt>
                <c:pt idx="1410">
                  <c:v>23.433333000000005</c:v>
                </c:pt>
                <c:pt idx="1411">
                  <c:v>23.450000000000003</c:v>
                </c:pt>
                <c:pt idx="1412">
                  <c:v>23.466667000000001</c:v>
                </c:pt>
                <c:pt idx="1413">
                  <c:v>23.483333000000002</c:v>
                </c:pt>
                <c:pt idx="1414">
                  <c:v>23.5</c:v>
                </c:pt>
                <c:pt idx="1415">
                  <c:v>23.516666999999998</c:v>
                </c:pt>
                <c:pt idx="1416">
                  <c:v>23.533332999999999</c:v>
                </c:pt>
                <c:pt idx="1417">
                  <c:v>23.549999999999997</c:v>
                </c:pt>
                <c:pt idx="1418">
                  <c:v>23.56666700000001</c:v>
                </c:pt>
                <c:pt idx="1419">
                  <c:v>23.583332999999996</c:v>
                </c:pt>
                <c:pt idx="1420">
                  <c:v>23.600000000000009</c:v>
                </c:pt>
                <c:pt idx="1421">
                  <c:v>23.616667000000007</c:v>
                </c:pt>
                <c:pt idx="1422">
                  <c:v>23.633333000000007</c:v>
                </c:pt>
                <c:pt idx="1423">
                  <c:v>23.650000000000006</c:v>
                </c:pt>
                <c:pt idx="1424">
                  <c:v>23.666667000000004</c:v>
                </c:pt>
                <c:pt idx="1425">
                  <c:v>23.683333000000005</c:v>
                </c:pt>
                <c:pt idx="1426">
                  <c:v>23.700000000000003</c:v>
                </c:pt>
                <c:pt idx="1427">
                  <c:v>23.716667000000001</c:v>
                </c:pt>
                <c:pt idx="1428">
                  <c:v>23.733333000000002</c:v>
                </c:pt>
                <c:pt idx="1429">
                  <c:v>23.75</c:v>
                </c:pt>
                <c:pt idx="1430">
                  <c:v>23.766666999999998</c:v>
                </c:pt>
                <c:pt idx="1431">
                  <c:v>23.783332999999999</c:v>
                </c:pt>
                <c:pt idx="1432">
                  <c:v>23.799999999999997</c:v>
                </c:pt>
                <c:pt idx="1433">
                  <c:v>23.81666700000001</c:v>
                </c:pt>
                <c:pt idx="1434">
                  <c:v>23.833332999999996</c:v>
                </c:pt>
                <c:pt idx="1435">
                  <c:v>23.850000000000009</c:v>
                </c:pt>
                <c:pt idx="1436">
                  <c:v>23.866667000000007</c:v>
                </c:pt>
                <c:pt idx="1437">
                  <c:v>23.883333000000007</c:v>
                </c:pt>
                <c:pt idx="1438">
                  <c:v>23.900000000000006</c:v>
                </c:pt>
                <c:pt idx="1439">
                  <c:v>23.916667000000004</c:v>
                </c:pt>
                <c:pt idx="1440">
                  <c:v>23.933333000000005</c:v>
                </c:pt>
                <c:pt idx="1441">
                  <c:v>23.950000000000003</c:v>
                </c:pt>
                <c:pt idx="1442">
                  <c:v>23.966667000000001</c:v>
                </c:pt>
                <c:pt idx="1443">
                  <c:v>23.983333000000002</c:v>
                </c:pt>
                <c:pt idx="1444">
                  <c:v>24</c:v>
                </c:pt>
                <c:pt idx="1445">
                  <c:v>24.016666999999998</c:v>
                </c:pt>
                <c:pt idx="1446">
                  <c:v>24.033332999999999</c:v>
                </c:pt>
                <c:pt idx="1447">
                  <c:v>24.049999999999997</c:v>
                </c:pt>
                <c:pt idx="1448">
                  <c:v>24.06666700000001</c:v>
                </c:pt>
                <c:pt idx="1449">
                  <c:v>24.083332999999996</c:v>
                </c:pt>
                <c:pt idx="1450">
                  <c:v>24.100000000000009</c:v>
                </c:pt>
                <c:pt idx="1451">
                  <c:v>24.116667000000007</c:v>
                </c:pt>
                <c:pt idx="1452">
                  <c:v>24.133333000000007</c:v>
                </c:pt>
                <c:pt idx="1453">
                  <c:v>24.150000000000006</c:v>
                </c:pt>
                <c:pt idx="1454">
                  <c:v>24.166667000000004</c:v>
                </c:pt>
                <c:pt idx="1455">
                  <c:v>24.183333000000005</c:v>
                </c:pt>
                <c:pt idx="1456">
                  <c:v>24.200000000000003</c:v>
                </c:pt>
                <c:pt idx="1457">
                  <c:v>24.216667000000001</c:v>
                </c:pt>
                <c:pt idx="1458">
                  <c:v>24.233333000000002</c:v>
                </c:pt>
                <c:pt idx="1459">
                  <c:v>24.25</c:v>
                </c:pt>
                <c:pt idx="1460">
                  <c:v>24.266666999999998</c:v>
                </c:pt>
                <c:pt idx="1461">
                  <c:v>24.283332999999999</c:v>
                </c:pt>
                <c:pt idx="1462">
                  <c:v>24.299999999999997</c:v>
                </c:pt>
                <c:pt idx="1463">
                  <c:v>24.31666700000001</c:v>
                </c:pt>
                <c:pt idx="1464">
                  <c:v>24.333332999999996</c:v>
                </c:pt>
                <c:pt idx="1465">
                  <c:v>24.350000000000009</c:v>
                </c:pt>
                <c:pt idx="1466">
                  <c:v>24.366667000000007</c:v>
                </c:pt>
                <c:pt idx="1467">
                  <c:v>24.383333000000007</c:v>
                </c:pt>
                <c:pt idx="1468">
                  <c:v>24.400000000000006</c:v>
                </c:pt>
                <c:pt idx="1469">
                  <c:v>24.416667000000004</c:v>
                </c:pt>
                <c:pt idx="1470">
                  <c:v>24.433333000000005</c:v>
                </c:pt>
                <c:pt idx="1471">
                  <c:v>24.450000000000003</c:v>
                </c:pt>
                <c:pt idx="1472">
                  <c:v>24.466667000000001</c:v>
                </c:pt>
                <c:pt idx="1473">
                  <c:v>24.483333000000002</c:v>
                </c:pt>
                <c:pt idx="1474">
                  <c:v>24.5</c:v>
                </c:pt>
                <c:pt idx="1475">
                  <c:v>24.516666999999998</c:v>
                </c:pt>
                <c:pt idx="1476">
                  <c:v>24.533332999999999</c:v>
                </c:pt>
                <c:pt idx="1477">
                  <c:v>24.549999999999997</c:v>
                </c:pt>
                <c:pt idx="1478">
                  <c:v>24.56666700000001</c:v>
                </c:pt>
                <c:pt idx="1479">
                  <c:v>24.583332999999996</c:v>
                </c:pt>
                <c:pt idx="1480">
                  <c:v>24.600000000000009</c:v>
                </c:pt>
                <c:pt idx="1481">
                  <c:v>24.616667000000007</c:v>
                </c:pt>
                <c:pt idx="1482">
                  <c:v>24.633333000000007</c:v>
                </c:pt>
                <c:pt idx="1483">
                  <c:v>24.650000000000006</c:v>
                </c:pt>
                <c:pt idx="1484">
                  <c:v>24.666667000000004</c:v>
                </c:pt>
                <c:pt idx="1485">
                  <c:v>24.683333000000005</c:v>
                </c:pt>
                <c:pt idx="1486">
                  <c:v>24.700000000000003</c:v>
                </c:pt>
                <c:pt idx="1487">
                  <c:v>24.716667000000001</c:v>
                </c:pt>
                <c:pt idx="1488">
                  <c:v>24.733333000000002</c:v>
                </c:pt>
                <c:pt idx="1489">
                  <c:v>24.75</c:v>
                </c:pt>
                <c:pt idx="1490">
                  <c:v>24.766666999999998</c:v>
                </c:pt>
                <c:pt idx="1491">
                  <c:v>24.783332999999999</c:v>
                </c:pt>
                <c:pt idx="1492">
                  <c:v>24.799999999999997</c:v>
                </c:pt>
                <c:pt idx="1493">
                  <c:v>24.81666700000001</c:v>
                </c:pt>
                <c:pt idx="1494">
                  <c:v>24.833332999999996</c:v>
                </c:pt>
                <c:pt idx="1495">
                  <c:v>24.850000000000009</c:v>
                </c:pt>
                <c:pt idx="1496">
                  <c:v>24.866667000000007</c:v>
                </c:pt>
                <c:pt idx="1497">
                  <c:v>24.883333000000007</c:v>
                </c:pt>
                <c:pt idx="1498">
                  <c:v>24.900000000000006</c:v>
                </c:pt>
                <c:pt idx="1499">
                  <c:v>24.916667000000004</c:v>
                </c:pt>
                <c:pt idx="1500">
                  <c:v>24.933333000000005</c:v>
                </c:pt>
                <c:pt idx="1501">
                  <c:v>24.950000000000003</c:v>
                </c:pt>
                <c:pt idx="1502">
                  <c:v>24.966667000000001</c:v>
                </c:pt>
                <c:pt idx="1503">
                  <c:v>24.983333000000002</c:v>
                </c:pt>
                <c:pt idx="1504">
                  <c:v>25</c:v>
                </c:pt>
                <c:pt idx="1505">
                  <c:v>25.016666999999998</c:v>
                </c:pt>
                <c:pt idx="1506">
                  <c:v>25.033332999999999</c:v>
                </c:pt>
                <c:pt idx="1507">
                  <c:v>25.049999999999997</c:v>
                </c:pt>
                <c:pt idx="1508">
                  <c:v>25.06666700000001</c:v>
                </c:pt>
                <c:pt idx="1509">
                  <c:v>25.083332999999996</c:v>
                </c:pt>
                <c:pt idx="1510">
                  <c:v>25.100000000000009</c:v>
                </c:pt>
                <c:pt idx="1511">
                  <c:v>25.116667000000007</c:v>
                </c:pt>
                <c:pt idx="1512">
                  <c:v>25.133333000000007</c:v>
                </c:pt>
                <c:pt idx="1513">
                  <c:v>25.150000000000006</c:v>
                </c:pt>
                <c:pt idx="1514">
                  <c:v>25.166667000000004</c:v>
                </c:pt>
                <c:pt idx="1515">
                  <c:v>25.183333000000005</c:v>
                </c:pt>
                <c:pt idx="1516">
                  <c:v>25.200000000000003</c:v>
                </c:pt>
                <c:pt idx="1517">
                  <c:v>25.216667000000001</c:v>
                </c:pt>
                <c:pt idx="1518">
                  <c:v>25.233333000000002</c:v>
                </c:pt>
                <c:pt idx="1519">
                  <c:v>25.25</c:v>
                </c:pt>
                <c:pt idx="1520">
                  <c:v>25.266666999999998</c:v>
                </c:pt>
                <c:pt idx="1521">
                  <c:v>25.283332999999999</c:v>
                </c:pt>
                <c:pt idx="1522">
                  <c:v>25.299999999999997</c:v>
                </c:pt>
                <c:pt idx="1523">
                  <c:v>25.31666700000001</c:v>
                </c:pt>
                <c:pt idx="1524">
                  <c:v>25.333332999999996</c:v>
                </c:pt>
                <c:pt idx="1525">
                  <c:v>25.350000000000009</c:v>
                </c:pt>
                <c:pt idx="1526">
                  <c:v>25.366667000000007</c:v>
                </c:pt>
                <c:pt idx="1527">
                  <c:v>25.383333000000007</c:v>
                </c:pt>
                <c:pt idx="1528">
                  <c:v>25.400000000000006</c:v>
                </c:pt>
                <c:pt idx="1529">
                  <c:v>25.416667000000004</c:v>
                </c:pt>
                <c:pt idx="1530">
                  <c:v>25.433333000000005</c:v>
                </c:pt>
                <c:pt idx="1531">
                  <c:v>25.450000000000003</c:v>
                </c:pt>
                <c:pt idx="1532">
                  <c:v>25.466667000000001</c:v>
                </c:pt>
                <c:pt idx="1533">
                  <c:v>25.483333000000002</c:v>
                </c:pt>
                <c:pt idx="1534">
                  <c:v>25.5</c:v>
                </c:pt>
                <c:pt idx="1535">
                  <c:v>25.516666999999998</c:v>
                </c:pt>
                <c:pt idx="1536">
                  <c:v>25.533332999999999</c:v>
                </c:pt>
                <c:pt idx="1537">
                  <c:v>25.549999999999997</c:v>
                </c:pt>
                <c:pt idx="1538">
                  <c:v>25.56666700000001</c:v>
                </c:pt>
                <c:pt idx="1539">
                  <c:v>25.583332999999996</c:v>
                </c:pt>
                <c:pt idx="1540">
                  <c:v>25.600000000000009</c:v>
                </c:pt>
                <c:pt idx="1541">
                  <c:v>25.616667000000007</c:v>
                </c:pt>
                <c:pt idx="1542">
                  <c:v>25.633333000000007</c:v>
                </c:pt>
                <c:pt idx="1543">
                  <c:v>25.650000000000006</c:v>
                </c:pt>
                <c:pt idx="1544">
                  <c:v>25.666667000000004</c:v>
                </c:pt>
                <c:pt idx="1545">
                  <c:v>25.683333000000005</c:v>
                </c:pt>
                <c:pt idx="1546">
                  <c:v>25.700000000000003</c:v>
                </c:pt>
                <c:pt idx="1547">
                  <c:v>25.716667000000001</c:v>
                </c:pt>
                <c:pt idx="1548">
                  <c:v>25.733333000000002</c:v>
                </c:pt>
                <c:pt idx="1549">
                  <c:v>25.75</c:v>
                </c:pt>
                <c:pt idx="1550">
                  <c:v>25.766666999999998</c:v>
                </c:pt>
                <c:pt idx="1551">
                  <c:v>25.783332999999999</c:v>
                </c:pt>
                <c:pt idx="1552">
                  <c:v>25.799999999999997</c:v>
                </c:pt>
                <c:pt idx="1553">
                  <c:v>25.81666700000001</c:v>
                </c:pt>
                <c:pt idx="1554">
                  <c:v>25.833332999999996</c:v>
                </c:pt>
                <c:pt idx="1555">
                  <c:v>25.850000000000009</c:v>
                </c:pt>
                <c:pt idx="1556">
                  <c:v>25.866667000000007</c:v>
                </c:pt>
                <c:pt idx="1557">
                  <c:v>25.883333000000007</c:v>
                </c:pt>
                <c:pt idx="1558">
                  <c:v>25.900000000000006</c:v>
                </c:pt>
                <c:pt idx="1559">
                  <c:v>25.916667000000004</c:v>
                </c:pt>
                <c:pt idx="1560">
                  <c:v>25.933333000000005</c:v>
                </c:pt>
                <c:pt idx="1561">
                  <c:v>25.950000000000003</c:v>
                </c:pt>
                <c:pt idx="1562">
                  <c:v>25.966667000000001</c:v>
                </c:pt>
                <c:pt idx="1563">
                  <c:v>25.983333000000002</c:v>
                </c:pt>
                <c:pt idx="1564">
                  <c:v>26</c:v>
                </c:pt>
                <c:pt idx="1565">
                  <c:v>26.016666999999998</c:v>
                </c:pt>
                <c:pt idx="1566">
                  <c:v>26.033332999999999</c:v>
                </c:pt>
                <c:pt idx="1567">
                  <c:v>26.049999999999997</c:v>
                </c:pt>
                <c:pt idx="1568">
                  <c:v>26.06666700000001</c:v>
                </c:pt>
                <c:pt idx="1569">
                  <c:v>26.083332999999996</c:v>
                </c:pt>
                <c:pt idx="1570">
                  <c:v>26.100000000000009</c:v>
                </c:pt>
                <c:pt idx="1571">
                  <c:v>26.116667000000007</c:v>
                </c:pt>
                <c:pt idx="1572">
                  <c:v>26.133333000000007</c:v>
                </c:pt>
                <c:pt idx="1573">
                  <c:v>26.150000000000006</c:v>
                </c:pt>
                <c:pt idx="1574">
                  <c:v>26.166667000000004</c:v>
                </c:pt>
                <c:pt idx="1575">
                  <c:v>26.183333000000005</c:v>
                </c:pt>
                <c:pt idx="1576">
                  <c:v>26.200000000000003</c:v>
                </c:pt>
                <c:pt idx="1577">
                  <c:v>26.216667000000001</c:v>
                </c:pt>
                <c:pt idx="1578">
                  <c:v>26.233333000000002</c:v>
                </c:pt>
                <c:pt idx="1579">
                  <c:v>26.25</c:v>
                </c:pt>
                <c:pt idx="1580">
                  <c:v>26.266666999999998</c:v>
                </c:pt>
                <c:pt idx="1581">
                  <c:v>26.283332999999999</c:v>
                </c:pt>
                <c:pt idx="1582">
                  <c:v>26.299999999999997</c:v>
                </c:pt>
                <c:pt idx="1583">
                  <c:v>26.31666700000001</c:v>
                </c:pt>
                <c:pt idx="1584">
                  <c:v>26.333332999999996</c:v>
                </c:pt>
                <c:pt idx="1585">
                  <c:v>26.350000000000009</c:v>
                </c:pt>
                <c:pt idx="1586">
                  <c:v>26.366667000000007</c:v>
                </c:pt>
                <c:pt idx="1587">
                  <c:v>26.383333000000007</c:v>
                </c:pt>
                <c:pt idx="1588">
                  <c:v>26.400000000000006</c:v>
                </c:pt>
                <c:pt idx="1589">
                  <c:v>26.416667000000004</c:v>
                </c:pt>
                <c:pt idx="1590">
                  <c:v>26.433333000000005</c:v>
                </c:pt>
                <c:pt idx="1591">
                  <c:v>26.450000000000003</c:v>
                </c:pt>
                <c:pt idx="1592">
                  <c:v>26.466667000000001</c:v>
                </c:pt>
                <c:pt idx="1593">
                  <c:v>26.483333000000002</c:v>
                </c:pt>
                <c:pt idx="1594">
                  <c:v>26.5</c:v>
                </c:pt>
                <c:pt idx="1595">
                  <c:v>26.516666999999998</c:v>
                </c:pt>
                <c:pt idx="1596">
                  <c:v>26.533332999999999</c:v>
                </c:pt>
                <c:pt idx="1597">
                  <c:v>26.549999999999997</c:v>
                </c:pt>
                <c:pt idx="1598">
                  <c:v>26.56666700000001</c:v>
                </c:pt>
                <c:pt idx="1599">
                  <c:v>26.583332999999996</c:v>
                </c:pt>
                <c:pt idx="1600">
                  <c:v>26.600000000000009</c:v>
                </c:pt>
                <c:pt idx="1601">
                  <c:v>26.616667000000007</c:v>
                </c:pt>
                <c:pt idx="1602">
                  <c:v>26.633333000000007</c:v>
                </c:pt>
                <c:pt idx="1603">
                  <c:v>26.650000000000006</c:v>
                </c:pt>
                <c:pt idx="1604">
                  <c:v>26.666667000000004</c:v>
                </c:pt>
                <c:pt idx="1605">
                  <c:v>26.683333000000005</c:v>
                </c:pt>
                <c:pt idx="1606">
                  <c:v>26.700000000000003</c:v>
                </c:pt>
                <c:pt idx="1607">
                  <c:v>26.716667000000001</c:v>
                </c:pt>
                <c:pt idx="1608">
                  <c:v>26.733333000000002</c:v>
                </c:pt>
                <c:pt idx="1609">
                  <c:v>26.75</c:v>
                </c:pt>
                <c:pt idx="1610">
                  <c:v>26.766666999999998</c:v>
                </c:pt>
                <c:pt idx="1611">
                  <c:v>26.783332999999999</c:v>
                </c:pt>
                <c:pt idx="1612">
                  <c:v>26.799999999999997</c:v>
                </c:pt>
                <c:pt idx="1613">
                  <c:v>26.81666700000001</c:v>
                </c:pt>
                <c:pt idx="1614">
                  <c:v>26.833332999999996</c:v>
                </c:pt>
                <c:pt idx="1615">
                  <c:v>26.850000000000009</c:v>
                </c:pt>
                <c:pt idx="1616">
                  <c:v>26.866667000000007</c:v>
                </c:pt>
                <c:pt idx="1617">
                  <c:v>26.883333000000007</c:v>
                </c:pt>
                <c:pt idx="1618">
                  <c:v>26.900000000000006</c:v>
                </c:pt>
                <c:pt idx="1619">
                  <c:v>26.916667000000004</c:v>
                </c:pt>
                <c:pt idx="1620">
                  <c:v>26.933333000000005</c:v>
                </c:pt>
                <c:pt idx="1621">
                  <c:v>26.950000000000003</c:v>
                </c:pt>
                <c:pt idx="1622">
                  <c:v>26.966667000000001</c:v>
                </c:pt>
                <c:pt idx="1623">
                  <c:v>26.983333000000002</c:v>
                </c:pt>
                <c:pt idx="1624">
                  <c:v>27</c:v>
                </c:pt>
                <c:pt idx="1625">
                  <c:v>27.016666999999998</c:v>
                </c:pt>
                <c:pt idx="1626">
                  <c:v>27.033332999999999</c:v>
                </c:pt>
                <c:pt idx="1627">
                  <c:v>27.049999999999997</c:v>
                </c:pt>
                <c:pt idx="1628">
                  <c:v>27.06666700000001</c:v>
                </c:pt>
                <c:pt idx="1629">
                  <c:v>27.083332999999996</c:v>
                </c:pt>
                <c:pt idx="1630">
                  <c:v>27.100000000000009</c:v>
                </c:pt>
                <c:pt idx="1631">
                  <c:v>27.116667000000007</c:v>
                </c:pt>
                <c:pt idx="1632">
                  <c:v>27.133333000000007</c:v>
                </c:pt>
                <c:pt idx="1633">
                  <c:v>27.150000000000006</c:v>
                </c:pt>
                <c:pt idx="1634">
                  <c:v>27.166667000000004</c:v>
                </c:pt>
                <c:pt idx="1635">
                  <c:v>27.183333000000005</c:v>
                </c:pt>
                <c:pt idx="1636">
                  <c:v>27.200000000000003</c:v>
                </c:pt>
                <c:pt idx="1637">
                  <c:v>27.216667000000001</c:v>
                </c:pt>
                <c:pt idx="1638">
                  <c:v>27.233333000000002</c:v>
                </c:pt>
                <c:pt idx="1639">
                  <c:v>27.25</c:v>
                </c:pt>
                <c:pt idx="1640">
                  <c:v>27.266666999999998</c:v>
                </c:pt>
                <c:pt idx="1641">
                  <c:v>27.283332999999999</c:v>
                </c:pt>
                <c:pt idx="1642">
                  <c:v>27.299999999999997</c:v>
                </c:pt>
                <c:pt idx="1643">
                  <c:v>27.31666700000001</c:v>
                </c:pt>
                <c:pt idx="1644">
                  <c:v>27.333332999999996</c:v>
                </c:pt>
                <c:pt idx="1645">
                  <c:v>27.350000000000009</c:v>
                </c:pt>
                <c:pt idx="1646">
                  <c:v>27.366667000000007</c:v>
                </c:pt>
                <c:pt idx="1647">
                  <c:v>27.383333000000007</c:v>
                </c:pt>
                <c:pt idx="1648">
                  <c:v>27.400000000000006</c:v>
                </c:pt>
                <c:pt idx="1649">
                  <c:v>27.416667000000004</c:v>
                </c:pt>
                <c:pt idx="1650">
                  <c:v>27.433333000000005</c:v>
                </c:pt>
                <c:pt idx="1651">
                  <c:v>27.450000000000003</c:v>
                </c:pt>
                <c:pt idx="1652">
                  <c:v>27.466667000000001</c:v>
                </c:pt>
                <c:pt idx="1653">
                  <c:v>27.483333000000002</c:v>
                </c:pt>
                <c:pt idx="1654">
                  <c:v>27.5</c:v>
                </c:pt>
                <c:pt idx="1655">
                  <c:v>27.516666999999998</c:v>
                </c:pt>
                <c:pt idx="1656">
                  <c:v>27.533332999999999</c:v>
                </c:pt>
                <c:pt idx="1657">
                  <c:v>27.549999999999997</c:v>
                </c:pt>
                <c:pt idx="1658">
                  <c:v>27.56666700000001</c:v>
                </c:pt>
                <c:pt idx="1659">
                  <c:v>27.583332999999996</c:v>
                </c:pt>
                <c:pt idx="1660">
                  <c:v>27.600000000000009</c:v>
                </c:pt>
                <c:pt idx="1661">
                  <c:v>27.616667000000007</c:v>
                </c:pt>
                <c:pt idx="1662">
                  <c:v>27.633333000000007</c:v>
                </c:pt>
                <c:pt idx="1663">
                  <c:v>27.650000000000006</c:v>
                </c:pt>
                <c:pt idx="1664">
                  <c:v>27.666667000000004</c:v>
                </c:pt>
                <c:pt idx="1665">
                  <c:v>27.683333000000005</c:v>
                </c:pt>
                <c:pt idx="1666">
                  <c:v>27.700000000000003</c:v>
                </c:pt>
                <c:pt idx="1667">
                  <c:v>27.716667000000001</c:v>
                </c:pt>
                <c:pt idx="1668">
                  <c:v>27.733333000000002</c:v>
                </c:pt>
                <c:pt idx="1669">
                  <c:v>27.75</c:v>
                </c:pt>
                <c:pt idx="1670">
                  <c:v>27.766666999999998</c:v>
                </c:pt>
                <c:pt idx="1671">
                  <c:v>27.783332999999999</c:v>
                </c:pt>
                <c:pt idx="1672">
                  <c:v>27.799999999999997</c:v>
                </c:pt>
                <c:pt idx="1673">
                  <c:v>27.81666700000001</c:v>
                </c:pt>
                <c:pt idx="1674">
                  <c:v>27.833332999999996</c:v>
                </c:pt>
                <c:pt idx="1675">
                  <c:v>27.850000000000009</c:v>
                </c:pt>
                <c:pt idx="1676">
                  <c:v>27.866667000000007</c:v>
                </c:pt>
                <c:pt idx="1677">
                  <c:v>27.883333000000007</c:v>
                </c:pt>
                <c:pt idx="1678">
                  <c:v>27.900000000000006</c:v>
                </c:pt>
                <c:pt idx="1679">
                  <c:v>27.916667000000004</c:v>
                </c:pt>
                <c:pt idx="1680">
                  <c:v>27.933333000000005</c:v>
                </c:pt>
                <c:pt idx="1681">
                  <c:v>27.950000000000003</c:v>
                </c:pt>
                <c:pt idx="1682">
                  <c:v>27.966667000000001</c:v>
                </c:pt>
                <c:pt idx="1683">
                  <c:v>27.983333000000002</c:v>
                </c:pt>
                <c:pt idx="1684">
                  <c:v>28</c:v>
                </c:pt>
                <c:pt idx="1685">
                  <c:v>28.016666999999998</c:v>
                </c:pt>
                <c:pt idx="1686">
                  <c:v>28.033332999999999</c:v>
                </c:pt>
                <c:pt idx="1687">
                  <c:v>28.049999999999997</c:v>
                </c:pt>
                <c:pt idx="1688">
                  <c:v>28.06666700000001</c:v>
                </c:pt>
                <c:pt idx="1689">
                  <c:v>28.083332999999996</c:v>
                </c:pt>
                <c:pt idx="1690">
                  <c:v>28.100000000000009</c:v>
                </c:pt>
                <c:pt idx="1691">
                  <c:v>28.116667000000007</c:v>
                </c:pt>
                <c:pt idx="1692">
                  <c:v>28.133333000000007</c:v>
                </c:pt>
                <c:pt idx="1693">
                  <c:v>28.150000000000006</c:v>
                </c:pt>
                <c:pt idx="1694">
                  <c:v>28.166667000000004</c:v>
                </c:pt>
                <c:pt idx="1695">
                  <c:v>28.183333000000005</c:v>
                </c:pt>
                <c:pt idx="1696">
                  <c:v>28.200000000000003</c:v>
                </c:pt>
                <c:pt idx="1697">
                  <c:v>28.216667000000001</c:v>
                </c:pt>
                <c:pt idx="1698">
                  <c:v>28.233333000000002</c:v>
                </c:pt>
                <c:pt idx="1699">
                  <c:v>28.25</c:v>
                </c:pt>
                <c:pt idx="1700">
                  <c:v>28.266666999999998</c:v>
                </c:pt>
                <c:pt idx="1701">
                  <c:v>28.283332999999999</c:v>
                </c:pt>
                <c:pt idx="1702">
                  <c:v>28.299999999999997</c:v>
                </c:pt>
                <c:pt idx="1703">
                  <c:v>28.31666700000001</c:v>
                </c:pt>
                <c:pt idx="1704">
                  <c:v>28.333332999999996</c:v>
                </c:pt>
                <c:pt idx="1705">
                  <c:v>28.350000000000009</c:v>
                </c:pt>
                <c:pt idx="1706">
                  <c:v>28.366667000000007</c:v>
                </c:pt>
                <c:pt idx="1707">
                  <c:v>28.383333000000007</c:v>
                </c:pt>
                <c:pt idx="1708">
                  <c:v>28.400000000000006</c:v>
                </c:pt>
                <c:pt idx="1709">
                  <c:v>28.416667000000004</c:v>
                </c:pt>
                <c:pt idx="1710">
                  <c:v>28.433333000000005</c:v>
                </c:pt>
                <c:pt idx="1711">
                  <c:v>28.450000000000003</c:v>
                </c:pt>
                <c:pt idx="1712">
                  <c:v>28.466667000000001</c:v>
                </c:pt>
                <c:pt idx="1713">
                  <c:v>28.483333000000002</c:v>
                </c:pt>
                <c:pt idx="1714">
                  <c:v>28.5</c:v>
                </c:pt>
                <c:pt idx="1715">
                  <c:v>28.516666999999998</c:v>
                </c:pt>
                <c:pt idx="1716">
                  <c:v>28.533332999999999</c:v>
                </c:pt>
                <c:pt idx="1717">
                  <c:v>28.549999999999997</c:v>
                </c:pt>
                <c:pt idx="1718">
                  <c:v>28.56666700000001</c:v>
                </c:pt>
                <c:pt idx="1719">
                  <c:v>28.583332999999996</c:v>
                </c:pt>
                <c:pt idx="1720">
                  <c:v>28.600000000000009</c:v>
                </c:pt>
                <c:pt idx="1721">
                  <c:v>28.616667000000007</c:v>
                </c:pt>
                <c:pt idx="1722">
                  <c:v>28.633333000000007</c:v>
                </c:pt>
                <c:pt idx="1723">
                  <c:v>28.650000000000006</c:v>
                </c:pt>
                <c:pt idx="1724">
                  <c:v>28.666667000000004</c:v>
                </c:pt>
                <c:pt idx="1725">
                  <c:v>28.683333000000005</c:v>
                </c:pt>
                <c:pt idx="1726">
                  <c:v>28.700000000000003</c:v>
                </c:pt>
                <c:pt idx="1727">
                  <c:v>28.716667000000001</c:v>
                </c:pt>
                <c:pt idx="1728">
                  <c:v>28.733333000000002</c:v>
                </c:pt>
                <c:pt idx="1729">
                  <c:v>28.75</c:v>
                </c:pt>
                <c:pt idx="1730">
                  <c:v>28.766666999999998</c:v>
                </c:pt>
                <c:pt idx="1731">
                  <c:v>28.783332999999999</c:v>
                </c:pt>
                <c:pt idx="1732">
                  <c:v>28.799999999999997</c:v>
                </c:pt>
                <c:pt idx="1733">
                  <c:v>28.81666700000001</c:v>
                </c:pt>
                <c:pt idx="1734">
                  <c:v>28.833332999999996</c:v>
                </c:pt>
                <c:pt idx="1735">
                  <c:v>28.850000000000009</c:v>
                </c:pt>
                <c:pt idx="1736">
                  <c:v>28.866667000000007</c:v>
                </c:pt>
                <c:pt idx="1737">
                  <c:v>28.883333000000007</c:v>
                </c:pt>
                <c:pt idx="1738">
                  <c:v>28.900000000000006</c:v>
                </c:pt>
                <c:pt idx="1739">
                  <c:v>28.916667000000004</c:v>
                </c:pt>
                <c:pt idx="1740">
                  <c:v>28.933333000000005</c:v>
                </c:pt>
                <c:pt idx="1741">
                  <c:v>28.950000000000003</c:v>
                </c:pt>
                <c:pt idx="1742">
                  <c:v>28.966667000000001</c:v>
                </c:pt>
                <c:pt idx="1743">
                  <c:v>28.983333000000002</c:v>
                </c:pt>
                <c:pt idx="1744">
                  <c:v>29</c:v>
                </c:pt>
                <c:pt idx="1745">
                  <c:v>29.016666999999998</c:v>
                </c:pt>
                <c:pt idx="1746">
                  <c:v>29.033332999999999</c:v>
                </c:pt>
                <c:pt idx="1747">
                  <c:v>29.049999999999997</c:v>
                </c:pt>
                <c:pt idx="1748">
                  <c:v>29.06666700000001</c:v>
                </c:pt>
                <c:pt idx="1749">
                  <c:v>29.083332999999996</c:v>
                </c:pt>
                <c:pt idx="1750">
                  <c:v>29.100000000000009</c:v>
                </c:pt>
                <c:pt idx="1751">
                  <c:v>29.116667000000007</c:v>
                </c:pt>
                <c:pt idx="1752">
                  <c:v>29.133333000000007</c:v>
                </c:pt>
                <c:pt idx="1753">
                  <c:v>29.150000000000006</c:v>
                </c:pt>
                <c:pt idx="1754">
                  <c:v>29.166667000000004</c:v>
                </c:pt>
                <c:pt idx="1755">
                  <c:v>29.183333000000005</c:v>
                </c:pt>
                <c:pt idx="1756">
                  <c:v>29.200000000000003</c:v>
                </c:pt>
                <c:pt idx="1757">
                  <c:v>29.216667000000001</c:v>
                </c:pt>
                <c:pt idx="1758">
                  <c:v>29.233333000000002</c:v>
                </c:pt>
                <c:pt idx="1759">
                  <c:v>29.25</c:v>
                </c:pt>
                <c:pt idx="1760">
                  <c:v>29.266666999999998</c:v>
                </c:pt>
                <c:pt idx="1761">
                  <c:v>29.283332999999999</c:v>
                </c:pt>
                <c:pt idx="1762">
                  <c:v>29.299999999999997</c:v>
                </c:pt>
                <c:pt idx="1763">
                  <c:v>29.31666700000001</c:v>
                </c:pt>
                <c:pt idx="1764">
                  <c:v>29.333332999999996</c:v>
                </c:pt>
                <c:pt idx="1765">
                  <c:v>29.350000000000009</c:v>
                </c:pt>
                <c:pt idx="1766">
                  <c:v>29.366667000000007</c:v>
                </c:pt>
                <c:pt idx="1767">
                  <c:v>29.383333000000007</c:v>
                </c:pt>
                <c:pt idx="1768">
                  <c:v>29.400000000000006</c:v>
                </c:pt>
                <c:pt idx="1769">
                  <c:v>29.416667000000004</c:v>
                </c:pt>
                <c:pt idx="1770">
                  <c:v>29.433333000000005</c:v>
                </c:pt>
                <c:pt idx="1771">
                  <c:v>29.450000000000003</c:v>
                </c:pt>
                <c:pt idx="1772">
                  <c:v>29.466667000000001</c:v>
                </c:pt>
                <c:pt idx="1773">
                  <c:v>29.483333000000002</c:v>
                </c:pt>
                <c:pt idx="1774">
                  <c:v>29.5</c:v>
                </c:pt>
                <c:pt idx="1775">
                  <c:v>29.516666999999998</c:v>
                </c:pt>
                <c:pt idx="1776">
                  <c:v>29.533332999999999</c:v>
                </c:pt>
                <c:pt idx="1777">
                  <c:v>29.549999999999997</c:v>
                </c:pt>
                <c:pt idx="1778">
                  <c:v>29.56666700000001</c:v>
                </c:pt>
                <c:pt idx="1779">
                  <c:v>29.583332999999996</c:v>
                </c:pt>
                <c:pt idx="1780">
                  <c:v>29.600000000000009</c:v>
                </c:pt>
                <c:pt idx="1781">
                  <c:v>29.616667000000007</c:v>
                </c:pt>
                <c:pt idx="1782">
                  <c:v>29.633333000000007</c:v>
                </c:pt>
                <c:pt idx="1783">
                  <c:v>29.650000000000006</c:v>
                </c:pt>
                <c:pt idx="1784">
                  <c:v>29.666667000000004</c:v>
                </c:pt>
                <c:pt idx="1785">
                  <c:v>29.683333000000005</c:v>
                </c:pt>
                <c:pt idx="1786">
                  <c:v>29.700000000000003</c:v>
                </c:pt>
                <c:pt idx="1787">
                  <c:v>29.716667000000001</c:v>
                </c:pt>
                <c:pt idx="1788">
                  <c:v>29.733333000000002</c:v>
                </c:pt>
                <c:pt idx="1789">
                  <c:v>29.75</c:v>
                </c:pt>
                <c:pt idx="1790">
                  <c:v>29.766666999999998</c:v>
                </c:pt>
                <c:pt idx="1791">
                  <c:v>29.783332999999999</c:v>
                </c:pt>
                <c:pt idx="1792">
                  <c:v>29.799999999999997</c:v>
                </c:pt>
                <c:pt idx="1793">
                  <c:v>29.81666700000001</c:v>
                </c:pt>
                <c:pt idx="1794">
                  <c:v>29.833332999999996</c:v>
                </c:pt>
                <c:pt idx="1795">
                  <c:v>29.850000000000009</c:v>
                </c:pt>
                <c:pt idx="1796">
                  <c:v>29.866667000000007</c:v>
                </c:pt>
                <c:pt idx="1797">
                  <c:v>29.883333000000007</c:v>
                </c:pt>
                <c:pt idx="1798">
                  <c:v>29.900000000000006</c:v>
                </c:pt>
                <c:pt idx="1799">
                  <c:v>29.916667000000004</c:v>
                </c:pt>
                <c:pt idx="1800">
                  <c:v>29.933333000000005</c:v>
                </c:pt>
                <c:pt idx="1801">
                  <c:v>29.950000000000003</c:v>
                </c:pt>
                <c:pt idx="1802">
                  <c:v>29.966667000000001</c:v>
                </c:pt>
                <c:pt idx="1803">
                  <c:v>29.983333000000002</c:v>
                </c:pt>
                <c:pt idx="1804">
                  <c:v>30</c:v>
                </c:pt>
                <c:pt idx="1805">
                  <c:v>30.016666999999998</c:v>
                </c:pt>
                <c:pt idx="1806">
                  <c:v>30.033332999999999</c:v>
                </c:pt>
                <c:pt idx="1807">
                  <c:v>30.049999999999997</c:v>
                </c:pt>
                <c:pt idx="1808">
                  <c:v>30.06666700000001</c:v>
                </c:pt>
                <c:pt idx="1809">
                  <c:v>30.083332999999996</c:v>
                </c:pt>
                <c:pt idx="1810">
                  <c:v>30.100000000000009</c:v>
                </c:pt>
                <c:pt idx="1811">
                  <c:v>30.116667000000007</c:v>
                </c:pt>
                <c:pt idx="1812">
                  <c:v>30.133333000000007</c:v>
                </c:pt>
                <c:pt idx="1813">
                  <c:v>30.150000000000006</c:v>
                </c:pt>
                <c:pt idx="1814">
                  <c:v>30.166667000000004</c:v>
                </c:pt>
                <c:pt idx="1815">
                  <c:v>30.183333000000005</c:v>
                </c:pt>
                <c:pt idx="1816">
                  <c:v>30.200000000000003</c:v>
                </c:pt>
                <c:pt idx="1817">
                  <c:v>30.216667000000001</c:v>
                </c:pt>
                <c:pt idx="1818">
                  <c:v>30.233333000000002</c:v>
                </c:pt>
                <c:pt idx="1819">
                  <c:v>30.25</c:v>
                </c:pt>
                <c:pt idx="1820">
                  <c:v>30.266666999999998</c:v>
                </c:pt>
                <c:pt idx="1821">
                  <c:v>30.283332999999999</c:v>
                </c:pt>
                <c:pt idx="1822">
                  <c:v>30.299999999999997</c:v>
                </c:pt>
                <c:pt idx="1823">
                  <c:v>30.31666700000001</c:v>
                </c:pt>
                <c:pt idx="1824">
                  <c:v>30.333332999999996</c:v>
                </c:pt>
                <c:pt idx="1825">
                  <c:v>30.350000000000009</c:v>
                </c:pt>
                <c:pt idx="1826">
                  <c:v>30.366667000000007</c:v>
                </c:pt>
                <c:pt idx="1827">
                  <c:v>30.383333000000007</c:v>
                </c:pt>
                <c:pt idx="1828">
                  <c:v>30.400000000000006</c:v>
                </c:pt>
                <c:pt idx="1829">
                  <c:v>30.416667000000004</c:v>
                </c:pt>
                <c:pt idx="1830">
                  <c:v>30.433333000000005</c:v>
                </c:pt>
                <c:pt idx="1831">
                  <c:v>30.450000000000003</c:v>
                </c:pt>
                <c:pt idx="1832">
                  <c:v>30.466667000000001</c:v>
                </c:pt>
                <c:pt idx="1833">
                  <c:v>30.483333000000002</c:v>
                </c:pt>
                <c:pt idx="1834">
                  <c:v>30.5</c:v>
                </c:pt>
                <c:pt idx="1835">
                  <c:v>30.516666999999998</c:v>
                </c:pt>
                <c:pt idx="1836">
                  <c:v>30.533332999999999</c:v>
                </c:pt>
                <c:pt idx="1837">
                  <c:v>30.549999999999997</c:v>
                </c:pt>
                <c:pt idx="1838">
                  <c:v>30.56666700000001</c:v>
                </c:pt>
                <c:pt idx="1839">
                  <c:v>30.583332999999996</c:v>
                </c:pt>
                <c:pt idx="1840">
                  <c:v>30.600000000000009</c:v>
                </c:pt>
                <c:pt idx="1841">
                  <c:v>30.616667000000007</c:v>
                </c:pt>
                <c:pt idx="1842">
                  <c:v>30.633333000000007</c:v>
                </c:pt>
                <c:pt idx="1843">
                  <c:v>30.650000000000006</c:v>
                </c:pt>
                <c:pt idx="1844">
                  <c:v>30.666667000000004</c:v>
                </c:pt>
                <c:pt idx="1845">
                  <c:v>30.683333000000005</c:v>
                </c:pt>
                <c:pt idx="1846">
                  <c:v>30.700000000000003</c:v>
                </c:pt>
                <c:pt idx="1847">
                  <c:v>30.716667000000001</c:v>
                </c:pt>
                <c:pt idx="1848">
                  <c:v>30.733333000000002</c:v>
                </c:pt>
                <c:pt idx="1849">
                  <c:v>30.75</c:v>
                </c:pt>
                <c:pt idx="1850">
                  <c:v>30.766666999999998</c:v>
                </c:pt>
                <c:pt idx="1851">
                  <c:v>30.783332999999999</c:v>
                </c:pt>
                <c:pt idx="1852">
                  <c:v>30.799999999999997</c:v>
                </c:pt>
                <c:pt idx="1853">
                  <c:v>30.81666700000001</c:v>
                </c:pt>
                <c:pt idx="1854">
                  <c:v>30.833332999999996</c:v>
                </c:pt>
                <c:pt idx="1855">
                  <c:v>30.850000000000009</c:v>
                </c:pt>
                <c:pt idx="1856">
                  <c:v>30.866667000000007</c:v>
                </c:pt>
                <c:pt idx="1857">
                  <c:v>30.883333000000007</c:v>
                </c:pt>
                <c:pt idx="1858">
                  <c:v>30.900000000000006</c:v>
                </c:pt>
                <c:pt idx="1859">
                  <c:v>30.916667000000004</c:v>
                </c:pt>
                <c:pt idx="1860">
                  <c:v>30.933333000000005</c:v>
                </c:pt>
                <c:pt idx="1861">
                  <c:v>30.950000000000003</c:v>
                </c:pt>
                <c:pt idx="1862">
                  <c:v>30.966667000000001</c:v>
                </c:pt>
                <c:pt idx="1863">
                  <c:v>30.983333000000002</c:v>
                </c:pt>
                <c:pt idx="1864">
                  <c:v>31</c:v>
                </c:pt>
                <c:pt idx="1865">
                  <c:v>31.016666999999998</c:v>
                </c:pt>
                <c:pt idx="1866">
                  <c:v>31.033332999999999</c:v>
                </c:pt>
                <c:pt idx="1867">
                  <c:v>31.049999999999997</c:v>
                </c:pt>
                <c:pt idx="1868">
                  <c:v>31.06666700000001</c:v>
                </c:pt>
                <c:pt idx="1869">
                  <c:v>31.083332999999996</c:v>
                </c:pt>
                <c:pt idx="1870">
                  <c:v>31.100000000000009</c:v>
                </c:pt>
                <c:pt idx="1871">
                  <c:v>31.116667000000007</c:v>
                </c:pt>
                <c:pt idx="1872">
                  <c:v>31.133333000000007</c:v>
                </c:pt>
                <c:pt idx="1873">
                  <c:v>31.150000000000006</c:v>
                </c:pt>
                <c:pt idx="1874">
                  <c:v>31.166667000000004</c:v>
                </c:pt>
                <c:pt idx="1875">
                  <c:v>31.183333000000005</c:v>
                </c:pt>
                <c:pt idx="1876">
                  <c:v>31.200000000000003</c:v>
                </c:pt>
                <c:pt idx="1877">
                  <c:v>31.216667000000001</c:v>
                </c:pt>
                <c:pt idx="1878">
                  <c:v>31.233333000000002</c:v>
                </c:pt>
                <c:pt idx="1879">
                  <c:v>31.25</c:v>
                </c:pt>
                <c:pt idx="1880">
                  <c:v>31.266666999999998</c:v>
                </c:pt>
                <c:pt idx="1881">
                  <c:v>31.283332999999999</c:v>
                </c:pt>
                <c:pt idx="1882">
                  <c:v>31.299999999999997</c:v>
                </c:pt>
                <c:pt idx="1883">
                  <c:v>31.31666700000001</c:v>
                </c:pt>
                <c:pt idx="1884">
                  <c:v>31.333332999999996</c:v>
                </c:pt>
                <c:pt idx="1885">
                  <c:v>31.350000000000009</c:v>
                </c:pt>
                <c:pt idx="1886">
                  <c:v>31.366667000000007</c:v>
                </c:pt>
                <c:pt idx="1887">
                  <c:v>31.383333000000007</c:v>
                </c:pt>
                <c:pt idx="1888">
                  <c:v>31.400000000000006</c:v>
                </c:pt>
                <c:pt idx="1889">
                  <c:v>31.416667000000004</c:v>
                </c:pt>
                <c:pt idx="1890">
                  <c:v>31.433333000000005</c:v>
                </c:pt>
                <c:pt idx="1891">
                  <c:v>31.450000000000003</c:v>
                </c:pt>
                <c:pt idx="1892">
                  <c:v>31.466667000000001</c:v>
                </c:pt>
                <c:pt idx="1893">
                  <c:v>31.483333000000002</c:v>
                </c:pt>
                <c:pt idx="1894">
                  <c:v>31.5</c:v>
                </c:pt>
                <c:pt idx="1895">
                  <c:v>31.516666999999998</c:v>
                </c:pt>
                <c:pt idx="1896">
                  <c:v>31.533332999999999</c:v>
                </c:pt>
                <c:pt idx="1897">
                  <c:v>31.549999999999997</c:v>
                </c:pt>
                <c:pt idx="1898">
                  <c:v>31.56666700000001</c:v>
                </c:pt>
                <c:pt idx="1899">
                  <c:v>31.583332999999996</c:v>
                </c:pt>
                <c:pt idx="1900">
                  <c:v>31.600000000000009</c:v>
                </c:pt>
                <c:pt idx="1901">
                  <c:v>31.616667000000007</c:v>
                </c:pt>
                <c:pt idx="1902">
                  <c:v>31.633333000000007</c:v>
                </c:pt>
                <c:pt idx="1903">
                  <c:v>31.650000000000006</c:v>
                </c:pt>
                <c:pt idx="1904">
                  <c:v>31.666667000000004</c:v>
                </c:pt>
                <c:pt idx="1905">
                  <c:v>31.683333000000005</c:v>
                </c:pt>
                <c:pt idx="1906">
                  <c:v>31.700000000000003</c:v>
                </c:pt>
                <c:pt idx="1907">
                  <c:v>31.716667000000001</c:v>
                </c:pt>
                <c:pt idx="1908">
                  <c:v>31.733333000000002</c:v>
                </c:pt>
                <c:pt idx="1909">
                  <c:v>31.75</c:v>
                </c:pt>
                <c:pt idx="1910">
                  <c:v>31.766666999999998</c:v>
                </c:pt>
                <c:pt idx="1911">
                  <c:v>31.783332999999999</c:v>
                </c:pt>
                <c:pt idx="1912">
                  <c:v>31.799999999999997</c:v>
                </c:pt>
                <c:pt idx="1913">
                  <c:v>31.81666700000001</c:v>
                </c:pt>
                <c:pt idx="1914">
                  <c:v>31.833332999999996</c:v>
                </c:pt>
                <c:pt idx="1915">
                  <c:v>31.850000000000009</c:v>
                </c:pt>
                <c:pt idx="1916">
                  <c:v>31.866667000000007</c:v>
                </c:pt>
                <c:pt idx="1917">
                  <c:v>31.883333000000007</c:v>
                </c:pt>
                <c:pt idx="1918">
                  <c:v>31.900000000000006</c:v>
                </c:pt>
                <c:pt idx="1919">
                  <c:v>31.916667000000004</c:v>
                </c:pt>
                <c:pt idx="1920">
                  <c:v>31.933333000000005</c:v>
                </c:pt>
                <c:pt idx="1921">
                  <c:v>31.950000000000003</c:v>
                </c:pt>
                <c:pt idx="1922">
                  <c:v>31.966667000000001</c:v>
                </c:pt>
                <c:pt idx="1923">
                  <c:v>31.983333000000002</c:v>
                </c:pt>
                <c:pt idx="1924">
                  <c:v>32</c:v>
                </c:pt>
                <c:pt idx="1925">
                  <c:v>32.016666999999998</c:v>
                </c:pt>
                <c:pt idx="1926">
                  <c:v>32.033332999999999</c:v>
                </c:pt>
                <c:pt idx="1927">
                  <c:v>32.049999999999997</c:v>
                </c:pt>
                <c:pt idx="1928">
                  <c:v>32.06666700000001</c:v>
                </c:pt>
                <c:pt idx="1929">
                  <c:v>32.083332999999996</c:v>
                </c:pt>
                <c:pt idx="1930">
                  <c:v>32.100000000000009</c:v>
                </c:pt>
                <c:pt idx="1931">
                  <c:v>32.116667000000007</c:v>
                </c:pt>
                <c:pt idx="1932">
                  <c:v>32.133333000000007</c:v>
                </c:pt>
                <c:pt idx="1933">
                  <c:v>32.150000000000006</c:v>
                </c:pt>
                <c:pt idx="1934">
                  <c:v>32.166667000000004</c:v>
                </c:pt>
                <c:pt idx="1935">
                  <c:v>32.183333000000005</c:v>
                </c:pt>
                <c:pt idx="1936">
                  <c:v>32.200000000000003</c:v>
                </c:pt>
                <c:pt idx="1937">
                  <c:v>32.216667000000001</c:v>
                </c:pt>
                <c:pt idx="1938">
                  <c:v>32.233333000000002</c:v>
                </c:pt>
                <c:pt idx="1939">
                  <c:v>32.25</c:v>
                </c:pt>
                <c:pt idx="1940">
                  <c:v>32.266666999999998</c:v>
                </c:pt>
                <c:pt idx="1941">
                  <c:v>32.283332999999999</c:v>
                </c:pt>
                <c:pt idx="1942">
                  <c:v>32.299999999999997</c:v>
                </c:pt>
                <c:pt idx="1943">
                  <c:v>32.31666700000001</c:v>
                </c:pt>
                <c:pt idx="1944">
                  <c:v>32.333332999999996</c:v>
                </c:pt>
                <c:pt idx="1945">
                  <c:v>32.350000000000009</c:v>
                </c:pt>
                <c:pt idx="1946">
                  <c:v>32.366667000000007</c:v>
                </c:pt>
                <c:pt idx="1947">
                  <c:v>32.383333000000007</c:v>
                </c:pt>
                <c:pt idx="1948">
                  <c:v>32.400000000000006</c:v>
                </c:pt>
                <c:pt idx="1949">
                  <c:v>32.416667000000004</c:v>
                </c:pt>
                <c:pt idx="1950">
                  <c:v>32.433333000000005</c:v>
                </c:pt>
                <c:pt idx="1951">
                  <c:v>32.450000000000003</c:v>
                </c:pt>
                <c:pt idx="1952">
                  <c:v>32.466667000000001</c:v>
                </c:pt>
                <c:pt idx="1953">
                  <c:v>32.483333000000002</c:v>
                </c:pt>
                <c:pt idx="1954">
                  <c:v>32.5</c:v>
                </c:pt>
                <c:pt idx="1955">
                  <c:v>32.516666999999998</c:v>
                </c:pt>
                <c:pt idx="1956">
                  <c:v>32.533332999999999</c:v>
                </c:pt>
                <c:pt idx="1957">
                  <c:v>32.549999999999997</c:v>
                </c:pt>
                <c:pt idx="1958">
                  <c:v>32.56666700000001</c:v>
                </c:pt>
                <c:pt idx="1959">
                  <c:v>32.583332999999996</c:v>
                </c:pt>
                <c:pt idx="1960">
                  <c:v>32.600000000000009</c:v>
                </c:pt>
                <c:pt idx="1961">
                  <c:v>32.616667000000007</c:v>
                </c:pt>
                <c:pt idx="1962">
                  <c:v>32.633333000000007</c:v>
                </c:pt>
                <c:pt idx="1963">
                  <c:v>32.650000000000006</c:v>
                </c:pt>
                <c:pt idx="1964">
                  <c:v>32.666667000000004</c:v>
                </c:pt>
                <c:pt idx="1965">
                  <c:v>32.683333000000005</c:v>
                </c:pt>
                <c:pt idx="1966">
                  <c:v>32.700000000000003</c:v>
                </c:pt>
                <c:pt idx="1967">
                  <c:v>32.716667000000001</c:v>
                </c:pt>
                <c:pt idx="1968">
                  <c:v>32.733333000000002</c:v>
                </c:pt>
                <c:pt idx="1969">
                  <c:v>32.75</c:v>
                </c:pt>
                <c:pt idx="1970">
                  <c:v>32.766666999999998</c:v>
                </c:pt>
                <c:pt idx="1971">
                  <c:v>32.783332999999999</c:v>
                </c:pt>
                <c:pt idx="1972">
                  <c:v>32.799999999999997</c:v>
                </c:pt>
                <c:pt idx="1973">
                  <c:v>32.81666700000001</c:v>
                </c:pt>
                <c:pt idx="1974">
                  <c:v>32.833332999999996</c:v>
                </c:pt>
                <c:pt idx="1975">
                  <c:v>32.850000000000009</c:v>
                </c:pt>
                <c:pt idx="1976">
                  <c:v>32.866667000000007</c:v>
                </c:pt>
                <c:pt idx="1977">
                  <c:v>32.883333000000007</c:v>
                </c:pt>
                <c:pt idx="1978">
                  <c:v>32.900000000000006</c:v>
                </c:pt>
                <c:pt idx="1979">
                  <c:v>32.916667000000004</c:v>
                </c:pt>
                <c:pt idx="1980">
                  <c:v>32.933333000000005</c:v>
                </c:pt>
                <c:pt idx="1981">
                  <c:v>32.950000000000003</c:v>
                </c:pt>
                <c:pt idx="1982">
                  <c:v>32.966667000000001</c:v>
                </c:pt>
                <c:pt idx="1983">
                  <c:v>32.983333000000002</c:v>
                </c:pt>
                <c:pt idx="1984">
                  <c:v>33</c:v>
                </c:pt>
                <c:pt idx="1985">
                  <c:v>33.016666999999998</c:v>
                </c:pt>
                <c:pt idx="1986">
                  <c:v>33.033332999999999</c:v>
                </c:pt>
                <c:pt idx="1987">
                  <c:v>33.049999999999997</c:v>
                </c:pt>
                <c:pt idx="1988">
                  <c:v>33.06666700000001</c:v>
                </c:pt>
                <c:pt idx="1989">
                  <c:v>33.083332999999996</c:v>
                </c:pt>
                <c:pt idx="1990">
                  <c:v>33.100000000000009</c:v>
                </c:pt>
                <c:pt idx="1991">
                  <c:v>33.116667000000007</c:v>
                </c:pt>
                <c:pt idx="1992">
                  <c:v>33.133333000000007</c:v>
                </c:pt>
                <c:pt idx="1993">
                  <c:v>33.150000000000006</c:v>
                </c:pt>
                <c:pt idx="1994">
                  <c:v>33.166667000000004</c:v>
                </c:pt>
                <c:pt idx="1995">
                  <c:v>33.183333000000005</c:v>
                </c:pt>
                <c:pt idx="1996">
                  <c:v>33.200000000000003</c:v>
                </c:pt>
                <c:pt idx="1997">
                  <c:v>33.216667000000001</c:v>
                </c:pt>
                <c:pt idx="1998">
                  <c:v>33.233333000000002</c:v>
                </c:pt>
                <c:pt idx="1999">
                  <c:v>33.25</c:v>
                </c:pt>
                <c:pt idx="2000">
                  <c:v>33.266666999999998</c:v>
                </c:pt>
                <c:pt idx="2001">
                  <c:v>33.283332999999999</c:v>
                </c:pt>
                <c:pt idx="2002">
                  <c:v>33.299999999999997</c:v>
                </c:pt>
                <c:pt idx="2003">
                  <c:v>33.31666700000001</c:v>
                </c:pt>
                <c:pt idx="2004">
                  <c:v>33.333332999999996</c:v>
                </c:pt>
                <c:pt idx="2005">
                  <c:v>33.350000000000009</c:v>
                </c:pt>
                <c:pt idx="2006">
                  <c:v>33.366667000000007</c:v>
                </c:pt>
                <c:pt idx="2007">
                  <c:v>33.383333000000007</c:v>
                </c:pt>
                <c:pt idx="2008">
                  <c:v>33.400000000000006</c:v>
                </c:pt>
                <c:pt idx="2009">
                  <c:v>33.416667000000004</c:v>
                </c:pt>
                <c:pt idx="2010">
                  <c:v>33.433333000000005</c:v>
                </c:pt>
                <c:pt idx="2011">
                  <c:v>33.450000000000003</c:v>
                </c:pt>
                <c:pt idx="2012">
                  <c:v>33.466667000000001</c:v>
                </c:pt>
                <c:pt idx="2013">
                  <c:v>33.483333000000002</c:v>
                </c:pt>
                <c:pt idx="2014">
                  <c:v>33.5</c:v>
                </c:pt>
                <c:pt idx="2015">
                  <c:v>33.516666999999998</c:v>
                </c:pt>
                <c:pt idx="2016">
                  <c:v>33.533332999999999</c:v>
                </c:pt>
                <c:pt idx="2017">
                  <c:v>33.549999999999997</c:v>
                </c:pt>
                <c:pt idx="2018">
                  <c:v>33.56666700000001</c:v>
                </c:pt>
                <c:pt idx="2019">
                  <c:v>33.583332999999996</c:v>
                </c:pt>
                <c:pt idx="2020">
                  <c:v>33.600000000000009</c:v>
                </c:pt>
                <c:pt idx="2021">
                  <c:v>33.616667000000007</c:v>
                </c:pt>
                <c:pt idx="2022">
                  <c:v>33.633333000000007</c:v>
                </c:pt>
                <c:pt idx="2023">
                  <c:v>33.650000000000006</c:v>
                </c:pt>
                <c:pt idx="2024">
                  <c:v>33.666667000000004</c:v>
                </c:pt>
                <c:pt idx="2025">
                  <c:v>33.683333000000005</c:v>
                </c:pt>
                <c:pt idx="2026">
                  <c:v>33.700000000000003</c:v>
                </c:pt>
                <c:pt idx="2027">
                  <c:v>33.716667000000001</c:v>
                </c:pt>
                <c:pt idx="2028">
                  <c:v>33.733333000000002</c:v>
                </c:pt>
                <c:pt idx="2029">
                  <c:v>33.75</c:v>
                </c:pt>
                <c:pt idx="2030">
                  <c:v>33.766666999999998</c:v>
                </c:pt>
                <c:pt idx="2031">
                  <c:v>33.783332999999999</c:v>
                </c:pt>
                <c:pt idx="2032">
                  <c:v>33.799999999999997</c:v>
                </c:pt>
                <c:pt idx="2033">
                  <c:v>33.81666700000001</c:v>
                </c:pt>
                <c:pt idx="2034">
                  <c:v>33.833332999999996</c:v>
                </c:pt>
                <c:pt idx="2035">
                  <c:v>33.850000000000009</c:v>
                </c:pt>
                <c:pt idx="2036">
                  <c:v>33.866667000000007</c:v>
                </c:pt>
                <c:pt idx="2037">
                  <c:v>33.883333000000007</c:v>
                </c:pt>
                <c:pt idx="2038">
                  <c:v>33.900000000000006</c:v>
                </c:pt>
                <c:pt idx="2039">
                  <c:v>33.916667000000004</c:v>
                </c:pt>
                <c:pt idx="2040">
                  <c:v>33.933333000000005</c:v>
                </c:pt>
                <c:pt idx="2041">
                  <c:v>33.950000000000003</c:v>
                </c:pt>
                <c:pt idx="2042">
                  <c:v>33.966667000000001</c:v>
                </c:pt>
                <c:pt idx="2043">
                  <c:v>33.983333000000002</c:v>
                </c:pt>
                <c:pt idx="2044">
                  <c:v>34</c:v>
                </c:pt>
                <c:pt idx="2045">
                  <c:v>34.016666999999998</c:v>
                </c:pt>
                <c:pt idx="2046">
                  <c:v>34.033332999999999</c:v>
                </c:pt>
                <c:pt idx="2047">
                  <c:v>34.049999999999997</c:v>
                </c:pt>
                <c:pt idx="2048">
                  <c:v>34.06666700000001</c:v>
                </c:pt>
                <c:pt idx="2049">
                  <c:v>34.083332999999996</c:v>
                </c:pt>
                <c:pt idx="2050">
                  <c:v>34.100000000000009</c:v>
                </c:pt>
                <c:pt idx="2051">
                  <c:v>34.116667000000007</c:v>
                </c:pt>
                <c:pt idx="2052">
                  <c:v>34.133333000000007</c:v>
                </c:pt>
                <c:pt idx="2053">
                  <c:v>34.150000000000006</c:v>
                </c:pt>
                <c:pt idx="2054">
                  <c:v>34.166667000000004</c:v>
                </c:pt>
                <c:pt idx="2055">
                  <c:v>34.183333000000005</c:v>
                </c:pt>
                <c:pt idx="2056">
                  <c:v>34.200000000000003</c:v>
                </c:pt>
                <c:pt idx="2057">
                  <c:v>34.216667000000001</c:v>
                </c:pt>
                <c:pt idx="2058">
                  <c:v>34.233333000000002</c:v>
                </c:pt>
                <c:pt idx="2059">
                  <c:v>34.25</c:v>
                </c:pt>
                <c:pt idx="2060">
                  <c:v>34.266666999999998</c:v>
                </c:pt>
                <c:pt idx="2061">
                  <c:v>34.283332999999999</c:v>
                </c:pt>
                <c:pt idx="2062">
                  <c:v>34.299999999999997</c:v>
                </c:pt>
                <c:pt idx="2063">
                  <c:v>34.31666700000001</c:v>
                </c:pt>
                <c:pt idx="2064">
                  <c:v>34.333332999999996</c:v>
                </c:pt>
                <c:pt idx="2065">
                  <c:v>34.350000000000009</c:v>
                </c:pt>
                <c:pt idx="2066">
                  <c:v>34.366667000000007</c:v>
                </c:pt>
                <c:pt idx="2067">
                  <c:v>34.383333000000007</c:v>
                </c:pt>
                <c:pt idx="2068">
                  <c:v>34.400000000000006</c:v>
                </c:pt>
                <c:pt idx="2069">
                  <c:v>34.416667000000004</c:v>
                </c:pt>
                <c:pt idx="2070">
                  <c:v>34.433333000000005</c:v>
                </c:pt>
                <c:pt idx="2071">
                  <c:v>34.450000000000003</c:v>
                </c:pt>
                <c:pt idx="2072">
                  <c:v>34.466667000000001</c:v>
                </c:pt>
                <c:pt idx="2073">
                  <c:v>34.483333000000002</c:v>
                </c:pt>
                <c:pt idx="2074">
                  <c:v>34.5</c:v>
                </c:pt>
                <c:pt idx="2075">
                  <c:v>34.516666999999998</c:v>
                </c:pt>
                <c:pt idx="2076">
                  <c:v>34.533332999999999</c:v>
                </c:pt>
                <c:pt idx="2077">
                  <c:v>34.549999999999997</c:v>
                </c:pt>
                <c:pt idx="2078">
                  <c:v>34.56666700000001</c:v>
                </c:pt>
                <c:pt idx="2079">
                  <c:v>34.583332999999996</c:v>
                </c:pt>
                <c:pt idx="2080">
                  <c:v>34.600000000000009</c:v>
                </c:pt>
                <c:pt idx="2081">
                  <c:v>34.616667000000007</c:v>
                </c:pt>
                <c:pt idx="2082">
                  <c:v>34.633333000000007</c:v>
                </c:pt>
                <c:pt idx="2083">
                  <c:v>34.650000000000006</c:v>
                </c:pt>
                <c:pt idx="2084">
                  <c:v>34.666667000000004</c:v>
                </c:pt>
                <c:pt idx="2085">
                  <c:v>34.683333000000005</c:v>
                </c:pt>
                <c:pt idx="2086">
                  <c:v>34.700000000000003</c:v>
                </c:pt>
                <c:pt idx="2087">
                  <c:v>34.716667000000001</c:v>
                </c:pt>
                <c:pt idx="2088">
                  <c:v>34.733333000000002</c:v>
                </c:pt>
                <c:pt idx="2089">
                  <c:v>34.75</c:v>
                </c:pt>
                <c:pt idx="2090">
                  <c:v>34.766666999999998</c:v>
                </c:pt>
                <c:pt idx="2091">
                  <c:v>34.783332999999999</c:v>
                </c:pt>
                <c:pt idx="2092">
                  <c:v>34.799999999999997</c:v>
                </c:pt>
                <c:pt idx="2093">
                  <c:v>34.81666700000001</c:v>
                </c:pt>
                <c:pt idx="2094">
                  <c:v>34.833332999999996</c:v>
                </c:pt>
                <c:pt idx="2095">
                  <c:v>34.850000000000009</c:v>
                </c:pt>
                <c:pt idx="2096">
                  <c:v>34.866667000000007</c:v>
                </c:pt>
                <c:pt idx="2097">
                  <c:v>34.883333000000007</c:v>
                </c:pt>
                <c:pt idx="2098">
                  <c:v>34.900000000000006</c:v>
                </c:pt>
                <c:pt idx="2099">
                  <c:v>34.916667000000004</c:v>
                </c:pt>
                <c:pt idx="2100">
                  <c:v>34.933333000000005</c:v>
                </c:pt>
                <c:pt idx="2101">
                  <c:v>34.950000000000003</c:v>
                </c:pt>
                <c:pt idx="2102">
                  <c:v>34.966667000000001</c:v>
                </c:pt>
                <c:pt idx="2103">
                  <c:v>34.983333000000002</c:v>
                </c:pt>
                <c:pt idx="2104">
                  <c:v>35</c:v>
                </c:pt>
                <c:pt idx="2105">
                  <c:v>35.016666999999998</c:v>
                </c:pt>
                <c:pt idx="2106">
                  <c:v>35.033332999999999</c:v>
                </c:pt>
                <c:pt idx="2107">
                  <c:v>35.049999999999997</c:v>
                </c:pt>
                <c:pt idx="2108">
                  <c:v>35.06666700000001</c:v>
                </c:pt>
                <c:pt idx="2109">
                  <c:v>35.083332999999996</c:v>
                </c:pt>
                <c:pt idx="2110">
                  <c:v>35.100000000000009</c:v>
                </c:pt>
                <c:pt idx="2111">
                  <c:v>35.116667000000007</c:v>
                </c:pt>
                <c:pt idx="2112">
                  <c:v>35.133333000000007</c:v>
                </c:pt>
                <c:pt idx="2113">
                  <c:v>35.150000000000006</c:v>
                </c:pt>
                <c:pt idx="2114">
                  <c:v>35.166667000000004</c:v>
                </c:pt>
                <c:pt idx="2115">
                  <c:v>35.183333000000005</c:v>
                </c:pt>
                <c:pt idx="2116">
                  <c:v>35.200000000000003</c:v>
                </c:pt>
                <c:pt idx="2117">
                  <c:v>35.216667000000001</c:v>
                </c:pt>
                <c:pt idx="2118">
                  <c:v>35.233333000000002</c:v>
                </c:pt>
                <c:pt idx="2119">
                  <c:v>35.25</c:v>
                </c:pt>
                <c:pt idx="2120">
                  <c:v>35.266666999999998</c:v>
                </c:pt>
                <c:pt idx="2121">
                  <c:v>35.283332999999999</c:v>
                </c:pt>
                <c:pt idx="2122">
                  <c:v>35.299999999999997</c:v>
                </c:pt>
                <c:pt idx="2123">
                  <c:v>35.31666700000001</c:v>
                </c:pt>
                <c:pt idx="2124">
                  <c:v>35.333332999999996</c:v>
                </c:pt>
                <c:pt idx="2125">
                  <c:v>35.350000000000009</c:v>
                </c:pt>
                <c:pt idx="2126">
                  <c:v>35.366667000000007</c:v>
                </c:pt>
                <c:pt idx="2127">
                  <c:v>35.383333000000007</c:v>
                </c:pt>
                <c:pt idx="2128">
                  <c:v>35.400000000000006</c:v>
                </c:pt>
                <c:pt idx="2129">
                  <c:v>35.416667000000004</c:v>
                </c:pt>
                <c:pt idx="2130">
                  <c:v>35.433333000000005</c:v>
                </c:pt>
                <c:pt idx="2131">
                  <c:v>35.450000000000003</c:v>
                </c:pt>
                <c:pt idx="2132">
                  <c:v>35.466667000000001</c:v>
                </c:pt>
                <c:pt idx="2133">
                  <c:v>35.483333000000002</c:v>
                </c:pt>
                <c:pt idx="2134">
                  <c:v>35.5</c:v>
                </c:pt>
                <c:pt idx="2135">
                  <c:v>35.516666999999998</c:v>
                </c:pt>
                <c:pt idx="2136">
                  <c:v>35.533332999999999</c:v>
                </c:pt>
                <c:pt idx="2137">
                  <c:v>35.549999999999997</c:v>
                </c:pt>
                <c:pt idx="2138">
                  <c:v>35.56666700000001</c:v>
                </c:pt>
                <c:pt idx="2139">
                  <c:v>35.583332999999996</c:v>
                </c:pt>
                <c:pt idx="2140">
                  <c:v>35.600000000000009</c:v>
                </c:pt>
                <c:pt idx="2141">
                  <c:v>35.616667000000007</c:v>
                </c:pt>
                <c:pt idx="2142">
                  <c:v>35.633333000000007</c:v>
                </c:pt>
                <c:pt idx="2143">
                  <c:v>35.650000000000006</c:v>
                </c:pt>
                <c:pt idx="2144">
                  <c:v>35.666667000000004</c:v>
                </c:pt>
                <c:pt idx="2145">
                  <c:v>35.683333000000005</c:v>
                </c:pt>
                <c:pt idx="2146">
                  <c:v>35.700000000000003</c:v>
                </c:pt>
                <c:pt idx="2147">
                  <c:v>35.716667000000001</c:v>
                </c:pt>
                <c:pt idx="2148">
                  <c:v>35.733333000000002</c:v>
                </c:pt>
                <c:pt idx="2149">
                  <c:v>35.75</c:v>
                </c:pt>
                <c:pt idx="2150">
                  <c:v>35.766666999999998</c:v>
                </c:pt>
                <c:pt idx="2151">
                  <c:v>35.783332999999999</c:v>
                </c:pt>
                <c:pt idx="2152">
                  <c:v>35.799999999999997</c:v>
                </c:pt>
                <c:pt idx="2153">
                  <c:v>35.81666700000001</c:v>
                </c:pt>
                <c:pt idx="2154">
                  <c:v>35.833332999999996</c:v>
                </c:pt>
                <c:pt idx="2155">
                  <c:v>35.850000000000009</c:v>
                </c:pt>
                <c:pt idx="2156">
                  <c:v>35.866667000000007</c:v>
                </c:pt>
                <c:pt idx="2157">
                  <c:v>35.883333000000007</c:v>
                </c:pt>
                <c:pt idx="2158">
                  <c:v>35.900000000000006</c:v>
                </c:pt>
                <c:pt idx="2159">
                  <c:v>35.916667000000004</c:v>
                </c:pt>
                <c:pt idx="2160">
                  <c:v>35.933333000000005</c:v>
                </c:pt>
                <c:pt idx="2161">
                  <c:v>35.950000000000003</c:v>
                </c:pt>
                <c:pt idx="2162">
                  <c:v>35.966667000000001</c:v>
                </c:pt>
                <c:pt idx="2163">
                  <c:v>35.983333000000002</c:v>
                </c:pt>
                <c:pt idx="2164">
                  <c:v>36</c:v>
                </c:pt>
                <c:pt idx="2165">
                  <c:v>36.016666999999998</c:v>
                </c:pt>
                <c:pt idx="2166">
                  <c:v>36.033332999999999</c:v>
                </c:pt>
                <c:pt idx="2167">
                  <c:v>36.049999999999997</c:v>
                </c:pt>
                <c:pt idx="2168">
                  <c:v>36.06666700000001</c:v>
                </c:pt>
                <c:pt idx="2169">
                  <c:v>36.083332999999996</c:v>
                </c:pt>
                <c:pt idx="2170">
                  <c:v>36.100000000000009</c:v>
                </c:pt>
                <c:pt idx="2171">
                  <c:v>36.116667000000007</c:v>
                </c:pt>
                <c:pt idx="2172">
                  <c:v>36.133333000000007</c:v>
                </c:pt>
                <c:pt idx="2173">
                  <c:v>36.150000000000006</c:v>
                </c:pt>
                <c:pt idx="2174">
                  <c:v>36.166667000000004</c:v>
                </c:pt>
                <c:pt idx="2175">
                  <c:v>36.183333000000005</c:v>
                </c:pt>
                <c:pt idx="2176">
                  <c:v>36.200000000000003</c:v>
                </c:pt>
                <c:pt idx="2177">
                  <c:v>36.216667000000001</c:v>
                </c:pt>
                <c:pt idx="2178">
                  <c:v>36.233333000000002</c:v>
                </c:pt>
                <c:pt idx="2179">
                  <c:v>36.25</c:v>
                </c:pt>
                <c:pt idx="2180">
                  <c:v>36.266666999999998</c:v>
                </c:pt>
                <c:pt idx="2181">
                  <c:v>36.283332999999999</c:v>
                </c:pt>
                <c:pt idx="2182">
                  <c:v>36.299999999999997</c:v>
                </c:pt>
                <c:pt idx="2183">
                  <c:v>36.31666700000001</c:v>
                </c:pt>
                <c:pt idx="2184">
                  <c:v>36.333332999999996</c:v>
                </c:pt>
                <c:pt idx="2185">
                  <c:v>36.350000000000009</c:v>
                </c:pt>
                <c:pt idx="2186">
                  <c:v>36.366667000000007</c:v>
                </c:pt>
                <c:pt idx="2187">
                  <c:v>36.383333000000007</c:v>
                </c:pt>
                <c:pt idx="2188">
                  <c:v>36.400000000000006</c:v>
                </c:pt>
                <c:pt idx="2189">
                  <c:v>36.416667000000004</c:v>
                </c:pt>
                <c:pt idx="2190">
                  <c:v>36.433333000000005</c:v>
                </c:pt>
                <c:pt idx="2191">
                  <c:v>36.450000000000003</c:v>
                </c:pt>
                <c:pt idx="2192">
                  <c:v>36.466667000000001</c:v>
                </c:pt>
                <c:pt idx="2193">
                  <c:v>36.483333000000002</c:v>
                </c:pt>
                <c:pt idx="2194">
                  <c:v>36.5</c:v>
                </c:pt>
                <c:pt idx="2195">
                  <c:v>36.516666999999998</c:v>
                </c:pt>
                <c:pt idx="2196">
                  <c:v>36.533332999999999</c:v>
                </c:pt>
                <c:pt idx="2197">
                  <c:v>36.549999999999997</c:v>
                </c:pt>
                <c:pt idx="2198">
                  <c:v>36.56666700000001</c:v>
                </c:pt>
                <c:pt idx="2199">
                  <c:v>36.583332999999996</c:v>
                </c:pt>
                <c:pt idx="2200">
                  <c:v>36.600000000000009</c:v>
                </c:pt>
                <c:pt idx="2201">
                  <c:v>36.616667000000007</c:v>
                </c:pt>
                <c:pt idx="2202">
                  <c:v>36.633333000000007</c:v>
                </c:pt>
                <c:pt idx="2203">
                  <c:v>36.650000000000006</c:v>
                </c:pt>
                <c:pt idx="2204">
                  <c:v>36.666667000000004</c:v>
                </c:pt>
                <c:pt idx="2205">
                  <c:v>36.683333000000005</c:v>
                </c:pt>
                <c:pt idx="2206">
                  <c:v>36.700000000000003</c:v>
                </c:pt>
                <c:pt idx="2207">
                  <c:v>36.716667000000001</c:v>
                </c:pt>
                <c:pt idx="2208">
                  <c:v>36.733333000000002</c:v>
                </c:pt>
                <c:pt idx="2209">
                  <c:v>36.75</c:v>
                </c:pt>
                <c:pt idx="2210">
                  <c:v>36.766666999999998</c:v>
                </c:pt>
                <c:pt idx="2211">
                  <c:v>36.783332999999999</c:v>
                </c:pt>
                <c:pt idx="2212">
                  <c:v>36.799999999999997</c:v>
                </c:pt>
                <c:pt idx="2213">
                  <c:v>36.81666700000001</c:v>
                </c:pt>
                <c:pt idx="2214">
                  <c:v>36.833332999999996</c:v>
                </c:pt>
                <c:pt idx="2215">
                  <c:v>36.850000000000009</c:v>
                </c:pt>
                <c:pt idx="2216">
                  <c:v>36.866667000000007</c:v>
                </c:pt>
                <c:pt idx="2217">
                  <c:v>36.883333000000007</c:v>
                </c:pt>
                <c:pt idx="2218">
                  <c:v>36.900000000000006</c:v>
                </c:pt>
                <c:pt idx="2219">
                  <c:v>36.916667000000004</c:v>
                </c:pt>
                <c:pt idx="2220">
                  <c:v>36.933333000000005</c:v>
                </c:pt>
                <c:pt idx="2221">
                  <c:v>36.950000000000003</c:v>
                </c:pt>
                <c:pt idx="2222">
                  <c:v>36.966667000000001</c:v>
                </c:pt>
                <c:pt idx="2223">
                  <c:v>36.983333000000002</c:v>
                </c:pt>
                <c:pt idx="2224">
                  <c:v>37</c:v>
                </c:pt>
                <c:pt idx="2225">
                  <c:v>37.016666999999998</c:v>
                </c:pt>
                <c:pt idx="2226">
                  <c:v>37.033332999999999</c:v>
                </c:pt>
                <c:pt idx="2227">
                  <c:v>37.049999999999997</c:v>
                </c:pt>
                <c:pt idx="2228">
                  <c:v>37.06666700000001</c:v>
                </c:pt>
                <c:pt idx="2229">
                  <c:v>37.083332999999996</c:v>
                </c:pt>
                <c:pt idx="2230">
                  <c:v>37.100000000000009</c:v>
                </c:pt>
                <c:pt idx="2231">
                  <c:v>37.116667000000007</c:v>
                </c:pt>
                <c:pt idx="2232">
                  <c:v>37.133333000000007</c:v>
                </c:pt>
                <c:pt idx="2233">
                  <c:v>37.150000000000006</c:v>
                </c:pt>
                <c:pt idx="2234">
                  <c:v>37.166667000000004</c:v>
                </c:pt>
                <c:pt idx="2235">
                  <c:v>37.183333000000005</c:v>
                </c:pt>
                <c:pt idx="2236">
                  <c:v>37.200000000000003</c:v>
                </c:pt>
                <c:pt idx="2237">
                  <c:v>37.216667000000001</c:v>
                </c:pt>
                <c:pt idx="2238">
                  <c:v>37.233333000000002</c:v>
                </c:pt>
                <c:pt idx="2239">
                  <c:v>37.25</c:v>
                </c:pt>
                <c:pt idx="2240">
                  <c:v>37.266666999999998</c:v>
                </c:pt>
                <c:pt idx="2241">
                  <c:v>37.283332999999999</c:v>
                </c:pt>
                <c:pt idx="2242">
                  <c:v>37.299999999999997</c:v>
                </c:pt>
                <c:pt idx="2243">
                  <c:v>37.31666700000001</c:v>
                </c:pt>
                <c:pt idx="2244">
                  <c:v>37.333332999999996</c:v>
                </c:pt>
                <c:pt idx="2245">
                  <c:v>37.350000000000009</c:v>
                </c:pt>
                <c:pt idx="2246">
                  <c:v>37.366667000000007</c:v>
                </c:pt>
                <c:pt idx="2247">
                  <c:v>37.383333000000007</c:v>
                </c:pt>
                <c:pt idx="2248">
                  <c:v>37.400000000000006</c:v>
                </c:pt>
                <c:pt idx="2249">
                  <c:v>37.416667000000004</c:v>
                </c:pt>
                <c:pt idx="2250">
                  <c:v>37.433333000000005</c:v>
                </c:pt>
                <c:pt idx="2251">
                  <c:v>37.450000000000003</c:v>
                </c:pt>
                <c:pt idx="2252">
                  <c:v>37.466667000000001</c:v>
                </c:pt>
                <c:pt idx="2253">
                  <c:v>37.483333000000002</c:v>
                </c:pt>
                <c:pt idx="2254">
                  <c:v>37.5</c:v>
                </c:pt>
                <c:pt idx="2255">
                  <c:v>37.516666999999998</c:v>
                </c:pt>
                <c:pt idx="2256">
                  <c:v>37.533332999999999</c:v>
                </c:pt>
                <c:pt idx="2257">
                  <c:v>37.549999999999997</c:v>
                </c:pt>
                <c:pt idx="2258">
                  <c:v>37.56666700000001</c:v>
                </c:pt>
                <c:pt idx="2259">
                  <c:v>37.583332999999996</c:v>
                </c:pt>
                <c:pt idx="2260">
                  <c:v>37.600000000000009</c:v>
                </c:pt>
                <c:pt idx="2261">
                  <c:v>37.616667000000007</c:v>
                </c:pt>
                <c:pt idx="2262">
                  <c:v>37.633333000000007</c:v>
                </c:pt>
                <c:pt idx="2263">
                  <c:v>37.650000000000006</c:v>
                </c:pt>
                <c:pt idx="2264">
                  <c:v>37.666667000000004</c:v>
                </c:pt>
                <c:pt idx="2265">
                  <c:v>37.683333000000005</c:v>
                </c:pt>
                <c:pt idx="2266">
                  <c:v>37.700000000000003</c:v>
                </c:pt>
                <c:pt idx="2267">
                  <c:v>37.716667000000001</c:v>
                </c:pt>
                <c:pt idx="2268">
                  <c:v>37.733333000000002</c:v>
                </c:pt>
                <c:pt idx="2269">
                  <c:v>37.75</c:v>
                </c:pt>
                <c:pt idx="2270">
                  <c:v>37.766666999999998</c:v>
                </c:pt>
                <c:pt idx="2271">
                  <c:v>37.783332999999999</c:v>
                </c:pt>
                <c:pt idx="2272">
                  <c:v>37.799999999999997</c:v>
                </c:pt>
                <c:pt idx="2273">
                  <c:v>37.81666700000001</c:v>
                </c:pt>
                <c:pt idx="2274">
                  <c:v>37.833332999999996</c:v>
                </c:pt>
                <c:pt idx="2275">
                  <c:v>37.850000000000009</c:v>
                </c:pt>
                <c:pt idx="2276">
                  <c:v>37.866667000000007</c:v>
                </c:pt>
                <c:pt idx="2277">
                  <c:v>37.883333000000007</c:v>
                </c:pt>
                <c:pt idx="2278">
                  <c:v>37.900000000000006</c:v>
                </c:pt>
                <c:pt idx="2279">
                  <c:v>37.916667000000004</c:v>
                </c:pt>
                <c:pt idx="2280">
                  <c:v>37.933333000000005</c:v>
                </c:pt>
                <c:pt idx="2281">
                  <c:v>37.950000000000003</c:v>
                </c:pt>
                <c:pt idx="2282">
                  <c:v>37.966667000000001</c:v>
                </c:pt>
                <c:pt idx="2283">
                  <c:v>37.983333000000002</c:v>
                </c:pt>
                <c:pt idx="2284">
                  <c:v>38</c:v>
                </c:pt>
                <c:pt idx="2285">
                  <c:v>38.016666999999998</c:v>
                </c:pt>
                <c:pt idx="2286">
                  <c:v>38.033332999999999</c:v>
                </c:pt>
                <c:pt idx="2287">
                  <c:v>38.049999999999997</c:v>
                </c:pt>
                <c:pt idx="2288">
                  <c:v>38.06666700000001</c:v>
                </c:pt>
                <c:pt idx="2289">
                  <c:v>38.083332999999996</c:v>
                </c:pt>
                <c:pt idx="2290">
                  <c:v>38.100000000000009</c:v>
                </c:pt>
                <c:pt idx="2291">
                  <c:v>38.116667000000007</c:v>
                </c:pt>
                <c:pt idx="2292">
                  <c:v>38.133333000000007</c:v>
                </c:pt>
                <c:pt idx="2293">
                  <c:v>38.150000000000006</c:v>
                </c:pt>
                <c:pt idx="2294">
                  <c:v>38.166667000000004</c:v>
                </c:pt>
                <c:pt idx="2295">
                  <c:v>38.183333000000005</c:v>
                </c:pt>
                <c:pt idx="2296">
                  <c:v>38.200000000000003</c:v>
                </c:pt>
                <c:pt idx="2297">
                  <c:v>38.216667000000001</c:v>
                </c:pt>
                <c:pt idx="2298">
                  <c:v>38.233333000000002</c:v>
                </c:pt>
                <c:pt idx="2299">
                  <c:v>38.25</c:v>
                </c:pt>
                <c:pt idx="2300">
                  <c:v>38.266666999999998</c:v>
                </c:pt>
                <c:pt idx="2301">
                  <c:v>38.283332999999999</c:v>
                </c:pt>
                <c:pt idx="2302">
                  <c:v>38.299999999999997</c:v>
                </c:pt>
                <c:pt idx="2303">
                  <c:v>38.31666700000001</c:v>
                </c:pt>
                <c:pt idx="2304">
                  <c:v>38.333332999999996</c:v>
                </c:pt>
                <c:pt idx="2305">
                  <c:v>38.350000000000009</c:v>
                </c:pt>
                <c:pt idx="2306">
                  <c:v>38.366667000000007</c:v>
                </c:pt>
                <c:pt idx="2307">
                  <c:v>38.383333000000007</c:v>
                </c:pt>
                <c:pt idx="2308">
                  <c:v>38.400000000000006</c:v>
                </c:pt>
                <c:pt idx="2309">
                  <c:v>38.416667000000004</c:v>
                </c:pt>
                <c:pt idx="2310">
                  <c:v>38.433333000000005</c:v>
                </c:pt>
                <c:pt idx="2311">
                  <c:v>38.450000000000003</c:v>
                </c:pt>
                <c:pt idx="2312">
                  <c:v>38.466667000000001</c:v>
                </c:pt>
                <c:pt idx="2313">
                  <c:v>38.483333000000002</c:v>
                </c:pt>
                <c:pt idx="2314">
                  <c:v>38.5</c:v>
                </c:pt>
                <c:pt idx="2315">
                  <c:v>38.516666999999998</c:v>
                </c:pt>
                <c:pt idx="2316">
                  <c:v>38.533332999999999</c:v>
                </c:pt>
                <c:pt idx="2317">
                  <c:v>38.549999999999997</c:v>
                </c:pt>
                <c:pt idx="2318">
                  <c:v>38.56666700000001</c:v>
                </c:pt>
                <c:pt idx="2319">
                  <c:v>38.583332999999996</c:v>
                </c:pt>
                <c:pt idx="2320">
                  <c:v>38.600000000000009</c:v>
                </c:pt>
                <c:pt idx="2321">
                  <c:v>38.616667000000007</c:v>
                </c:pt>
                <c:pt idx="2322">
                  <c:v>38.633333000000007</c:v>
                </c:pt>
                <c:pt idx="2323">
                  <c:v>38.650000000000006</c:v>
                </c:pt>
                <c:pt idx="2324">
                  <c:v>38.666667000000004</c:v>
                </c:pt>
                <c:pt idx="2325">
                  <c:v>38.683333000000005</c:v>
                </c:pt>
                <c:pt idx="2326">
                  <c:v>38.700000000000003</c:v>
                </c:pt>
                <c:pt idx="2327">
                  <c:v>38.716667000000001</c:v>
                </c:pt>
                <c:pt idx="2328">
                  <c:v>38.733333000000002</c:v>
                </c:pt>
                <c:pt idx="2329">
                  <c:v>38.75</c:v>
                </c:pt>
                <c:pt idx="2330">
                  <c:v>38.766666999999998</c:v>
                </c:pt>
                <c:pt idx="2331">
                  <c:v>38.783332999999999</c:v>
                </c:pt>
                <c:pt idx="2332">
                  <c:v>38.799999999999997</c:v>
                </c:pt>
                <c:pt idx="2333">
                  <c:v>38.81666700000001</c:v>
                </c:pt>
                <c:pt idx="2334">
                  <c:v>38.833332999999996</c:v>
                </c:pt>
                <c:pt idx="2335">
                  <c:v>38.850000000000009</c:v>
                </c:pt>
                <c:pt idx="2336">
                  <c:v>38.866667000000007</c:v>
                </c:pt>
                <c:pt idx="2337">
                  <c:v>38.883333000000007</c:v>
                </c:pt>
                <c:pt idx="2338">
                  <c:v>38.900000000000006</c:v>
                </c:pt>
                <c:pt idx="2339">
                  <c:v>38.916667000000004</c:v>
                </c:pt>
                <c:pt idx="2340">
                  <c:v>38.933333000000005</c:v>
                </c:pt>
                <c:pt idx="2341">
                  <c:v>38.950000000000003</c:v>
                </c:pt>
                <c:pt idx="2342">
                  <c:v>38.966667000000001</c:v>
                </c:pt>
                <c:pt idx="2343">
                  <c:v>38.983333000000002</c:v>
                </c:pt>
                <c:pt idx="2344">
                  <c:v>39</c:v>
                </c:pt>
                <c:pt idx="2345">
                  <c:v>39.016666999999998</c:v>
                </c:pt>
                <c:pt idx="2346">
                  <c:v>39.033332999999999</c:v>
                </c:pt>
                <c:pt idx="2347">
                  <c:v>39.049999999999997</c:v>
                </c:pt>
                <c:pt idx="2348">
                  <c:v>39.06666700000001</c:v>
                </c:pt>
                <c:pt idx="2349">
                  <c:v>39.083332999999996</c:v>
                </c:pt>
                <c:pt idx="2350">
                  <c:v>39.100000000000009</c:v>
                </c:pt>
                <c:pt idx="2351">
                  <c:v>39.116667000000007</c:v>
                </c:pt>
                <c:pt idx="2352">
                  <c:v>39.133333000000007</c:v>
                </c:pt>
                <c:pt idx="2353">
                  <c:v>39.150000000000006</c:v>
                </c:pt>
                <c:pt idx="2354">
                  <c:v>39.166667000000004</c:v>
                </c:pt>
                <c:pt idx="2355">
                  <c:v>39.183333000000005</c:v>
                </c:pt>
                <c:pt idx="2356">
                  <c:v>39.200000000000003</c:v>
                </c:pt>
                <c:pt idx="2357">
                  <c:v>39.216667000000001</c:v>
                </c:pt>
                <c:pt idx="2358">
                  <c:v>39.233333000000002</c:v>
                </c:pt>
                <c:pt idx="2359">
                  <c:v>39.25</c:v>
                </c:pt>
                <c:pt idx="2360">
                  <c:v>39.266666999999998</c:v>
                </c:pt>
                <c:pt idx="2361">
                  <c:v>39.283332999999999</c:v>
                </c:pt>
                <c:pt idx="2362">
                  <c:v>39.299999999999997</c:v>
                </c:pt>
                <c:pt idx="2363">
                  <c:v>39.31666700000001</c:v>
                </c:pt>
                <c:pt idx="2364">
                  <c:v>39.333332999999996</c:v>
                </c:pt>
                <c:pt idx="2365">
                  <c:v>39.350000000000009</c:v>
                </c:pt>
                <c:pt idx="2366">
                  <c:v>39.366667000000007</c:v>
                </c:pt>
                <c:pt idx="2367">
                  <c:v>39.383333000000007</c:v>
                </c:pt>
                <c:pt idx="2368">
                  <c:v>39.400000000000006</c:v>
                </c:pt>
                <c:pt idx="2369">
                  <c:v>39.416667000000004</c:v>
                </c:pt>
                <c:pt idx="2370">
                  <c:v>39.433333000000005</c:v>
                </c:pt>
                <c:pt idx="2371">
                  <c:v>39.450000000000003</c:v>
                </c:pt>
                <c:pt idx="2372">
                  <c:v>39.466667000000001</c:v>
                </c:pt>
                <c:pt idx="2373">
                  <c:v>39.483333000000002</c:v>
                </c:pt>
                <c:pt idx="2374">
                  <c:v>39.5</c:v>
                </c:pt>
                <c:pt idx="2375">
                  <c:v>39.516666999999998</c:v>
                </c:pt>
                <c:pt idx="2376">
                  <c:v>39.533332999999999</c:v>
                </c:pt>
                <c:pt idx="2377">
                  <c:v>39.549999999999997</c:v>
                </c:pt>
                <c:pt idx="2378">
                  <c:v>39.56666700000001</c:v>
                </c:pt>
                <c:pt idx="2379">
                  <c:v>39.583332999999996</c:v>
                </c:pt>
                <c:pt idx="2380">
                  <c:v>39.600000000000009</c:v>
                </c:pt>
                <c:pt idx="2381">
                  <c:v>39.616667000000007</c:v>
                </c:pt>
                <c:pt idx="2382">
                  <c:v>39.633333000000007</c:v>
                </c:pt>
                <c:pt idx="2383">
                  <c:v>39.650000000000006</c:v>
                </c:pt>
                <c:pt idx="2384">
                  <c:v>39.666667000000004</c:v>
                </c:pt>
                <c:pt idx="2385">
                  <c:v>39.683333000000005</c:v>
                </c:pt>
                <c:pt idx="2386">
                  <c:v>39.700000000000003</c:v>
                </c:pt>
                <c:pt idx="2387">
                  <c:v>39.716667000000001</c:v>
                </c:pt>
                <c:pt idx="2388">
                  <c:v>39.733333000000002</c:v>
                </c:pt>
                <c:pt idx="2389">
                  <c:v>39.75</c:v>
                </c:pt>
                <c:pt idx="2390">
                  <c:v>39.766666999999998</c:v>
                </c:pt>
                <c:pt idx="2391">
                  <c:v>39.783332999999999</c:v>
                </c:pt>
                <c:pt idx="2392">
                  <c:v>39.799999999999997</c:v>
                </c:pt>
                <c:pt idx="2393">
                  <c:v>39.81666700000001</c:v>
                </c:pt>
                <c:pt idx="2394">
                  <c:v>39.833332999999996</c:v>
                </c:pt>
                <c:pt idx="2395">
                  <c:v>39.850000000000009</c:v>
                </c:pt>
                <c:pt idx="2396">
                  <c:v>39.866667000000007</c:v>
                </c:pt>
                <c:pt idx="2397">
                  <c:v>39.883333000000007</c:v>
                </c:pt>
                <c:pt idx="2398">
                  <c:v>39.900000000000006</c:v>
                </c:pt>
                <c:pt idx="2399">
                  <c:v>39.916667000000004</c:v>
                </c:pt>
                <c:pt idx="2400">
                  <c:v>39.933333000000005</c:v>
                </c:pt>
                <c:pt idx="2401">
                  <c:v>39.950000000000003</c:v>
                </c:pt>
                <c:pt idx="2402">
                  <c:v>39.966667000000001</c:v>
                </c:pt>
                <c:pt idx="2403">
                  <c:v>39.983333000000002</c:v>
                </c:pt>
                <c:pt idx="2404">
                  <c:v>40</c:v>
                </c:pt>
                <c:pt idx="2405">
                  <c:v>40.016666999999998</c:v>
                </c:pt>
                <c:pt idx="2406">
                  <c:v>40.033332999999999</c:v>
                </c:pt>
                <c:pt idx="2407">
                  <c:v>40.049999999999997</c:v>
                </c:pt>
                <c:pt idx="2408">
                  <c:v>40.06666700000001</c:v>
                </c:pt>
                <c:pt idx="2409">
                  <c:v>40.083332999999996</c:v>
                </c:pt>
                <c:pt idx="2410">
                  <c:v>40.100000000000009</c:v>
                </c:pt>
                <c:pt idx="2411">
                  <c:v>40.116667000000007</c:v>
                </c:pt>
                <c:pt idx="2412">
                  <c:v>40.133333000000007</c:v>
                </c:pt>
                <c:pt idx="2413">
                  <c:v>40.150000000000006</c:v>
                </c:pt>
                <c:pt idx="2414">
                  <c:v>40.166667000000004</c:v>
                </c:pt>
                <c:pt idx="2415">
                  <c:v>40.183333000000005</c:v>
                </c:pt>
                <c:pt idx="2416">
                  <c:v>40.200000000000003</c:v>
                </c:pt>
                <c:pt idx="2417">
                  <c:v>40.216667000000001</c:v>
                </c:pt>
                <c:pt idx="2418">
                  <c:v>40.233333000000002</c:v>
                </c:pt>
                <c:pt idx="2419">
                  <c:v>40.25</c:v>
                </c:pt>
                <c:pt idx="2420">
                  <c:v>40.266666999999998</c:v>
                </c:pt>
                <c:pt idx="2421">
                  <c:v>40.283332999999999</c:v>
                </c:pt>
                <c:pt idx="2422">
                  <c:v>40.299999999999997</c:v>
                </c:pt>
                <c:pt idx="2423">
                  <c:v>40.31666700000001</c:v>
                </c:pt>
                <c:pt idx="2424">
                  <c:v>40.333332999999996</c:v>
                </c:pt>
                <c:pt idx="2425">
                  <c:v>40.350000000000009</c:v>
                </c:pt>
                <c:pt idx="2426">
                  <c:v>40.366667000000007</c:v>
                </c:pt>
                <c:pt idx="2427">
                  <c:v>40.383333000000007</c:v>
                </c:pt>
                <c:pt idx="2428">
                  <c:v>40.400000000000006</c:v>
                </c:pt>
                <c:pt idx="2429">
                  <c:v>40.416667000000004</c:v>
                </c:pt>
                <c:pt idx="2430">
                  <c:v>40.433333000000005</c:v>
                </c:pt>
                <c:pt idx="2431">
                  <c:v>40.450000000000003</c:v>
                </c:pt>
                <c:pt idx="2432">
                  <c:v>40.466667000000001</c:v>
                </c:pt>
                <c:pt idx="2433">
                  <c:v>40.483333000000002</c:v>
                </c:pt>
                <c:pt idx="2434">
                  <c:v>40.5</c:v>
                </c:pt>
                <c:pt idx="2435">
                  <c:v>40.516666999999998</c:v>
                </c:pt>
                <c:pt idx="2436">
                  <c:v>40.533332999999999</c:v>
                </c:pt>
                <c:pt idx="2437">
                  <c:v>40.549999999999997</c:v>
                </c:pt>
                <c:pt idx="2438">
                  <c:v>40.56666700000001</c:v>
                </c:pt>
                <c:pt idx="2439">
                  <c:v>40.583332999999996</c:v>
                </c:pt>
                <c:pt idx="2440">
                  <c:v>40.600000000000009</c:v>
                </c:pt>
                <c:pt idx="2441">
                  <c:v>40.616667000000007</c:v>
                </c:pt>
                <c:pt idx="2442">
                  <c:v>40.633333000000007</c:v>
                </c:pt>
                <c:pt idx="2443">
                  <c:v>40.650000000000006</c:v>
                </c:pt>
                <c:pt idx="2444">
                  <c:v>40.666667000000004</c:v>
                </c:pt>
                <c:pt idx="2445">
                  <c:v>40.683333000000005</c:v>
                </c:pt>
                <c:pt idx="2446">
                  <c:v>40.700000000000003</c:v>
                </c:pt>
                <c:pt idx="2447">
                  <c:v>40.716667000000001</c:v>
                </c:pt>
                <c:pt idx="2448">
                  <c:v>40.733333000000002</c:v>
                </c:pt>
                <c:pt idx="2449">
                  <c:v>40.75</c:v>
                </c:pt>
                <c:pt idx="2450">
                  <c:v>40.766666999999998</c:v>
                </c:pt>
                <c:pt idx="2451">
                  <c:v>40.783332999999999</c:v>
                </c:pt>
                <c:pt idx="2452">
                  <c:v>40.799999999999997</c:v>
                </c:pt>
                <c:pt idx="2453">
                  <c:v>40.81666700000001</c:v>
                </c:pt>
                <c:pt idx="2454">
                  <c:v>40.833332999999996</c:v>
                </c:pt>
                <c:pt idx="2455">
                  <c:v>40.850000000000009</c:v>
                </c:pt>
                <c:pt idx="2456">
                  <c:v>40.866667000000007</c:v>
                </c:pt>
                <c:pt idx="2457">
                  <c:v>40.883333000000007</c:v>
                </c:pt>
                <c:pt idx="2458">
                  <c:v>40.900000000000006</c:v>
                </c:pt>
                <c:pt idx="2459">
                  <c:v>40.916667000000004</c:v>
                </c:pt>
                <c:pt idx="2460">
                  <c:v>40.933333000000005</c:v>
                </c:pt>
                <c:pt idx="2461">
                  <c:v>40.950000000000003</c:v>
                </c:pt>
                <c:pt idx="2462">
                  <c:v>40.966667000000001</c:v>
                </c:pt>
                <c:pt idx="2463">
                  <c:v>40.983333000000002</c:v>
                </c:pt>
                <c:pt idx="2464">
                  <c:v>41</c:v>
                </c:pt>
                <c:pt idx="2465">
                  <c:v>41.016666999999998</c:v>
                </c:pt>
                <c:pt idx="2466">
                  <c:v>41.033332999999999</c:v>
                </c:pt>
                <c:pt idx="2467">
                  <c:v>41.05</c:v>
                </c:pt>
                <c:pt idx="2468">
                  <c:v>41.06666700000001</c:v>
                </c:pt>
                <c:pt idx="2469">
                  <c:v>41.083332999999996</c:v>
                </c:pt>
                <c:pt idx="2470">
                  <c:v>41.100000000000009</c:v>
                </c:pt>
                <c:pt idx="2471">
                  <c:v>41.116667000000007</c:v>
                </c:pt>
                <c:pt idx="2472">
                  <c:v>41.133333000000007</c:v>
                </c:pt>
                <c:pt idx="2473">
                  <c:v>41.150000000000006</c:v>
                </c:pt>
                <c:pt idx="2474">
                  <c:v>41.166667000000004</c:v>
                </c:pt>
                <c:pt idx="2475">
                  <c:v>41.183333000000005</c:v>
                </c:pt>
                <c:pt idx="2476">
                  <c:v>41.2</c:v>
                </c:pt>
                <c:pt idx="2477">
                  <c:v>41.216667000000001</c:v>
                </c:pt>
                <c:pt idx="2478">
                  <c:v>41.233333000000002</c:v>
                </c:pt>
                <c:pt idx="2479">
                  <c:v>41.25</c:v>
                </c:pt>
                <c:pt idx="2480">
                  <c:v>41.266666999999998</c:v>
                </c:pt>
                <c:pt idx="2481">
                  <c:v>41.283332999999999</c:v>
                </c:pt>
                <c:pt idx="2482">
                  <c:v>41.3</c:v>
                </c:pt>
                <c:pt idx="2483">
                  <c:v>41.31666700000001</c:v>
                </c:pt>
                <c:pt idx="2484">
                  <c:v>41.333332999999996</c:v>
                </c:pt>
                <c:pt idx="2485">
                  <c:v>41.350000000000009</c:v>
                </c:pt>
                <c:pt idx="2486">
                  <c:v>41.366667000000007</c:v>
                </c:pt>
                <c:pt idx="2487">
                  <c:v>41.383333000000007</c:v>
                </c:pt>
                <c:pt idx="2488">
                  <c:v>41.400000000000006</c:v>
                </c:pt>
                <c:pt idx="2489">
                  <c:v>41.416667000000004</c:v>
                </c:pt>
                <c:pt idx="2490">
                  <c:v>41.433333000000005</c:v>
                </c:pt>
                <c:pt idx="2491">
                  <c:v>41.45</c:v>
                </c:pt>
                <c:pt idx="2492">
                  <c:v>41.466667000000001</c:v>
                </c:pt>
                <c:pt idx="2493">
                  <c:v>41.483333000000002</c:v>
                </c:pt>
                <c:pt idx="2494">
                  <c:v>41.5</c:v>
                </c:pt>
                <c:pt idx="2495">
                  <c:v>41.516666999999998</c:v>
                </c:pt>
                <c:pt idx="2496">
                  <c:v>41.533332999999999</c:v>
                </c:pt>
                <c:pt idx="2497">
                  <c:v>41.55</c:v>
                </c:pt>
                <c:pt idx="2498">
                  <c:v>41.56666700000001</c:v>
                </c:pt>
                <c:pt idx="2499">
                  <c:v>41.583332999999996</c:v>
                </c:pt>
                <c:pt idx="2500">
                  <c:v>41.600000000000009</c:v>
                </c:pt>
                <c:pt idx="2501">
                  <c:v>41.616667000000007</c:v>
                </c:pt>
                <c:pt idx="2502">
                  <c:v>41.633333000000007</c:v>
                </c:pt>
                <c:pt idx="2503">
                  <c:v>41.650000000000006</c:v>
                </c:pt>
                <c:pt idx="2504">
                  <c:v>41.666667000000004</c:v>
                </c:pt>
                <c:pt idx="2505">
                  <c:v>41.683333000000005</c:v>
                </c:pt>
                <c:pt idx="2506">
                  <c:v>41.7</c:v>
                </c:pt>
                <c:pt idx="2507">
                  <c:v>41.716667000000001</c:v>
                </c:pt>
                <c:pt idx="2508">
                  <c:v>41.733333000000002</c:v>
                </c:pt>
                <c:pt idx="2509">
                  <c:v>41.75</c:v>
                </c:pt>
                <c:pt idx="2510">
                  <c:v>41.766666999999998</c:v>
                </c:pt>
                <c:pt idx="2511">
                  <c:v>41.783332999999999</c:v>
                </c:pt>
                <c:pt idx="2512">
                  <c:v>41.8</c:v>
                </c:pt>
                <c:pt idx="2513">
                  <c:v>41.81666700000001</c:v>
                </c:pt>
                <c:pt idx="2514">
                  <c:v>41.833332999999996</c:v>
                </c:pt>
                <c:pt idx="2515">
                  <c:v>41.850000000000009</c:v>
                </c:pt>
                <c:pt idx="2516">
                  <c:v>41.866667000000007</c:v>
                </c:pt>
                <c:pt idx="2517">
                  <c:v>41.883333000000007</c:v>
                </c:pt>
                <c:pt idx="2518">
                  <c:v>41.900000000000006</c:v>
                </c:pt>
                <c:pt idx="2519">
                  <c:v>41.916667000000004</c:v>
                </c:pt>
                <c:pt idx="2520">
                  <c:v>41.933333000000005</c:v>
                </c:pt>
                <c:pt idx="2521">
                  <c:v>41.95</c:v>
                </c:pt>
                <c:pt idx="2522">
                  <c:v>41.966667000000001</c:v>
                </c:pt>
                <c:pt idx="2523">
                  <c:v>41.983333000000002</c:v>
                </c:pt>
                <c:pt idx="2524">
                  <c:v>42</c:v>
                </c:pt>
                <c:pt idx="2525">
                  <c:v>42.016666999999998</c:v>
                </c:pt>
                <c:pt idx="2526">
                  <c:v>42.033332999999999</c:v>
                </c:pt>
                <c:pt idx="2527">
                  <c:v>42.05</c:v>
                </c:pt>
                <c:pt idx="2528">
                  <c:v>42.06666700000001</c:v>
                </c:pt>
                <c:pt idx="2529">
                  <c:v>42.083332999999996</c:v>
                </c:pt>
                <c:pt idx="2530">
                  <c:v>42.100000000000009</c:v>
                </c:pt>
                <c:pt idx="2531">
                  <c:v>42.116667000000007</c:v>
                </c:pt>
                <c:pt idx="2532">
                  <c:v>42.133333000000007</c:v>
                </c:pt>
                <c:pt idx="2533">
                  <c:v>42.150000000000006</c:v>
                </c:pt>
                <c:pt idx="2534">
                  <c:v>42.166667000000004</c:v>
                </c:pt>
                <c:pt idx="2535">
                  <c:v>42.183333000000005</c:v>
                </c:pt>
                <c:pt idx="2536">
                  <c:v>42.2</c:v>
                </c:pt>
                <c:pt idx="2537">
                  <c:v>42.216667000000001</c:v>
                </c:pt>
                <c:pt idx="2538">
                  <c:v>42.233333000000002</c:v>
                </c:pt>
                <c:pt idx="2539">
                  <c:v>42.25</c:v>
                </c:pt>
                <c:pt idx="2540">
                  <c:v>42.266666999999998</c:v>
                </c:pt>
                <c:pt idx="2541">
                  <c:v>42.283332999999999</c:v>
                </c:pt>
                <c:pt idx="2542">
                  <c:v>42.3</c:v>
                </c:pt>
                <c:pt idx="2543">
                  <c:v>42.31666700000001</c:v>
                </c:pt>
                <c:pt idx="2544">
                  <c:v>42.333332999999996</c:v>
                </c:pt>
                <c:pt idx="2545">
                  <c:v>42.350000000000009</c:v>
                </c:pt>
                <c:pt idx="2546">
                  <c:v>42.366667000000007</c:v>
                </c:pt>
                <c:pt idx="2547">
                  <c:v>42.383333000000007</c:v>
                </c:pt>
                <c:pt idx="2548">
                  <c:v>42.400000000000006</c:v>
                </c:pt>
                <c:pt idx="2549">
                  <c:v>42.416667000000004</c:v>
                </c:pt>
                <c:pt idx="2550">
                  <c:v>42.433333000000005</c:v>
                </c:pt>
                <c:pt idx="2551">
                  <c:v>42.45</c:v>
                </c:pt>
                <c:pt idx="2552">
                  <c:v>42.466667000000001</c:v>
                </c:pt>
                <c:pt idx="2553">
                  <c:v>42.483333000000002</c:v>
                </c:pt>
                <c:pt idx="2554">
                  <c:v>42.5</c:v>
                </c:pt>
                <c:pt idx="2555">
                  <c:v>42.516666999999998</c:v>
                </c:pt>
                <c:pt idx="2556">
                  <c:v>42.533332999999999</c:v>
                </c:pt>
                <c:pt idx="2557">
                  <c:v>42.55</c:v>
                </c:pt>
                <c:pt idx="2558">
                  <c:v>42.56666700000001</c:v>
                </c:pt>
                <c:pt idx="2559">
                  <c:v>42.583332999999996</c:v>
                </c:pt>
                <c:pt idx="2560">
                  <c:v>42.600000000000009</c:v>
                </c:pt>
                <c:pt idx="2561">
                  <c:v>42.616667000000007</c:v>
                </c:pt>
                <c:pt idx="2562">
                  <c:v>42.633333000000007</c:v>
                </c:pt>
                <c:pt idx="2563">
                  <c:v>42.650000000000006</c:v>
                </c:pt>
                <c:pt idx="2564">
                  <c:v>42.666667000000004</c:v>
                </c:pt>
                <c:pt idx="2565">
                  <c:v>42.683333000000005</c:v>
                </c:pt>
                <c:pt idx="2566">
                  <c:v>42.7</c:v>
                </c:pt>
                <c:pt idx="2567">
                  <c:v>42.716667000000001</c:v>
                </c:pt>
                <c:pt idx="2568">
                  <c:v>42.733333000000002</c:v>
                </c:pt>
                <c:pt idx="2569">
                  <c:v>42.75</c:v>
                </c:pt>
                <c:pt idx="2570">
                  <c:v>42.766666999999998</c:v>
                </c:pt>
                <c:pt idx="2571">
                  <c:v>42.783332999999999</c:v>
                </c:pt>
                <c:pt idx="2572">
                  <c:v>42.8</c:v>
                </c:pt>
                <c:pt idx="2573">
                  <c:v>42.81666700000001</c:v>
                </c:pt>
                <c:pt idx="2574">
                  <c:v>42.833332999999996</c:v>
                </c:pt>
                <c:pt idx="2575">
                  <c:v>42.850000000000009</c:v>
                </c:pt>
                <c:pt idx="2576">
                  <c:v>42.866667000000007</c:v>
                </c:pt>
                <c:pt idx="2577">
                  <c:v>42.883333000000007</c:v>
                </c:pt>
                <c:pt idx="2578">
                  <c:v>42.900000000000006</c:v>
                </c:pt>
                <c:pt idx="2579">
                  <c:v>42.916667000000004</c:v>
                </c:pt>
                <c:pt idx="2580">
                  <c:v>42.933333000000005</c:v>
                </c:pt>
                <c:pt idx="2581">
                  <c:v>42.95</c:v>
                </c:pt>
                <c:pt idx="2582">
                  <c:v>42.966667000000001</c:v>
                </c:pt>
                <c:pt idx="2583">
                  <c:v>42.983333000000002</c:v>
                </c:pt>
                <c:pt idx="2584">
                  <c:v>43</c:v>
                </c:pt>
                <c:pt idx="2585">
                  <c:v>43.016666999999998</c:v>
                </c:pt>
                <c:pt idx="2586">
                  <c:v>43.033332999999999</c:v>
                </c:pt>
                <c:pt idx="2587">
                  <c:v>43.05</c:v>
                </c:pt>
                <c:pt idx="2588">
                  <c:v>43.06666700000001</c:v>
                </c:pt>
                <c:pt idx="2589">
                  <c:v>43.083332999999996</c:v>
                </c:pt>
                <c:pt idx="2590">
                  <c:v>43.100000000000009</c:v>
                </c:pt>
                <c:pt idx="2591">
                  <c:v>43.116667000000007</c:v>
                </c:pt>
                <c:pt idx="2592">
                  <c:v>43.133333000000007</c:v>
                </c:pt>
                <c:pt idx="2593">
                  <c:v>43.150000000000006</c:v>
                </c:pt>
                <c:pt idx="2594">
                  <c:v>43.166667000000004</c:v>
                </c:pt>
                <c:pt idx="2595">
                  <c:v>43.183333000000005</c:v>
                </c:pt>
                <c:pt idx="2596">
                  <c:v>43.2</c:v>
                </c:pt>
                <c:pt idx="2597">
                  <c:v>43.216667000000001</c:v>
                </c:pt>
                <c:pt idx="2598">
                  <c:v>43.233333000000002</c:v>
                </c:pt>
                <c:pt idx="2599">
                  <c:v>43.25</c:v>
                </c:pt>
                <c:pt idx="2600">
                  <c:v>43.266666999999998</c:v>
                </c:pt>
                <c:pt idx="2601">
                  <c:v>43.283332999999999</c:v>
                </c:pt>
                <c:pt idx="2602">
                  <c:v>43.3</c:v>
                </c:pt>
                <c:pt idx="2603">
                  <c:v>43.31666700000001</c:v>
                </c:pt>
                <c:pt idx="2604">
                  <c:v>43.333332999999996</c:v>
                </c:pt>
                <c:pt idx="2605">
                  <c:v>43.350000000000009</c:v>
                </c:pt>
                <c:pt idx="2606">
                  <c:v>43.366667000000007</c:v>
                </c:pt>
                <c:pt idx="2607">
                  <c:v>43.383333000000007</c:v>
                </c:pt>
                <c:pt idx="2608">
                  <c:v>43.400000000000006</c:v>
                </c:pt>
                <c:pt idx="2609">
                  <c:v>43.416667000000004</c:v>
                </c:pt>
                <c:pt idx="2610">
                  <c:v>43.433333000000005</c:v>
                </c:pt>
                <c:pt idx="2611">
                  <c:v>43.45</c:v>
                </c:pt>
                <c:pt idx="2612">
                  <c:v>43.466667000000001</c:v>
                </c:pt>
                <c:pt idx="2613">
                  <c:v>43.483333000000002</c:v>
                </c:pt>
                <c:pt idx="2614">
                  <c:v>43.5</c:v>
                </c:pt>
                <c:pt idx="2615">
                  <c:v>43.516666999999998</c:v>
                </c:pt>
                <c:pt idx="2616">
                  <c:v>43.533332999999999</c:v>
                </c:pt>
                <c:pt idx="2617">
                  <c:v>43.55</c:v>
                </c:pt>
                <c:pt idx="2618">
                  <c:v>43.56666700000001</c:v>
                </c:pt>
                <c:pt idx="2619">
                  <c:v>43.583332999999996</c:v>
                </c:pt>
                <c:pt idx="2620">
                  <c:v>43.600000000000009</c:v>
                </c:pt>
                <c:pt idx="2621">
                  <c:v>43.616667000000007</c:v>
                </c:pt>
                <c:pt idx="2622">
                  <c:v>43.633333000000007</c:v>
                </c:pt>
                <c:pt idx="2623">
                  <c:v>43.650000000000006</c:v>
                </c:pt>
                <c:pt idx="2624">
                  <c:v>43.666667000000004</c:v>
                </c:pt>
                <c:pt idx="2625">
                  <c:v>43.683333000000005</c:v>
                </c:pt>
                <c:pt idx="2626">
                  <c:v>43.7</c:v>
                </c:pt>
                <c:pt idx="2627">
                  <c:v>43.716667000000001</c:v>
                </c:pt>
                <c:pt idx="2628">
                  <c:v>43.733333000000002</c:v>
                </c:pt>
                <c:pt idx="2629">
                  <c:v>43.75</c:v>
                </c:pt>
                <c:pt idx="2630">
                  <c:v>43.766666999999998</c:v>
                </c:pt>
                <c:pt idx="2631">
                  <c:v>43.783332999999999</c:v>
                </c:pt>
                <c:pt idx="2632">
                  <c:v>43.8</c:v>
                </c:pt>
                <c:pt idx="2633">
                  <c:v>43.81666700000001</c:v>
                </c:pt>
                <c:pt idx="2634">
                  <c:v>43.833332999999996</c:v>
                </c:pt>
                <c:pt idx="2635">
                  <c:v>43.850000000000009</c:v>
                </c:pt>
                <c:pt idx="2636">
                  <c:v>43.866667000000007</c:v>
                </c:pt>
                <c:pt idx="2637">
                  <c:v>43.883333000000007</c:v>
                </c:pt>
                <c:pt idx="2638">
                  <c:v>43.900000000000006</c:v>
                </c:pt>
                <c:pt idx="2639">
                  <c:v>43.916667000000004</c:v>
                </c:pt>
                <c:pt idx="2640">
                  <c:v>43.933333000000005</c:v>
                </c:pt>
                <c:pt idx="2641">
                  <c:v>43.95</c:v>
                </c:pt>
                <c:pt idx="2642">
                  <c:v>43.966667000000001</c:v>
                </c:pt>
                <c:pt idx="2643">
                  <c:v>43.983333000000002</c:v>
                </c:pt>
                <c:pt idx="2644">
                  <c:v>44</c:v>
                </c:pt>
                <c:pt idx="2645">
                  <c:v>44.016666999999998</c:v>
                </c:pt>
                <c:pt idx="2646">
                  <c:v>44.033332999999999</c:v>
                </c:pt>
                <c:pt idx="2647">
                  <c:v>44.05</c:v>
                </c:pt>
                <c:pt idx="2648">
                  <c:v>44.06666700000001</c:v>
                </c:pt>
                <c:pt idx="2649">
                  <c:v>44.083332999999996</c:v>
                </c:pt>
                <c:pt idx="2650">
                  <c:v>44.100000000000009</c:v>
                </c:pt>
                <c:pt idx="2651">
                  <c:v>44.116667000000007</c:v>
                </c:pt>
                <c:pt idx="2652">
                  <c:v>44.133333000000007</c:v>
                </c:pt>
                <c:pt idx="2653">
                  <c:v>44.150000000000006</c:v>
                </c:pt>
                <c:pt idx="2654">
                  <c:v>44.166667000000004</c:v>
                </c:pt>
                <c:pt idx="2655">
                  <c:v>44.183333000000005</c:v>
                </c:pt>
                <c:pt idx="2656">
                  <c:v>44.2</c:v>
                </c:pt>
                <c:pt idx="2657">
                  <c:v>44.216667000000001</c:v>
                </c:pt>
                <c:pt idx="2658">
                  <c:v>44.233333000000002</c:v>
                </c:pt>
                <c:pt idx="2659">
                  <c:v>44.25</c:v>
                </c:pt>
                <c:pt idx="2660">
                  <c:v>44.266666999999998</c:v>
                </c:pt>
                <c:pt idx="2661">
                  <c:v>44.283332999999999</c:v>
                </c:pt>
                <c:pt idx="2662">
                  <c:v>44.3</c:v>
                </c:pt>
                <c:pt idx="2663">
                  <c:v>44.31666700000001</c:v>
                </c:pt>
                <c:pt idx="2664">
                  <c:v>44.333332999999996</c:v>
                </c:pt>
                <c:pt idx="2665">
                  <c:v>44.350000000000009</c:v>
                </c:pt>
                <c:pt idx="2666">
                  <c:v>44.366667000000007</c:v>
                </c:pt>
                <c:pt idx="2667">
                  <c:v>44.383333000000007</c:v>
                </c:pt>
                <c:pt idx="2668">
                  <c:v>44.400000000000006</c:v>
                </c:pt>
                <c:pt idx="2669">
                  <c:v>44.416667000000004</c:v>
                </c:pt>
                <c:pt idx="2670">
                  <c:v>44.433333000000005</c:v>
                </c:pt>
                <c:pt idx="2671">
                  <c:v>44.45</c:v>
                </c:pt>
                <c:pt idx="2672">
                  <c:v>44.466667000000001</c:v>
                </c:pt>
                <c:pt idx="2673">
                  <c:v>44.483333000000002</c:v>
                </c:pt>
                <c:pt idx="2674">
                  <c:v>44.5</c:v>
                </c:pt>
                <c:pt idx="2675">
                  <c:v>44.516666999999998</c:v>
                </c:pt>
                <c:pt idx="2676">
                  <c:v>44.533332999999999</c:v>
                </c:pt>
                <c:pt idx="2677">
                  <c:v>44.55</c:v>
                </c:pt>
                <c:pt idx="2678">
                  <c:v>44.56666700000001</c:v>
                </c:pt>
                <c:pt idx="2679">
                  <c:v>44.583332999999996</c:v>
                </c:pt>
                <c:pt idx="2680">
                  <c:v>44.600000000000009</c:v>
                </c:pt>
                <c:pt idx="2681">
                  <c:v>44.616667000000007</c:v>
                </c:pt>
                <c:pt idx="2682">
                  <c:v>44.633333000000007</c:v>
                </c:pt>
                <c:pt idx="2683">
                  <c:v>44.650000000000006</c:v>
                </c:pt>
                <c:pt idx="2684">
                  <c:v>44.666667000000004</c:v>
                </c:pt>
                <c:pt idx="2685">
                  <c:v>44.683333000000005</c:v>
                </c:pt>
                <c:pt idx="2686">
                  <c:v>44.7</c:v>
                </c:pt>
                <c:pt idx="2687">
                  <c:v>44.716667000000001</c:v>
                </c:pt>
                <c:pt idx="2688">
                  <c:v>44.733333000000002</c:v>
                </c:pt>
                <c:pt idx="2689">
                  <c:v>44.75</c:v>
                </c:pt>
                <c:pt idx="2690">
                  <c:v>44.766666999999998</c:v>
                </c:pt>
                <c:pt idx="2691">
                  <c:v>44.783332999999999</c:v>
                </c:pt>
                <c:pt idx="2692">
                  <c:v>44.8</c:v>
                </c:pt>
                <c:pt idx="2693">
                  <c:v>44.81666700000001</c:v>
                </c:pt>
                <c:pt idx="2694">
                  <c:v>44.833332999999996</c:v>
                </c:pt>
                <c:pt idx="2695">
                  <c:v>44.850000000000009</c:v>
                </c:pt>
                <c:pt idx="2696">
                  <c:v>44.866667000000007</c:v>
                </c:pt>
                <c:pt idx="2697">
                  <c:v>44.883333000000007</c:v>
                </c:pt>
                <c:pt idx="2698">
                  <c:v>44.900000000000006</c:v>
                </c:pt>
                <c:pt idx="2699">
                  <c:v>44.916667000000004</c:v>
                </c:pt>
                <c:pt idx="2700">
                  <c:v>44.933333000000005</c:v>
                </c:pt>
                <c:pt idx="2701">
                  <c:v>44.95</c:v>
                </c:pt>
                <c:pt idx="2702">
                  <c:v>44.966667000000001</c:v>
                </c:pt>
                <c:pt idx="2703">
                  <c:v>44.983333000000002</c:v>
                </c:pt>
                <c:pt idx="2704">
                  <c:v>45</c:v>
                </c:pt>
                <c:pt idx="2705">
                  <c:v>45.016666999999998</c:v>
                </c:pt>
                <c:pt idx="2706">
                  <c:v>45.033332999999999</c:v>
                </c:pt>
                <c:pt idx="2707">
                  <c:v>45.05</c:v>
                </c:pt>
                <c:pt idx="2708">
                  <c:v>45.06666700000001</c:v>
                </c:pt>
                <c:pt idx="2709">
                  <c:v>45.083332999999996</c:v>
                </c:pt>
                <c:pt idx="2710">
                  <c:v>45.100000000000009</c:v>
                </c:pt>
                <c:pt idx="2711">
                  <c:v>45.116667000000007</c:v>
                </c:pt>
                <c:pt idx="2712">
                  <c:v>45.133333000000007</c:v>
                </c:pt>
                <c:pt idx="2713">
                  <c:v>45.150000000000006</c:v>
                </c:pt>
                <c:pt idx="2714">
                  <c:v>45.166667000000004</c:v>
                </c:pt>
                <c:pt idx="2715">
                  <c:v>45.183333000000005</c:v>
                </c:pt>
                <c:pt idx="2716">
                  <c:v>45.2</c:v>
                </c:pt>
                <c:pt idx="2717">
                  <c:v>45.216667000000001</c:v>
                </c:pt>
                <c:pt idx="2718">
                  <c:v>45.233333000000002</c:v>
                </c:pt>
                <c:pt idx="2719">
                  <c:v>45.25</c:v>
                </c:pt>
                <c:pt idx="2720">
                  <c:v>45.266666999999998</c:v>
                </c:pt>
                <c:pt idx="2721">
                  <c:v>45.283332999999999</c:v>
                </c:pt>
                <c:pt idx="2722">
                  <c:v>45.3</c:v>
                </c:pt>
                <c:pt idx="2723">
                  <c:v>45.31666700000001</c:v>
                </c:pt>
                <c:pt idx="2724">
                  <c:v>45.333332999999996</c:v>
                </c:pt>
                <c:pt idx="2725">
                  <c:v>45.350000000000009</c:v>
                </c:pt>
                <c:pt idx="2726">
                  <c:v>45.366667000000007</c:v>
                </c:pt>
                <c:pt idx="2727">
                  <c:v>45.383333000000007</c:v>
                </c:pt>
                <c:pt idx="2728">
                  <c:v>45.400000000000006</c:v>
                </c:pt>
                <c:pt idx="2729">
                  <c:v>45.416667000000004</c:v>
                </c:pt>
                <c:pt idx="2730">
                  <c:v>45.433333000000005</c:v>
                </c:pt>
                <c:pt idx="2731">
                  <c:v>45.45</c:v>
                </c:pt>
                <c:pt idx="2732">
                  <c:v>45.466667000000001</c:v>
                </c:pt>
                <c:pt idx="2733">
                  <c:v>45.483333000000002</c:v>
                </c:pt>
                <c:pt idx="2734">
                  <c:v>45.5</c:v>
                </c:pt>
                <c:pt idx="2735">
                  <c:v>45.516666999999998</c:v>
                </c:pt>
                <c:pt idx="2736">
                  <c:v>45.533332999999999</c:v>
                </c:pt>
                <c:pt idx="2737">
                  <c:v>45.55</c:v>
                </c:pt>
                <c:pt idx="2738">
                  <c:v>45.56666700000001</c:v>
                </c:pt>
                <c:pt idx="2739">
                  <c:v>45.583332999999996</c:v>
                </c:pt>
                <c:pt idx="2740">
                  <c:v>45.600000000000009</c:v>
                </c:pt>
                <c:pt idx="2741">
                  <c:v>45.616667000000007</c:v>
                </c:pt>
                <c:pt idx="2742">
                  <c:v>45.633333000000007</c:v>
                </c:pt>
                <c:pt idx="2743">
                  <c:v>45.650000000000006</c:v>
                </c:pt>
                <c:pt idx="2744">
                  <c:v>45.666667000000004</c:v>
                </c:pt>
                <c:pt idx="2745">
                  <c:v>45.683333000000005</c:v>
                </c:pt>
                <c:pt idx="2746">
                  <c:v>45.7</c:v>
                </c:pt>
                <c:pt idx="2747">
                  <c:v>45.716667000000001</c:v>
                </c:pt>
                <c:pt idx="2748">
                  <c:v>45.733333000000002</c:v>
                </c:pt>
                <c:pt idx="2749">
                  <c:v>45.75</c:v>
                </c:pt>
                <c:pt idx="2750">
                  <c:v>45.766666999999998</c:v>
                </c:pt>
                <c:pt idx="2751">
                  <c:v>45.783332999999999</c:v>
                </c:pt>
                <c:pt idx="2752">
                  <c:v>45.8</c:v>
                </c:pt>
                <c:pt idx="2753">
                  <c:v>45.81666700000001</c:v>
                </c:pt>
                <c:pt idx="2754">
                  <c:v>45.833332999999996</c:v>
                </c:pt>
                <c:pt idx="2755">
                  <c:v>45.850000000000009</c:v>
                </c:pt>
                <c:pt idx="2756">
                  <c:v>45.866667000000007</c:v>
                </c:pt>
                <c:pt idx="2757">
                  <c:v>45.883333000000007</c:v>
                </c:pt>
                <c:pt idx="2758">
                  <c:v>45.900000000000006</c:v>
                </c:pt>
                <c:pt idx="2759">
                  <c:v>45.916667000000004</c:v>
                </c:pt>
                <c:pt idx="2760">
                  <c:v>45.933333000000005</c:v>
                </c:pt>
                <c:pt idx="2761">
                  <c:v>45.95</c:v>
                </c:pt>
                <c:pt idx="2762">
                  <c:v>45.966667000000001</c:v>
                </c:pt>
                <c:pt idx="2763">
                  <c:v>45.983333000000002</c:v>
                </c:pt>
                <c:pt idx="2764">
                  <c:v>46</c:v>
                </c:pt>
                <c:pt idx="2765">
                  <c:v>46.016666999999998</c:v>
                </c:pt>
                <c:pt idx="2766">
                  <c:v>46.033332999999999</c:v>
                </c:pt>
                <c:pt idx="2767">
                  <c:v>46.05</c:v>
                </c:pt>
                <c:pt idx="2768">
                  <c:v>46.06666700000001</c:v>
                </c:pt>
                <c:pt idx="2769">
                  <c:v>46.083332999999996</c:v>
                </c:pt>
                <c:pt idx="2770">
                  <c:v>46.100000000000009</c:v>
                </c:pt>
                <c:pt idx="2771">
                  <c:v>46.116667000000007</c:v>
                </c:pt>
                <c:pt idx="2772">
                  <c:v>46.133333000000007</c:v>
                </c:pt>
                <c:pt idx="2773">
                  <c:v>46.150000000000006</c:v>
                </c:pt>
                <c:pt idx="2774">
                  <c:v>46.166667000000004</c:v>
                </c:pt>
                <c:pt idx="2775">
                  <c:v>46.183333000000005</c:v>
                </c:pt>
                <c:pt idx="2776">
                  <c:v>46.2</c:v>
                </c:pt>
                <c:pt idx="2777">
                  <c:v>46.216667000000001</c:v>
                </c:pt>
                <c:pt idx="2778">
                  <c:v>46.233333000000002</c:v>
                </c:pt>
                <c:pt idx="2779">
                  <c:v>46.25</c:v>
                </c:pt>
                <c:pt idx="2780">
                  <c:v>46.266666999999998</c:v>
                </c:pt>
                <c:pt idx="2781">
                  <c:v>46.283332999999999</c:v>
                </c:pt>
                <c:pt idx="2782">
                  <c:v>46.3</c:v>
                </c:pt>
                <c:pt idx="2783">
                  <c:v>46.31666700000001</c:v>
                </c:pt>
                <c:pt idx="2784">
                  <c:v>46.333332999999996</c:v>
                </c:pt>
                <c:pt idx="2785">
                  <c:v>46.350000000000009</c:v>
                </c:pt>
                <c:pt idx="2786">
                  <c:v>46.366667000000007</c:v>
                </c:pt>
                <c:pt idx="2787">
                  <c:v>46.383333000000007</c:v>
                </c:pt>
                <c:pt idx="2788">
                  <c:v>46.400000000000006</c:v>
                </c:pt>
                <c:pt idx="2789">
                  <c:v>46.416667000000004</c:v>
                </c:pt>
                <c:pt idx="2790">
                  <c:v>46.433333000000005</c:v>
                </c:pt>
                <c:pt idx="2791">
                  <c:v>46.45</c:v>
                </c:pt>
                <c:pt idx="2792">
                  <c:v>46.466667000000001</c:v>
                </c:pt>
                <c:pt idx="2793">
                  <c:v>46.483333000000002</c:v>
                </c:pt>
                <c:pt idx="2794">
                  <c:v>46.5</c:v>
                </c:pt>
                <c:pt idx="2795">
                  <c:v>46.516666999999998</c:v>
                </c:pt>
                <c:pt idx="2796">
                  <c:v>46.533332999999999</c:v>
                </c:pt>
                <c:pt idx="2797">
                  <c:v>46.55</c:v>
                </c:pt>
                <c:pt idx="2798">
                  <c:v>46.56666700000001</c:v>
                </c:pt>
                <c:pt idx="2799">
                  <c:v>46.583332999999996</c:v>
                </c:pt>
                <c:pt idx="2800">
                  <c:v>46.600000000000009</c:v>
                </c:pt>
                <c:pt idx="2801">
                  <c:v>46.616667000000007</c:v>
                </c:pt>
                <c:pt idx="2802">
                  <c:v>46.633333000000007</c:v>
                </c:pt>
                <c:pt idx="2803">
                  <c:v>46.650000000000006</c:v>
                </c:pt>
                <c:pt idx="2804">
                  <c:v>46.666667000000004</c:v>
                </c:pt>
                <c:pt idx="2805">
                  <c:v>46.683333000000005</c:v>
                </c:pt>
                <c:pt idx="2806">
                  <c:v>46.7</c:v>
                </c:pt>
                <c:pt idx="2807">
                  <c:v>46.716667000000001</c:v>
                </c:pt>
                <c:pt idx="2808">
                  <c:v>46.733333000000002</c:v>
                </c:pt>
                <c:pt idx="2809">
                  <c:v>46.75</c:v>
                </c:pt>
                <c:pt idx="2810">
                  <c:v>46.766666999999998</c:v>
                </c:pt>
                <c:pt idx="2811">
                  <c:v>46.783332999999999</c:v>
                </c:pt>
                <c:pt idx="2812">
                  <c:v>46.8</c:v>
                </c:pt>
                <c:pt idx="2813">
                  <c:v>46.81666700000001</c:v>
                </c:pt>
                <c:pt idx="2814">
                  <c:v>46.833332999999996</c:v>
                </c:pt>
                <c:pt idx="2815">
                  <c:v>46.850000000000009</c:v>
                </c:pt>
                <c:pt idx="2816">
                  <c:v>46.866667000000007</c:v>
                </c:pt>
                <c:pt idx="2817">
                  <c:v>46.883333000000007</c:v>
                </c:pt>
                <c:pt idx="2818">
                  <c:v>46.900000000000006</c:v>
                </c:pt>
                <c:pt idx="2819">
                  <c:v>46.916667000000004</c:v>
                </c:pt>
                <c:pt idx="2820">
                  <c:v>46.933333000000005</c:v>
                </c:pt>
                <c:pt idx="2821">
                  <c:v>46.95</c:v>
                </c:pt>
                <c:pt idx="2822">
                  <c:v>46.966667000000001</c:v>
                </c:pt>
                <c:pt idx="2823">
                  <c:v>46.983333000000002</c:v>
                </c:pt>
                <c:pt idx="2824">
                  <c:v>47</c:v>
                </c:pt>
                <c:pt idx="2825">
                  <c:v>47.016666999999998</c:v>
                </c:pt>
                <c:pt idx="2826">
                  <c:v>47.033332999999999</c:v>
                </c:pt>
                <c:pt idx="2827">
                  <c:v>47.05</c:v>
                </c:pt>
                <c:pt idx="2828">
                  <c:v>47.06666700000001</c:v>
                </c:pt>
                <c:pt idx="2829">
                  <c:v>47.083332999999996</c:v>
                </c:pt>
                <c:pt idx="2830">
                  <c:v>47.100000000000009</c:v>
                </c:pt>
                <c:pt idx="2831">
                  <c:v>47.116667000000007</c:v>
                </c:pt>
                <c:pt idx="2832">
                  <c:v>47.133333000000007</c:v>
                </c:pt>
                <c:pt idx="2833">
                  <c:v>47.150000000000006</c:v>
                </c:pt>
                <c:pt idx="2834">
                  <c:v>47.166667000000004</c:v>
                </c:pt>
                <c:pt idx="2835">
                  <c:v>47.183333000000005</c:v>
                </c:pt>
                <c:pt idx="2836">
                  <c:v>47.2</c:v>
                </c:pt>
                <c:pt idx="2837">
                  <c:v>47.216667000000001</c:v>
                </c:pt>
                <c:pt idx="2838">
                  <c:v>47.233333000000002</c:v>
                </c:pt>
                <c:pt idx="2839">
                  <c:v>47.25</c:v>
                </c:pt>
                <c:pt idx="2840">
                  <c:v>47.266666999999998</c:v>
                </c:pt>
                <c:pt idx="2841">
                  <c:v>47.283332999999999</c:v>
                </c:pt>
                <c:pt idx="2842">
                  <c:v>47.3</c:v>
                </c:pt>
                <c:pt idx="2843">
                  <c:v>47.31666700000001</c:v>
                </c:pt>
                <c:pt idx="2844">
                  <c:v>47.333332999999996</c:v>
                </c:pt>
                <c:pt idx="2845">
                  <c:v>47.350000000000009</c:v>
                </c:pt>
                <c:pt idx="2846">
                  <c:v>47.366667000000007</c:v>
                </c:pt>
                <c:pt idx="2847">
                  <c:v>47.383333000000007</c:v>
                </c:pt>
                <c:pt idx="2848">
                  <c:v>47.400000000000006</c:v>
                </c:pt>
                <c:pt idx="2849">
                  <c:v>47.416667000000004</c:v>
                </c:pt>
                <c:pt idx="2850">
                  <c:v>47.433333000000005</c:v>
                </c:pt>
                <c:pt idx="2851">
                  <c:v>47.45</c:v>
                </c:pt>
                <c:pt idx="2852">
                  <c:v>47.466667000000001</c:v>
                </c:pt>
                <c:pt idx="2853">
                  <c:v>47.483333000000002</c:v>
                </c:pt>
                <c:pt idx="2854">
                  <c:v>47.5</c:v>
                </c:pt>
                <c:pt idx="2855">
                  <c:v>47.516666999999998</c:v>
                </c:pt>
                <c:pt idx="2856">
                  <c:v>47.533332999999999</c:v>
                </c:pt>
                <c:pt idx="2857">
                  <c:v>47.55</c:v>
                </c:pt>
                <c:pt idx="2858">
                  <c:v>47.56666700000001</c:v>
                </c:pt>
                <c:pt idx="2859">
                  <c:v>47.583332999999996</c:v>
                </c:pt>
                <c:pt idx="2860">
                  <c:v>47.600000000000009</c:v>
                </c:pt>
                <c:pt idx="2861">
                  <c:v>47.616667000000007</c:v>
                </c:pt>
                <c:pt idx="2862">
                  <c:v>47.633333000000007</c:v>
                </c:pt>
                <c:pt idx="2863">
                  <c:v>47.650000000000006</c:v>
                </c:pt>
                <c:pt idx="2864">
                  <c:v>47.666667000000004</c:v>
                </c:pt>
                <c:pt idx="2865">
                  <c:v>47.683333000000005</c:v>
                </c:pt>
                <c:pt idx="2866">
                  <c:v>47.7</c:v>
                </c:pt>
                <c:pt idx="2867">
                  <c:v>47.716667000000001</c:v>
                </c:pt>
                <c:pt idx="2868">
                  <c:v>47.733333000000002</c:v>
                </c:pt>
                <c:pt idx="2869">
                  <c:v>47.75</c:v>
                </c:pt>
                <c:pt idx="2870">
                  <c:v>47.766666999999998</c:v>
                </c:pt>
                <c:pt idx="2871">
                  <c:v>47.783332999999999</c:v>
                </c:pt>
                <c:pt idx="2872">
                  <c:v>47.8</c:v>
                </c:pt>
                <c:pt idx="2873">
                  <c:v>47.81666700000001</c:v>
                </c:pt>
                <c:pt idx="2874">
                  <c:v>47.833332999999996</c:v>
                </c:pt>
                <c:pt idx="2875">
                  <c:v>47.850000000000009</c:v>
                </c:pt>
                <c:pt idx="2876">
                  <c:v>47.866667000000007</c:v>
                </c:pt>
                <c:pt idx="2877">
                  <c:v>47.883333000000007</c:v>
                </c:pt>
                <c:pt idx="2878">
                  <c:v>47.900000000000006</c:v>
                </c:pt>
                <c:pt idx="2879">
                  <c:v>47.916667000000004</c:v>
                </c:pt>
                <c:pt idx="2880">
                  <c:v>47.933333000000005</c:v>
                </c:pt>
                <c:pt idx="2881">
                  <c:v>47.95</c:v>
                </c:pt>
                <c:pt idx="2882">
                  <c:v>47.966667000000001</c:v>
                </c:pt>
                <c:pt idx="2883">
                  <c:v>47.983333000000002</c:v>
                </c:pt>
                <c:pt idx="2884">
                  <c:v>48</c:v>
                </c:pt>
                <c:pt idx="2885">
                  <c:v>48.016666999999998</c:v>
                </c:pt>
                <c:pt idx="2886">
                  <c:v>48.033332999999999</c:v>
                </c:pt>
                <c:pt idx="2887">
                  <c:v>48.05</c:v>
                </c:pt>
                <c:pt idx="2888">
                  <c:v>48.06666700000001</c:v>
                </c:pt>
                <c:pt idx="2889">
                  <c:v>48.083332999999996</c:v>
                </c:pt>
                <c:pt idx="2890">
                  <c:v>48.100000000000009</c:v>
                </c:pt>
                <c:pt idx="2891">
                  <c:v>48.116667000000007</c:v>
                </c:pt>
                <c:pt idx="2892">
                  <c:v>48.133333000000007</c:v>
                </c:pt>
                <c:pt idx="2893">
                  <c:v>48.150000000000006</c:v>
                </c:pt>
                <c:pt idx="2894">
                  <c:v>48.166667000000004</c:v>
                </c:pt>
                <c:pt idx="2895">
                  <c:v>48.183333000000005</c:v>
                </c:pt>
                <c:pt idx="2896">
                  <c:v>48.2</c:v>
                </c:pt>
                <c:pt idx="2897">
                  <c:v>48.216667000000001</c:v>
                </c:pt>
                <c:pt idx="2898">
                  <c:v>48.233333000000002</c:v>
                </c:pt>
                <c:pt idx="2899">
                  <c:v>48.25</c:v>
                </c:pt>
                <c:pt idx="2900">
                  <c:v>48.266666999999998</c:v>
                </c:pt>
                <c:pt idx="2901">
                  <c:v>48.283332999999999</c:v>
                </c:pt>
                <c:pt idx="2902">
                  <c:v>48.3</c:v>
                </c:pt>
                <c:pt idx="2903">
                  <c:v>48.31666700000001</c:v>
                </c:pt>
                <c:pt idx="2904">
                  <c:v>48.333332999999996</c:v>
                </c:pt>
                <c:pt idx="2905">
                  <c:v>48.350000000000009</c:v>
                </c:pt>
                <c:pt idx="2906">
                  <c:v>48.366667000000007</c:v>
                </c:pt>
                <c:pt idx="2907">
                  <c:v>48.383333000000007</c:v>
                </c:pt>
                <c:pt idx="2908">
                  <c:v>48.400000000000006</c:v>
                </c:pt>
                <c:pt idx="2909">
                  <c:v>48.416667000000004</c:v>
                </c:pt>
                <c:pt idx="2910">
                  <c:v>48.433333000000005</c:v>
                </c:pt>
                <c:pt idx="2911">
                  <c:v>48.45</c:v>
                </c:pt>
                <c:pt idx="2912">
                  <c:v>48.466667000000001</c:v>
                </c:pt>
                <c:pt idx="2913">
                  <c:v>48.483333000000002</c:v>
                </c:pt>
                <c:pt idx="2914">
                  <c:v>48.5</c:v>
                </c:pt>
                <c:pt idx="2915">
                  <c:v>48.516666999999998</c:v>
                </c:pt>
                <c:pt idx="2916">
                  <c:v>48.533332999999999</c:v>
                </c:pt>
                <c:pt idx="2917">
                  <c:v>48.55</c:v>
                </c:pt>
                <c:pt idx="2918">
                  <c:v>48.56666700000001</c:v>
                </c:pt>
                <c:pt idx="2919">
                  <c:v>48.583332999999996</c:v>
                </c:pt>
                <c:pt idx="2920">
                  <c:v>48.600000000000009</c:v>
                </c:pt>
                <c:pt idx="2921">
                  <c:v>48.616667000000007</c:v>
                </c:pt>
                <c:pt idx="2922">
                  <c:v>48.633333000000007</c:v>
                </c:pt>
                <c:pt idx="2923">
                  <c:v>48.650000000000006</c:v>
                </c:pt>
                <c:pt idx="2924">
                  <c:v>48.666667000000004</c:v>
                </c:pt>
                <c:pt idx="2925">
                  <c:v>48.683333000000005</c:v>
                </c:pt>
                <c:pt idx="2926">
                  <c:v>48.7</c:v>
                </c:pt>
                <c:pt idx="2927">
                  <c:v>48.716667000000001</c:v>
                </c:pt>
                <c:pt idx="2928">
                  <c:v>48.733333000000002</c:v>
                </c:pt>
                <c:pt idx="2929">
                  <c:v>48.75</c:v>
                </c:pt>
                <c:pt idx="2930">
                  <c:v>48.766666999999998</c:v>
                </c:pt>
                <c:pt idx="2931">
                  <c:v>48.783332999999999</c:v>
                </c:pt>
                <c:pt idx="2932">
                  <c:v>48.8</c:v>
                </c:pt>
                <c:pt idx="2933">
                  <c:v>48.81666700000001</c:v>
                </c:pt>
                <c:pt idx="2934">
                  <c:v>48.833332999999996</c:v>
                </c:pt>
                <c:pt idx="2935">
                  <c:v>48.850000000000009</c:v>
                </c:pt>
                <c:pt idx="2936">
                  <c:v>48.866667000000007</c:v>
                </c:pt>
                <c:pt idx="2937">
                  <c:v>48.883333000000007</c:v>
                </c:pt>
                <c:pt idx="2938">
                  <c:v>48.900000000000006</c:v>
                </c:pt>
                <c:pt idx="2939">
                  <c:v>48.916667000000004</c:v>
                </c:pt>
                <c:pt idx="2940">
                  <c:v>48.933333000000005</c:v>
                </c:pt>
                <c:pt idx="2941">
                  <c:v>48.95</c:v>
                </c:pt>
                <c:pt idx="2942">
                  <c:v>48.966667000000001</c:v>
                </c:pt>
                <c:pt idx="2943">
                  <c:v>48.983333000000002</c:v>
                </c:pt>
                <c:pt idx="2944">
                  <c:v>49</c:v>
                </c:pt>
                <c:pt idx="2945">
                  <c:v>49.016666999999998</c:v>
                </c:pt>
                <c:pt idx="2946">
                  <c:v>49.033332999999999</c:v>
                </c:pt>
                <c:pt idx="2947">
                  <c:v>49.05</c:v>
                </c:pt>
                <c:pt idx="2948">
                  <c:v>49.06666700000001</c:v>
                </c:pt>
                <c:pt idx="2949">
                  <c:v>49.083332999999996</c:v>
                </c:pt>
                <c:pt idx="2950">
                  <c:v>49.100000000000009</c:v>
                </c:pt>
                <c:pt idx="2951">
                  <c:v>49.116667000000007</c:v>
                </c:pt>
                <c:pt idx="2952">
                  <c:v>49.133333000000007</c:v>
                </c:pt>
                <c:pt idx="2953">
                  <c:v>49.150000000000006</c:v>
                </c:pt>
                <c:pt idx="2954">
                  <c:v>49.166667000000004</c:v>
                </c:pt>
                <c:pt idx="2955">
                  <c:v>49.183333000000005</c:v>
                </c:pt>
                <c:pt idx="2956">
                  <c:v>49.2</c:v>
                </c:pt>
                <c:pt idx="2957">
                  <c:v>49.216667000000001</c:v>
                </c:pt>
                <c:pt idx="2958">
                  <c:v>49.233333000000002</c:v>
                </c:pt>
                <c:pt idx="2959">
                  <c:v>49.25</c:v>
                </c:pt>
                <c:pt idx="2960">
                  <c:v>49.266666999999998</c:v>
                </c:pt>
                <c:pt idx="2961">
                  <c:v>49.283332999999999</c:v>
                </c:pt>
                <c:pt idx="2962">
                  <c:v>49.3</c:v>
                </c:pt>
                <c:pt idx="2963">
                  <c:v>49.31666700000001</c:v>
                </c:pt>
                <c:pt idx="2964">
                  <c:v>49.333332999999996</c:v>
                </c:pt>
                <c:pt idx="2965">
                  <c:v>49.350000000000009</c:v>
                </c:pt>
                <c:pt idx="2966">
                  <c:v>49.366667000000007</c:v>
                </c:pt>
                <c:pt idx="2967">
                  <c:v>49.383333000000007</c:v>
                </c:pt>
                <c:pt idx="2968">
                  <c:v>49.400000000000006</c:v>
                </c:pt>
                <c:pt idx="2969">
                  <c:v>49.416667000000004</c:v>
                </c:pt>
                <c:pt idx="2970">
                  <c:v>49.433333000000005</c:v>
                </c:pt>
                <c:pt idx="2971">
                  <c:v>49.45</c:v>
                </c:pt>
                <c:pt idx="2972">
                  <c:v>49.466667000000001</c:v>
                </c:pt>
                <c:pt idx="2973">
                  <c:v>49.483333000000002</c:v>
                </c:pt>
                <c:pt idx="2974">
                  <c:v>49.5</c:v>
                </c:pt>
                <c:pt idx="2975">
                  <c:v>49.516666999999998</c:v>
                </c:pt>
                <c:pt idx="2976">
                  <c:v>49.533332999999999</c:v>
                </c:pt>
                <c:pt idx="2977">
                  <c:v>49.55</c:v>
                </c:pt>
                <c:pt idx="2978">
                  <c:v>49.56666700000001</c:v>
                </c:pt>
                <c:pt idx="2979">
                  <c:v>49.583332999999996</c:v>
                </c:pt>
                <c:pt idx="2980">
                  <c:v>49.600000000000009</c:v>
                </c:pt>
                <c:pt idx="2981">
                  <c:v>49.616667000000007</c:v>
                </c:pt>
                <c:pt idx="2982">
                  <c:v>49.633333000000007</c:v>
                </c:pt>
                <c:pt idx="2983">
                  <c:v>49.650000000000006</c:v>
                </c:pt>
                <c:pt idx="2984">
                  <c:v>49.666667000000004</c:v>
                </c:pt>
                <c:pt idx="2985">
                  <c:v>49.683333000000005</c:v>
                </c:pt>
                <c:pt idx="2986">
                  <c:v>49.7</c:v>
                </c:pt>
                <c:pt idx="2987">
                  <c:v>49.716667000000015</c:v>
                </c:pt>
                <c:pt idx="2988">
                  <c:v>49.733333000000002</c:v>
                </c:pt>
                <c:pt idx="2989">
                  <c:v>49.750000000000014</c:v>
                </c:pt>
                <c:pt idx="2990">
                  <c:v>49.766666999999998</c:v>
                </c:pt>
                <c:pt idx="2991">
                  <c:v>49.783333000000013</c:v>
                </c:pt>
                <c:pt idx="2992">
                  <c:v>49.8</c:v>
                </c:pt>
                <c:pt idx="2993">
                  <c:v>49.81666700000001</c:v>
                </c:pt>
                <c:pt idx="2994">
                  <c:v>49.833332999999996</c:v>
                </c:pt>
                <c:pt idx="2995">
                  <c:v>49.850000000000009</c:v>
                </c:pt>
                <c:pt idx="2996">
                  <c:v>49.866666999999993</c:v>
                </c:pt>
                <c:pt idx="2997">
                  <c:v>49.883333000000007</c:v>
                </c:pt>
                <c:pt idx="2998">
                  <c:v>49.899999999999991</c:v>
                </c:pt>
                <c:pt idx="2999">
                  <c:v>49.916667000000004</c:v>
                </c:pt>
                <c:pt idx="3000">
                  <c:v>49.93333299999999</c:v>
                </c:pt>
                <c:pt idx="3001">
                  <c:v>49.95</c:v>
                </c:pt>
                <c:pt idx="3002">
                  <c:v>49.966667000000015</c:v>
                </c:pt>
                <c:pt idx="3003">
                  <c:v>49.983333000000002</c:v>
                </c:pt>
                <c:pt idx="3004">
                  <c:v>50.000000000000014</c:v>
                </c:pt>
                <c:pt idx="3005">
                  <c:v>50.016666999999998</c:v>
                </c:pt>
                <c:pt idx="3006">
                  <c:v>50.033333000000013</c:v>
                </c:pt>
                <c:pt idx="3007">
                  <c:v>50.05</c:v>
                </c:pt>
                <c:pt idx="3008">
                  <c:v>50.06666700000001</c:v>
                </c:pt>
                <c:pt idx="3009">
                  <c:v>50.083332999999996</c:v>
                </c:pt>
                <c:pt idx="3010">
                  <c:v>50.100000000000009</c:v>
                </c:pt>
                <c:pt idx="3011">
                  <c:v>50.116666999999993</c:v>
                </c:pt>
                <c:pt idx="3012">
                  <c:v>50.133333000000007</c:v>
                </c:pt>
                <c:pt idx="3013">
                  <c:v>50.149999999999991</c:v>
                </c:pt>
                <c:pt idx="3014">
                  <c:v>50.166667000000004</c:v>
                </c:pt>
                <c:pt idx="3015">
                  <c:v>50.18333299999999</c:v>
                </c:pt>
                <c:pt idx="3016">
                  <c:v>50.2</c:v>
                </c:pt>
                <c:pt idx="3017">
                  <c:v>50.216667000000015</c:v>
                </c:pt>
                <c:pt idx="3018">
                  <c:v>50.233333000000002</c:v>
                </c:pt>
                <c:pt idx="3019">
                  <c:v>50.250000000000014</c:v>
                </c:pt>
                <c:pt idx="3020">
                  <c:v>50.266666999999998</c:v>
                </c:pt>
                <c:pt idx="3021">
                  <c:v>50.283333000000013</c:v>
                </c:pt>
                <c:pt idx="3022">
                  <c:v>50.3</c:v>
                </c:pt>
                <c:pt idx="3023">
                  <c:v>50.31666700000001</c:v>
                </c:pt>
                <c:pt idx="3024">
                  <c:v>50.333332999999996</c:v>
                </c:pt>
                <c:pt idx="3025">
                  <c:v>50.350000000000009</c:v>
                </c:pt>
                <c:pt idx="3026">
                  <c:v>50.366666999999993</c:v>
                </c:pt>
                <c:pt idx="3027">
                  <c:v>50.383333000000007</c:v>
                </c:pt>
                <c:pt idx="3028">
                  <c:v>50.399999999999991</c:v>
                </c:pt>
                <c:pt idx="3029">
                  <c:v>50.416667000000004</c:v>
                </c:pt>
                <c:pt idx="3030">
                  <c:v>50.43333299999999</c:v>
                </c:pt>
                <c:pt idx="3031">
                  <c:v>50.45</c:v>
                </c:pt>
                <c:pt idx="3032">
                  <c:v>50.466667000000015</c:v>
                </c:pt>
                <c:pt idx="3033">
                  <c:v>50.483333000000002</c:v>
                </c:pt>
                <c:pt idx="3034">
                  <c:v>50.500000000000014</c:v>
                </c:pt>
                <c:pt idx="3035">
                  <c:v>50.516666999999998</c:v>
                </c:pt>
                <c:pt idx="3036">
                  <c:v>50.533333000000013</c:v>
                </c:pt>
                <c:pt idx="3037">
                  <c:v>50.55</c:v>
                </c:pt>
                <c:pt idx="3038">
                  <c:v>50.56666700000001</c:v>
                </c:pt>
                <c:pt idx="3039">
                  <c:v>50.583332999999996</c:v>
                </c:pt>
                <c:pt idx="3040">
                  <c:v>50.600000000000009</c:v>
                </c:pt>
                <c:pt idx="3041">
                  <c:v>50.616666999999993</c:v>
                </c:pt>
                <c:pt idx="3042">
                  <c:v>50.633333000000007</c:v>
                </c:pt>
                <c:pt idx="3043">
                  <c:v>50.649999999999991</c:v>
                </c:pt>
                <c:pt idx="3044">
                  <c:v>50.666667000000004</c:v>
                </c:pt>
                <c:pt idx="3045">
                  <c:v>50.68333299999999</c:v>
                </c:pt>
                <c:pt idx="3046">
                  <c:v>50.7</c:v>
                </c:pt>
                <c:pt idx="3047">
                  <c:v>50.716667000000015</c:v>
                </c:pt>
                <c:pt idx="3048">
                  <c:v>50.733333000000002</c:v>
                </c:pt>
                <c:pt idx="3049">
                  <c:v>50.750000000000014</c:v>
                </c:pt>
                <c:pt idx="3050">
                  <c:v>50.766666999999998</c:v>
                </c:pt>
                <c:pt idx="3051">
                  <c:v>50.783333000000013</c:v>
                </c:pt>
                <c:pt idx="3052">
                  <c:v>50.8</c:v>
                </c:pt>
                <c:pt idx="3053">
                  <c:v>50.81666700000001</c:v>
                </c:pt>
                <c:pt idx="3054">
                  <c:v>50.833332999999996</c:v>
                </c:pt>
                <c:pt idx="3055">
                  <c:v>50.850000000000009</c:v>
                </c:pt>
                <c:pt idx="3056">
                  <c:v>50.866666999999993</c:v>
                </c:pt>
                <c:pt idx="3057">
                  <c:v>50.883333000000007</c:v>
                </c:pt>
                <c:pt idx="3058">
                  <c:v>50.899999999999991</c:v>
                </c:pt>
                <c:pt idx="3059">
                  <c:v>50.916667000000004</c:v>
                </c:pt>
                <c:pt idx="3060">
                  <c:v>50.93333299999999</c:v>
                </c:pt>
                <c:pt idx="3061">
                  <c:v>50.95</c:v>
                </c:pt>
                <c:pt idx="3062">
                  <c:v>50.966667000000015</c:v>
                </c:pt>
                <c:pt idx="3063">
                  <c:v>50.983333000000002</c:v>
                </c:pt>
                <c:pt idx="3064">
                  <c:v>51.000000000000014</c:v>
                </c:pt>
                <c:pt idx="3065">
                  <c:v>51.016666999999998</c:v>
                </c:pt>
                <c:pt idx="3066">
                  <c:v>51.033333000000013</c:v>
                </c:pt>
                <c:pt idx="3067">
                  <c:v>51.05</c:v>
                </c:pt>
                <c:pt idx="3068">
                  <c:v>51.06666700000001</c:v>
                </c:pt>
                <c:pt idx="3069">
                  <c:v>51.083332999999996</c:v>
                </c:pt>
                <c:pt idx="3070">
                  <c:v>51.100000000000009</c:v>
                </c:pt>
                <c:pt idx="3071">
                  <c:v>51.116666999999993</c:v>
                </c:pt>
                <c:pt idx="3072">
                  <c:v>51.133333000000007</c:v>
                </c:pt>
                <c:pt idx="3073">
                  <c:v>51.149999999999991</c:v>
                </c:pt>
                <c:pt idx="3074">
                  <c:v>51.166667000000004</c:v>
                </c:pt>
                <c:pt idx="3075">
                  <c:v>51.18333299999999</c:v>
                </c:pt>
                <c:pt idx="3076">
                  <c:v>51.2</c:v>
                </c:pt>
                <c:pt idx="3077">
                  <c:v>51.216667000000015</c:v>
                </c:pt>
                <c:pt idx="3078">
                  <c:v>51.233333000000002</c:v>
                </c:pt>
                <c:pt idx="3079">
                  <c:v>51.250000000000014</c:v>
                </c:pt>
                <c:pt idx="3080">
                  <c:v>51.266666999999998</c:v>
                </c:pt>
                <c:pt idx="3081">
                  <c:v>51.283333000000013</c:v>
                </c:pt>
                <c:pt idx="3082">
                  <c:v>51.3</c:v>
                </c:pt>
                <c:pt idx="3083">
                  <c:v>51.31666700000001</c:v>
                </c:pt>
                <c:pt idx="3084">
                  <c:v>51.333332999999996</c:v>
                </c:pt>
                <c:pt idx="3085">
                  <c:v>51.350000000000009</c:v>
                </c:pt>
                <c:pt idx="3086">
                  <c:v>51.366666999999993</c:v>
                </c:pt>
                <c:pt idx="3087">
                  <c:v>51.383333000000007</c:v>
                </c:pt>
                <c:pt idx="3088">
                  <c:v>51.399999999999991</c:v>
                </c:pt>
                <c:pt idx="3089">
                  <c:v>51.416667000000004</c:v>
                </c:pt>
                <c:pt idx="3090">
                  <c:v>51.43333299999999</c:v>
                </c:pt>
                <c:pt idx="3091">
                  <c:v>51.45</c:v>
                </c:pt>
                <c:pt idx="3092">
                  <c:v>51.466667000000015</c:v>
                </c:pt>
                <c:pt idx="3093">
                  <c:v>51.483333000000002</c:v>
                </c:pt>
                <c:pt idx="3094">
                  <c:v>51.500000000000014</c:v>
                </c:pt>
                <c:pt idx="3095">
                  <c:v>51.516666999999998</c:v>
                </c:pt>
                <c:pt idx="3096">
                  <c:v>51.533333000000013</c:v>
                </c:pt>
                <c:pt idx="3097">
                  <c:v>51.55</c:v>
                </c:pt>
                <c:pt idx="3098">
                  <c:v>51.56666700000001</c:v>
                </c:pt>
                <c:pt idx="3099">
                  <c:v>51.583332999999996</c:v>
                </c:pt>
                <c:pt idx="3100">
                  <c:v>51.600000000000009</c:v>
                </c:pt>
                <c:pt idx="3101">
                  <c:v>51.616666999999993</c:v>
                </c:pt>
                <c:pt idx="3102">
                  <c:v>51.633333000000007</c:v>
                </c:pt>
                <c:pt idx="3103">
                  <c:v>51.649999999999991</c:v>
                </c:pt>
                <c:pt idx="3104">
                  <c:v>51.666667000000004</c:v>
                </c:pt>
                <c:pt idx="3105">
                  <c:v>51.68333299999999</c:v>
                </c:pt>
                <c:pt idx="3106">
                  <c:v>51.7</c:v>
                </c:pt>
                <c:pt idx="3107">
                  <c:v>51.716667000000015</c:v>
                </c:pt>
                <c:pt idx="3108">
                  <c:v>51.733333000000002</c:v>
                </c:pt>
                <c:pt idx="3109">
                  <c:v>51.750000000000014</c:v>
                </c:pt>
                <c:pt idx="3110">
                  <c:v>51.766666999999998</c:v>
                </c:pt>
                <c:pt idx="3111">
                  <c:v>51.783333000000013</c:v>
                </c:pt>
                <c:pt idx="3112">
                  <c:v>51.8</c:v>
                </c:pt>
                <c:pt idx="3113">
                  <c:v>51.81666700000001</c:v>
                </c:pt>
                <c:pt idx="3114">
                  <c:v>51.833332999999996</c:v>
                </c:pt>
                <c:pt idx="3115">
                  <c:v>51.850000000000009</c:v>
                </c:pt>
                <c:pt idx="3116">
                  <c:v>51.866666999999993</c:v>
                </c:pt>
                <c:pt idx="3117">
                  <c:v>51.883333000000007</c:v>
                </c:pt>
                <c:pt idx="3118">
                  <c:v>112.933333</c:v>
                </c:pt>
                <c:pt idx="3119">
                  <c:v>112.95</c:v>
                </c:pt>
                <c:pt idx="3120">
                  <c:v>112.966667</c:v>
                </c:pt>
                <c:pt idx="3121">
                  <c:v>112.983333</c:v>
                </c:pt>
                <c:pt idx="3122">
                  <c:v>113</c:v>
                </c:pt>
                <c:pt idx="3123">
                  <c:v>113.016667</c:v>
                </c:pt>
                <c:pt idx="3124">
                  <c:v>113.033333</c:v>
                </c:pt>
                <c:pt idx="3125">
                  <c:v>113.05</c:v>
                </c:pt>
                <c:pt idx="3126">
                  <c:v>113.066667</c:v>
                </c:pt>
                <c:pt idx="3127">
                  <c:v>113.083333</c:v>
                </c:pt>
                <c:pt idx="3128">
                  <c:v>113.1</c:v>
                </c:pt>
                <c:pt idx="3129">
                  <c:v>113.11666700000001</c:v>
                </c:pt>
                <c:pt idx="3130">
                  <c:v>113.13333299999999</c:v>
                </c:pt>
                <c:pt idx="3131">
                  <c:v>113.15</c:v>
                </c:pt>
                <c:pt idx="3132">
                  <c:v>113.166667</c:v>
                </c:pt>
                <c:pt idx="3133">
                  <c:v>113.183333</c:v>
                </c:pt>
                <c:pt idx="3134">
                  <c:v>113.2</c:v>
                </c:pt>
                <c:pt idx="3135">
                  <c:v>113.216667</c:v>
                </c:pt>
                <c:pt idx="3136">
                  <c:v>113.233333</c:v>
                </c:pt>
                <c:pt idx="3137">
                  <c:v>113.25</c:v>
                </c:pt>
                <c:pt idx="3138">
                  <c:v>113.266667</c:v>
                </c:pt>
                <c:pt idx="3139">
                  <c:v>113.283333</c:v>
                </c:pt>
                <c:pt idx="3140">
                  <c:v>113.3</c:v>
                </c:pt>
                <c:pt idx="3141">
                  <c:v>113.316667</c:v>
                </c:pt>
                <c:pt idx="3142">
                  <c:v>113.333333</c:v>
                </c:pt>
                <c:pt idx="3143">
                  <c:v>113.35</c:v>
                </c:pt>
                <c:pt idx="3144">
                  <c:v>113.36666700000001</c:v>
                </c:pt>
                <c:pt idx="3145">
                  <c:v>113.38333299999999</c:v>
                </c:pt>
                <c:pt idx="3146">
                  <c:v>113.4</c:v>
                </c:pt>
                <c:pt idx="3147">
                  <c:v>113.416667</c:v>
                </c:pt>
                <c:pt idx="3148">
                  <c:v>113.433333</c:v>
                </c:pt>
                <c:pt idx="3149">
                  <c:v>113.45</c:v>
                </c:pt>
                <c:pt idx="3150">
                  <c:v>113.466667</c:v>
                </c:pt>
                <c:pt idx="3151">
                  <c:v>113.483333</c:v>
                </c:pt>
                <c:pt idx="3152">
                  <c:v>113.5</c:v>
                </c:pt>
                <c:pt idx="3153">
                  <c:v>113.516667</c:v>
                </c:pt>
                <c:pt idx="3154">
                  <c:v>113.533333</c:v>
                </c:pt>
                <c:pt idx="3155">
                  <c:v>113.55</c:v>
                </c:pt>
                <c:pt idx="3156">
                  <c:v>113.566667</c:v>
                </c:pt>
                <c:pt idx="3157">
                  <c:v>113.583333</c:v>
                </c:pt>
                <c:pt idx="3158">
                  <c:v>113.6</c:v>
                </c:pt>
                <c:pt idx="3159">
                  <c:v>113.61666700000001</c:v>
                </c:pt>
                <c:pt idx="3160">
                  <c:v>113.63333299999999</c:v>
                </c:pt>
                <c:pt idx="3161">
                  <c:v>113.65</c:v>
                </c:pt>
                <c:pt idx="3162">
                  <c:v>113.666667</c:v>
                </c:pt>
                <c:pt idx="3163">
                  <c:v>113.683333</c:v>
                </c:pt>
                <c:pt idx="3164">
                  <c:v>113.7</c:v>
                </c:pt>
                <c:pt idx="3165">
                  <c:v>113.716667</c:v>
                </c:pt>
                <c:pt idx="3166">
                  <c:v>113.733333</c:v>
                </c:pt>
                <c:pt idx="3167">
                  <c:v>113.75</c:v>
                </c:pt>
                <c:pt idx="3168">
                  <c:v>113.766667</c:v>
                </c:pt>
                <c:pt idx="3169">
                  <c:v>113.783333</c:v>
                </c:pt>
                <c:pt idx="3170">
                  <c:v>113.8</c:v>
                </c:pt>
                <c:pt idx="3171">
                  <c:v>113.816667</c:v>
                </c:pt>
                <c:pt idx="3172">
                  <c:v>113.833333</c:v>
                </c:pt>
                <c:pt idx="3173">
                  <c:v>113.85</c:v>
                </c:pt>
                <c:pt idx="3174">
                  <c:v>113.86666700000001</c:v>
                </c:pt>
                <c:pt idx="3175">
                  <c:v>113.88333299999999</c:v>
                </c:pt>
                <c:pt idx="3176">
                  <c:v>113.9</c:v>
                </c:pt>
                <c:pt idx="3177">
                  <c:v>113.916667</c:v>
                </c:pt>
                <c:pt idx="3178">
                  <c:v>113.933333</c:v>
                </c:pt>
                <c:pt idx="3179">
                  <c:v>113.95</c:v>
                </c:pt>
                <c:pt idx="3180">
                  <c:v>113.966667</c:v>
                </c:pt>
                <c:pt idx="3181">
                  <c:v>113.983333</c:v>
                </c:pt>
                <c:pt idx="3182">
                  <c:v>114</c:v>
                </c:pt>
                <c:pt idx="3183">
                  <c:v>114.016667</c:v>
                </c:pt>
                <c:pt idx="3184">
                  <c:v>114.033333</c:v>
                </c:pt>
                <c:pt idx="3185">
                  <c:v>114.05</c:v>
                </c:pt>
                <c:pt idx="3186">
                  <c:v>114.066667</c:v>
                </c:pt>
                <c:pt idx="3187">
                  <c:v>114.083333</c:v>
                </c:pt>
                <c:pt idx="3188">
                  <c:v>114.1</c:v>
                </c:pt>
                <c:pt idx="3189">
                  <c:v>114.11666700000001</c:v>
                </c:pt>
                <c:pt idx="3190">
                  <c:v>114.13333299999999</c:v>
                </c:pt>
                <c:pt idx="3191">
                  <c:v>114.15</c:v>
                </c:pt>
                <c:pt idx="3192">
                  <c:v>114.166667</c:v>
                </c:pt>
                <c:pt idx="3193">
                  <c:v>114.183333</c:v>
                </c:pt>
                <c:pt idx="3194">
                  <c:v>114.2</c:v>
                </c:pt>
                <c:pt idx="3195">
                  <c:v>114.216667</c:v>
                </c:pt>
                <c:pt idx="3196">
                  <c:v>114.233333</c:v>
                </c:pt>
                <c:pt idx="3197">
                  <c:v>114.25</c:v>
                </c:pt>
                <c:pt idx="3198">
                  <c:v>114.266667</c:v>
                </c:pt>
                <c:pt idx="3199">
                  <c:v>114.283333</c:v>
                </c:pt>
                <c:pt idx="3200">
                  <c:v>114.3</c:v>
                </c:pt>
                <c:pt idx="3201">
                  <c:v>114.316667</c:v>
                </c:pt>
                <c:pt idx="3202">
                  <c:v>114.333333</c:v>
                </c:pt>
                <c:pt idx="3203">
                  <c:v>114.35</c:v>
                </c:pt>
                <c:pt idx="3204">
                  <c:v>114.36666700000001</c:v>
                </c:pt>
                <c:pt idx="3205">
                  <c:v>114.38333299999999</c:v>
                </c:pt>
                <c:pt idx="3206">
                  <c:v>114.4</c:v>
                </c:pt>
                <c:pt idx="3207">
                  <c:v>114.416667</c:v>
                </c:pt>
                <c:pt idx="3208">
                  <c:v>114.433333</c:v>
                </c:pt>
                <c:pt idx="3209">
                  <c:v>114.45</c:v>
                </c:pt>
                <c:pt idx="3210">
                  <c:v>114.466667</c:v>
                </c:pt>
                <c:pt idx="3211">
                  <c:v>114.483333</c:v>
                </c:pt>
                <c:pt idx="3212">
                  <c:v>114.5</c:v>
                </c:pt>
                <c:pt idx="3213">
                  <c:v>114.516667</c:v>
                </c:pt>
                <c:pt idx="3214">
                  <c:v>114.533333</c:v>
                </c:pt>
                <c:pt idx="3215">
                  <c:v>114.55</c:v>
                </c:pt>
                <c:pt idx="3216">
                  <c:v>114.566667</c:v>
                </c:pt>
                <c:pt idx="3217">
                  <c:v>114.583333</c:v>
                </c:pt>
                <c:pt idx="3218">
                  <c:v>114.6</c:v>
                </c:pt>
                <c:pt idx="3219">
                  <c:v>114.61666700000001</c:v>
                </c:pt>
                <c:pt idx="3220">
                  <c:v>114.63333299999999</c:v>
                </c:pt>
                <c:pt idx="3221">
                  <c:v>114.65</c:v>
                </c:pt>
                <c:pt idx="3222">
                  <c:v>114.666667</c:v>
                </c:pt>
                <c:pt idx="3223">
                  <c:v>114.683333</c:v>
                </c:pt>
                <c:pt idx="3224">
                  <c:v>114.7</c:v>
                </c:pt>
                <c:pt idx="3225">
                  <c:v>114.716667</c:v>
                </c:pt>
                <c:pt idx="3226">
                  <c:v>114.733333</c:v>
                </c:pt>
                <c:pt idx="3227">
                  <c:v>114.75</c:v>
                </c:pt>
                <c:pt idx="3228">
                  <c:v>114.766667</c:v>
                </c:pt>
                <c:pt idx="3229">
                  <c:v>114.783333</c:v>
                </c:pt>
                <c:pt idx="3230">
                  <c:v>114.8</c:v>
                </c:pt>
                <c:pt idx="3231">
                  <c:v>114.816667</c:v>
                </c:pt>
                <c:pt idx="3232">
                  <c:v>114.833333</c:v>
                </c:pt>
                <c:pt idx="3233">
                  <c:v>114.85</c:v>
                </c:pt>
                <c:pt idx="3234">
                  <c:v>114.86666700000001</c:v>
                </c:pt>
                <c:pt idx="3235">
                  <c:v>114.88333299999999</c:v>
                </c:pt>
                <c:pt idx="3236">
                  <c:v>114.9</c:v>
                </c:pt>
                <c:pt idx="3237">
                  <c:v>114.916667</c:v>
                </c:pt>
                <c:pt idx="3238">
                  <c:v>114.933333</c:v>
                </c:pt>
                <c:pt idx="3239">
                  <c:v>114.95</c:v>
                </c:pt>
                <c:pt idx="3240">
                  <c:v>114.966667</c:v>
                </c:pt>
                <c:pt idx="3241">
                  <c:v>114.983333</c:v>
                </c:pt>
                <c:pt idx="3242">
                  <c:v>115</c:v>
                </c:pt>
                <c:pt idx="3243">
                  <c:v>115.016667</c:v>
                </c:pt>
                <c:pt idx="3244">
                  <c:v>115.033333</c:v>
                </c:pt>
                <c:pt idx="3245">
                  <c:v>115.05</c:v>
                </c:pt>
                <c:pt idx="3246">
                  <c:v>115.066667</c:v>
                </c:pt>
                <c:pt idx="3247">
                  <c:v>115.083333</c:v>
                </c:pt>
                <c:pt idx="3248">
                  <c:v>115.1</c:v>
                </c:pt>
                <c:pt idx="3249">
                  <c:v>115.11666700000001</c:v>
                </c:pt>
                <c:pt idx="3250">
                  <c:v>115.13333299999999</c:v>
                </c:pt>
                <c:pt idx="3251">
                  <c:v>115.15</c:v>
                </c:pt>
                <c:pt idx="3252">
                  <c:v>115.166667</c:v>
                </c:pt>
                <c:pt idx="3253">
                  <c:v>115.183333</c:v>
                </c:pt>
                <c:pt idx="3254">
                  <c:v>115.2</c:v>
                </c:pt>
                <c:pt idx="3255">
                  <c:v>115.216667</c:v>
                </c:pt>
                <c:pt idx="3256">
                  <c:v>115.233333</c:v>
                </c:pt>
                <c:pt idx="3257">
                  <c:v>115.25</c:v>
                </c:pt>
                <c:pt idx="3258">
                  <c:v>115.266667</c:v>
                </c:pt>
                <c:pt idx="3259">
                  <c:v>115.283333</c:v>
                </c:pt>
                <c:pt idx="3260">
                  <c:v>115.3</c:v>
                </c:pt>
                <c:pt idx="3261">
                  <c:v>115.316667</c:v>
                </c:pt>
                <c:pt idx="3262">
                  <c:v>115.333333</c:v>
                </c:pt>
                <c:pt idx="3263">
                  <c:v>115.35</c:v>
                </c:pt>
                <c:pt idx="3264">
                  <c:v>115.36666700000001</c:v>
                </c:pt>
                <c:pt idx="3265">
                  <c:v>115.38333299999999</c:v>
                </c:pt>
                <c:pt idx="3266">
                  <c:v>115.4</c:v>
                </c:pt>
                <c:pt idx="3267">
                  <c:v>115.416667</c:v>
                </c:pt>
                <c:pt idx="3268">
                  <c:v>115.433333</c:v>
                </c:pt>
                <c:pt idx="3269">
                  <c:v>115.45</c:v>
                </c:pt>
                <c:pt idx="3270">
                  <c:v>115.466667</c:v>
                </c:pt>
                <c:pt idx="3271">
                  <c:v>115.483333</c:v>
                </c:pt>
                <c:pt idx="3272">
                  <c:v>115.5</c:v>
                </c:pt>
                <c:pt idx="3273">
                  <c:v>115.516667</c:v>
                </c:pt>
                <c:pt idx="3274">
                  <c:v>115.533333</c:v>
                </c:pt>
                <c:pt idx="3275">
                  <c:v>115.55</c:v>
                </c:pt>
                <c:pt idx="3276">
                  <c:v>115.566667</c:v>
                </c:pt>
                <c:pt idx="3277">
                  <c:v>115.583333</c:v>
                </c:pt>
                <c:pt idx="3278">
                  <c:v>115.6</c:v>
                </c:pt>
                <c:pt idx="3279">
                  <c:v>115.61666700000001</c:v>
                </c:pt>
                <c:pt idx="3280">
                  <c:v>115.63333299999999</c:v>
                </c:pt>
                <c:pt idx="3281">
                  <c:v>115.65</c:v>
                </c:pt>
                <c:pt idx="3282">
                  <c:v>115.666667</c:v>
                </c:pt>
                <c:pt idx="3283">
                  <c:v>115.683333</c:v>
                </c:pt>
                <c:pt idx="3284">
                  <c:v>115.7</c:v>
                </c:pt>
                <c:pt idx="3285">
                  <c:v>115.716667</c:v>
                </c:pt>
                <c:pt idx="3286">
                  <c:v>115.733333</c:v>
                </c:pt>
                <c:pt idx="3287">
                  <c:v>115.75</c:v>
                </c:pt>
                <c:pt idx="3288">
                  <c:v>115.766667</c:v>
                </c:pt>
                <c:pt idx="3289">
                  <c:v>115.783333</c:v>
                </c:pt>
                <c:pt idx="3290">
                  <c:v>115.8</c:v>
                </c:pt>
                <c:pt idx="3291">
                  <c:v>115.816667</c:v>
                </c:pt>
                <c:pt idx="3292">
                  <c:v>115.833333</c:v>
                </c:pt>
                <c:pt idx="3293">
                  <c:v>115.85</c:v>
                </c:pt>
                <c:pt idx="3294">
                  <c:v>115.86666700000001</c:v>
                </c:pt>
                <c:pt idx="3295">
                  <c:v>115.88333299999999</c:v>
                </c:pt>
                <c:pt idx="3296">
                  <c:v>115.9</c:v>
                </c:pt>
                <c:pt idx="3297">
                  <c:v>115.916667</c:v>
                </c:pt>
                <c:pt idx="3298">
                  <c:v>115.933333</c:v>
                </c:pt>
                <c:pt idx="3299">
                  <c:v>115.95</c:v>
                </c:pt>
                <c:pt idx="3300">
                  <c:v>115.966667</c:v>
                </c:pt>
                <c:pt idx="3301">
                  <c:v>115.983333</c:v>
                </c:pt>
                <c:pt idx="3302">
                  <c:v>116</c:v>
                </c:pt>
                <c:pt idx="3303">
                  <c:v>116.016667</c:v>
                </c:pt>
                <c:pt idx="3304">
                  <c:v>116.033333</c:v>
                </c:pt>
                <c:pt idx="3305">
                  <c:v>116.05</c:v>
                </c:pt>
                <c:pt idx="3306">
                  <c:v>116.066667</c:v>
                </c:pt>
                <c:pt idx="3307">
                  <c:v>116.083333</c:v>
                </c:pt>
                <c:pt idx="3308">
                  <c:v>116.1</c:v>
                </c:pt>
                <c:pt idx="3309">
                  <c:v>116.11666700000001</c:v>
                </c:pt>
                <c:pt idx="3310">
                  <c:v>116.13333299999999</c:v>
                </c:pt>
                <c:pt idx="3311">
                  <c:v>116.15</c:v>
                </c:pt>
                <c:pt idx="3312">
                  <c:v>116.166667</c:v>
                </c:pt>
                <c:pt idx="3313">
                  <c:v>116.183333</c:v>
                </c:pt>
                <c:pt idx="3314">
                  <c:v>116.2</c:v>
                </c:pt>
                <c:pt idx="3315">
                  <c:v>116.216667</c:v>
                </c:pt>
                <c:pt idx="3316">
                  <c:v>116.233333</c:v>
                </c:pt>
                <c:pt idx="3317">
                  <c:v>116.25</c:v>
                </c:pt>
                <c:pt idx="3318">
                  <c:v>116.266667</c:v>
                </c:pt>
                <c:pt idx="3319">
                  <c:v>116.283333</c:v>
                </c:pt>
                <c:pt idx="3320">
                  <c:v>116.3</c:v>
                </c:pt>
                <c:pt idx="3321">
                  <c:v>116.316667</c:v>
                </c:pt>
                <c:pt idx="3322">
                  <c:v>116.333333</c:v>
                </c:pt>
                <c:pt idx="3323">
                  <c:v>116.35</c:v>
                </c:pt>
                <c:pt idx="3324">
                  <c:v>116.36666700000001</c:v>
                </c:pt>
                <c:pt idx="3325">
                  <c:v>116.38333299999999</c:v>
                </c:pt>
                <c:pt idx="3326">
                  <c:v>116.4</c:v>
                </c:pt>
                <c:pt idx="3327">
                  <c:v>116.416667</c:v>
                </c:pt>
                <c:pt idx="3328">
                  <c:v>116.433333</c:v>
                </c:pt>
                <c:pt idx="3329">
                  <c:v>116.45</c:v>
                </c:pt>
                <c:pt idx="3330">
                  <c:v>116.466667</c:v>
                </c:pt>
                <c:pt idx="3331">
                  <c:v>116.483333</c:v>
                </c:pt>
                <c:pt idx="3332">
                  <c:v>116.5</c:v>
                </c:pt>
                <c:pt idx="3333">
                  <c:v>116.516667</c:v>
                </c:pt>
                <c:pt idx="3334">
                  <c:v>116.533333</c:v>
                </c:pt>
                <c:pt idx="3335">
                  <c:v>116.55</c:v>
                </c:pt>
                <c:pt idx="3336">
                  <c:v>116.566667</c:v>
                </c:pt>
                <c:pt idx="3337">
                  <c:v>116.583333</c:v>
                </c:pt>
                <c:pt idx="3338">
                  <c:v>116.6</c:v>
                </c:pt>
                <c:pt idx="3339">
                  <c:v>116.61666700000001</c:v>
                </c:pt>
                <c:pt idx="3340">
                  <c:v>116.63333299999999</c:v>
                </c:pt>
                <c:pt idx="3341">
                  <c:v>116.65</c:v>
                </c:pt>
                <c:pt idx="3342">
                  <c:v>116.666667</c:v>
                </c:pt>
                <c:pt idx="3343">
                  <c:v>116.683333</c:v>
                </c:pt>
                <c:pt idx="3344">
                  <c:v>116.7</c:v>
                </c:pt>
                <c:pt idx="3345">
                  <c:v>116.716667</c:v>
                </c:pt>
                <c:pt idx="3346">
                  <c:v>116.733333</c:v>
                </c:pt>
                <c:pt idx="3347">
                  <c:v>116.75</c:v>
                </c:pt>
                <c:pt idx="3348">
                  <c:v>116.766667</c:v>
                </c:pt>
                <c:pt idx="3349">
                  <c:v>116.783333</c:v>
                </c:pt>
                <c:pt idx="3350">
                  <c:v>116.8</c:v>
                </c:pt>
                <c:pt idx="3351">
                  <c:v>116.816667</c:v>
                </c:pt>
                <c:pt idx="3352">
                  <c:v>116.833333</c:v>
                </c:pt>
                <c:pt idx="3353">
                  <c:v>116.85</c:v>
                </c:pt>
                <c:pt idx="3354">
                  <c:v>116.86666700000001</c:v>
                </c:pt>
                <c:pt idx="3355">
                  <c:v>116.88333299999999</c:v>
                </c:pt>
                <c:pt idx="3356">
                  <c:v>116.9</c:v>
                </c:pt>
                <c:pt idx="3357">
                  <c:v>116.916667</c:v>
                </c:pt>
                <c:pt idx="3358">
                  <c:v>116.933333</c:v>
                </c:pt>
                <c:pt idx="3359">
                  <c:v>116.95</c:v>
                </c:pt>
                <c:pt idx="3360">
                  <c:v>116.966667</c:v>
                </c:pt>
                <c:pt idx="3361">
                  <c:v>116.983333</c:v>
                </c:pt>
                <c:pt idx="3362">
                  <c:v>117</c:v>
                </c:pt>
                <c:pt idx="3363">
                  <c:v>117.016667</c:v>
                </c:pt>
                <c:pt idx="3364">
                  <c:v>117.033333</c:v>
                </c:pt>
                <c:pt idx="3365">
                  <c:v>117.05</c:v>
                </c:pt>
                <c:pt idx="3366">
                  <c:v>117.066667</c:v>
                </c:pt>
                <c:pt idx="3367">
                  <c:v>117.083333</c:v>
                </c:pt>
                <c:pt idx="3368">
                  <c:v>117.1</c:v>
                </c:pt>
                <c:pt idx="3369">
                  <c:v>117.11666700000001</c:v>
                </c:pt>
                <c:pt idx="3370">
                  <c:v>117.13333299999999</c:v>
                </c:pt>
                <c:pt idx="3371">
                  <c:v>117.15</c:v>
                </c:pt>
                <c:pt idx="3372">
                  <c:v>117.166667</c:v>
                </c:pt>
                <c:pt idx="3373">
                  <c:v>117.183333</c:v>
                </c:pt>
                <c:pt idx="3374">
                  <c:v>117.2</c:v>
                </c:pt>
                <c:pt idx="3375">
                  <c:v>117.216667</c:v>
                </c:pt>
                <c:pt idx="3376">
                  <c:v>117.233333</c:v>
                </c:pt>
                <c:pt idx="3377">
                  <c:v>117.25</c:v>
                </c:pt>
                <c:pt idx="3378">
                  <c:v>117.266667</c:v>
                </c:pt>
                <c:pt idx="3379">
                  <c:v>117.283333</c:v>
                </c:pt>
                <c:pt idx="3380">
                  <c:v>117.3</c:v>
                </c:pt>
                <c:pt idx="3381">
                  <c:v>117.316667</c:v>
                </c:pt>
                <c:pt idx="3382">
                  <c:v>117.333333</c:v>
                </c:pt>
                <c:pt idx="3383">
                  <c:v>117.35</c:v>
                </c:pt>
                <c:pt idx="3384">
                  <c:v>117.36666700000001</c:v>
                </c:pt>
                <c:pt idx="3385">
                  <c:v>117.38333299999999</c:v>
                </c:pt>
                <c:pt idx="3386">
                  <c:v>117.4</c:v>
                </c:pt>
                <c:pt idx="3387">
                  <c:v>117.416667</c:v>
                </c:pt>
                <c:pt idx="3388">
                  <c:v>117.433333</c:v>
                </c:pt>
                <c:pt idx="3389">
                  <c:v>117.45</c:v>
                </c:pt>
                <c:pt idx="3390">
                  <c:v>117.466667</c:v>
                </c:pt>
                <c:pt idx="3391">
                  <c:v>117.483333</c:v>
                </c:pt>
                <c:pt idx="3392">
                  <c:v>117.5</c:v>
                </c:pt>
                <c:pt idx="3393">
                  <c:v>117.516667</c:v>
                </c:pt>
                <c:pt idx="3394">
                  <c:v>117.533333</c:v>
                </c:pt>
                <c:pt idx="3395">
                  <c:v>117.55</c:v>
                </c:pt>
                <c:pt idx="3396">
                  <c:v>117.566667</c:v>
                </c:pt>
                <c:pt idx="3397">
                  <c:v>117.583333</c:v>
                </c:pt>
                <c:pt idx="3398">
                  <c:v>117.6</c:v>
                </c:pt>
                <c:pt idx="3399">
                  <c:v>117.61666700000001</c:v>
                </c:pt>
                <c:pt idx="3400">
                  <c:v>117.63333299999999</c:v>
                </c:pt>
                <c:pt idx="3401">
                  <c:v>117.65</c:v>
                </c:pt>
                <c:pt idx="3402">
                  <c:v>117.666667</c:v>
                </c:pt>
                <c:pt idx="3403">
                  <c:v>117.683333</c:v>
                </c:pt>
                <c:pt idx="3404">
                  <c:v>117.7</c:v>
                </c:pt>
                <c:pt idx="3405">
                  <c:v>117.716667</c:v>
                </c:pt>
                <c:pt idx="3406">
                  <c:v>117.733333</c:v>
                </c:pt>
                <c:pt idx="3407">
                  <c:v>117.75</c:v>
                </c:pt>
                <c:pt idx="3408">
                  <c:v>117.766667</c:v>
                </c:pt>
                <c:pt idx="3409">
                  <c:v>117.783333</c:v>
                </c:pt>
                <c:pt idx="3410">
                  <c:v>117.8</c:v>
                </c:pt>
                <c:pt idx="3411">
                  <c:v>117.816667</c:v>
                </c:pt>
                <c:pt idx="3412">
                  <c:v>117.833333</c:v>
                </c:pt>
                <c:pt idx="3413">
                  <c:v>117.85</c:v>
                </c:pt>
                <c:pt idx="3414">
                  <c:v>117.86666700000001</c:v>
                </c:pt>
                <c:pt idx="3415">
                  <c:v>117.88333299999999</c:v>
                </c:pt>
                <c:pt idx="3416">
                  <c:v>117.9</c:v>
                </c:pt>
                <c:pt idx="3417">
                  <c:v>117.916667</c:v>
                </c:pt>
                <c:pt idx="3418">
                  <c:v>117.933333</c:v>
                </c:pt>
                <c:pt idx="3419">
                  <c:v>117.95</c:v>
                </c:pt>
                <c:pt idx="3420">
                  <c:v>117.966667</c:v>
                </c:pt>
                <c:pt idx="3421">
                  <c:v>117.983333</c:v>
                </c:pt>
                <c:pt idx="3422">
                  <c:v>118</c:v>
                </c:pt>
                <c:pt idx="3423">
                  <c:v>118.016667</c:v>
                </c:pt>
                <c:pt idx="3424">
                  <c:v>118.033333</c:v>
                </c:pt>
                <c:pt idx="3425">
                  <c:v>118.05</c:v>
                </c:pt>
                <c:pt idx="3426">
                  <c:v>118.066667</c:v>
                </c:pt>
                <c:pt idx="3427">
                  <c:v>118.083333</c:v>
                </c:pt>
                <c:pt idx="3428">
                  <c:v>118.1</c:v>
                </c:pt>
                <c:pt idx="3429">
                  <c:v>118.11666700000001</c:v>
                </c:pt>
                <c:pt idx="3430">
                  <c:v>118.13333299999999</c:v>
                </c:pt>
                <c:pt idx="3431">
                  <c:v>118.15</c:v>
                </c:pt>
                <c:pt idx="3432">
                  <c:v>118.166667</c:v>
                </c:pt>
                <c:pt idx="3433">
                  <c:v>118.183333</c:v>
                </c:pt>
                <c:pt idx="3434">
                  <c:v>118.2</c:v>
                </c:pt>
                <c:pt idx="3435">
                  <c:v>118.216667</c:v>
                </c:pt>
                <c:pt idx="3436">
                  <c:v>118.233333</c:v>
                </c:pt>
                <c:pt idx="3437">
                  <c:v>118.25</c:v>
                </c:pt>
                <c:pt idx="3438">
                  <c:v>118.266667</c:v>
                </c:pt>
                <c:pt idx="3439">
                  <c:v>118.283333</c:v>
                </c:pt>
                <c:pt idx="3440">
                  <c:v>118.3</c:v>
                </c:pt>
                <c:pt idx="3441">
                  <c:v>118.316667</c:v>
                </c:pt>
                <c:pt idx="3442">
                  <c:v>118.333333</c:v>
                </c:pt>
                <c:pt idx="3443">
                  <c:v>118.35</c:v>
                </c:pt>
                <c:pt idx="3444">
                  <c:v>118.36666700000001</c:v>
                </c:pt>
                <c:pt idx="3445">
                  <c:v>118.38333299999999</c:v>
                </c:pt>
                <c:pt idx="3446">
                  <c:v>118.4</c:v>
                </c:pt>
                <c:pt idx="3447">
                  <c:v>118.416667</c:v>
                </c:pt>
                <c:pt idx="3448">
                  <c:v>118.433333</c:v>
                </c:pt>
                <c:pt idx="3449">
                  <c:v>118.45</c:v>
                </c:pt>
                <c:pt idx="3450">
                  <c:v>118.466667</c:v>
                </c:pt>
                <c:pt idx="3451">
                  <c:v>118.483333</c:v>
                </c:pt>
                <c:pt idx="3452">
                  <c:v>118.5</c:v>
                </c:pt>
                <c:pt idx="3453">
                  <c:v>118.516667</c:v>
                </c:pt>
                <c:pt idx="3454">
                  <c:v>118.533333</c:v>
                </c:pt>
                <c:pt idx="3455">
                  <c:v>118.55</c:v>
                </c:pt>
                <c:pt idx="3456">
                  <c:v>118.566667</c:v>
                </c:pt>
                <c:pt idx="3457">
                  <c:v>118.583333</c:v>
                </c:pt>
                <c:pt idx="3458">
                  <c:v>118.6</c:v>
                </c:pt>
                <c:pt idx="3459">
                  <c:v>118.61666700000001</c:v>
                </c:pt>
                <c:pt idx="3460">
                  <c:v>118.63333299999999</c:v>
                </c:pt>
                <c:pt idx="3461">
                  <c:v>118.65</c:v>
                </c:pt>
                <c:pt idx="3462">
                  <c:v>118.666667</c:v>
                </c:pt>
                <c:pt idx="3463">
                  <c:v>118.683333</c:v>
                </c:pt>
                <c:pt idx="3464">
                  <c:v>118.7</c:v>
                </c:pt>
                <c:pt idx="3465">
                  <c:v>118.716667</c:v>
                </c:pt>
                <c:pt idx="3466">
                  <c:v>118.733333</c:v>
                </c:pt>
                <c:pt idx="3467">
                  <c:v>118.75</c:v>
                </c:pt>
                <c:pt idx="3468">
                  <c:v>118.766667</c:v>
                </c:pt>
                <c:pt idx="3469">
                  <c:v>118.783333</c:v>
                </c:pt>
                <c:pt idx="3470">
                  <c:v>118.8</c:v>
                </c:pt>
                <c:pt idx="3471">
                  <c:v>118.816667</c:v>
                </c:pt>
                <c:pt idx="3472">
                  <c:v>118.833333</c:v>
                </c:pt>
                <c:pt idx="3473">
                  <c:v>118.85</c:v>
                </c:pt>
                <c:pt idx="3474">
                  <c:v>118.86666700000001</c:v>
                </c:pt>
                <c:pt idx="3475">
                  <c:v>118.88333299999999</c:v>
                </c:pt>
                <c:pt idx="3476">
                  <c:v>118.9</c:v>
                </c:pt>
                <c:pt idx="3477">
                  <c:v>118.916667</c:v>
                </c:pt>
                <c:pt idx="3478">
                  <c:v>118.933333</c:v>
                </c:pt>
                <c:pt idx="3479">
                  <c:v>118.95</c:v>
                </c:pt>
                <c:pt idx="3480">
                  <c:v>118.966667</c:v>
                </c:pt>
                <c:pt idx="3481">
                  <c:v>118.983333</c:v>
                </c:pt>
                <c:pt idx="3482">
                  <c:v>119</c:v>
                </c:pt>
                <c:pt idx="3483">
                  <c:v>119.016667</c:v>
                </c:pt>
                <c:pt idx="3484">
                  <c:v>119.033333</c:v>
                </c:pt>
                <c:pt idx="3485">
                  <c:v>119.05</c:v>
                </c:pt>
                <c:pt idx="3486">
                  <c:v>119.066667</c:v>
                </c:pt>
                <c:pt idx="3487">
                  <c:v>119.083333</c:v>
                </c:pt>
                <c:pt idx="3488">
                  <c:v>119.1</c:v>
                </c:pt>
                <c:pt idx="3489">
                  <c:v>119.11666700000001</c:v>
                </c:pt>
                <c:pt idx="3490">
                  <c:v>119.13333299999999</c:v>
                </c:pt>
                <c:pt idx="3491">
                  <c:v>119.15</c:v>
                </c:pt>
                <c:pt idx="3492">
                  <c:v>119.166667</c:v>
                </c:pt>
                <c:pt idx="3493">
                  <c:v>119.183333</c:v>
                </c:pt>
                <c:pt idx="3494">
                  <c:v>119.2</c:v>
                </c:pt>
                <c:pt idx="3495">
                  <c:v>119.216667</c:v>
                </c:pt>
                <c:pt idx="3496">
                  <c:v>119.233333</c:v>
                </c:pt>
                <c:pt idx="3497">
                  <c:v>119.25</c:v>
                </c:pt>
                <c:pt idx="3498">
                  <c:v>119.266667</c:v>
                </c:pt>
                <c:pt idx="3499">
                  <c:v>119.283333</c:v>
                </c:pt>
                <c:pt idx="3500">
                  <c:v>119.3</c:v>
                </c:pt>
                <c:pt idx="3501">
                  <c:v>119.316667</c:v>
                </c:pt>
                <c:pt idx="3502">
                  <c:v>119.333333</c:v>
                </c:pt>
                <c:pt idx="3503">
                  <c:v>119.35</c:v>
                </c:pt>
                <c:pt idx="3504">
                  <c:v>119.36666700000001</c:v>
                </c:pt>
                <c:pt idx="3505">
                  <c:v>119.38333299999999</c:v>
                </c:pt>
                <c:pt idx="3506">
                  <c:v>119.4</c:v>
                </c:pt>
                <c:pt idx="3507">
                  <c:v>119.416667</c:v>
                </c:pt>
                <c:pt idx="3508">
                  <c:v>119.433333</c:v>
                </c:pt>
                <c:pt idx="3509">
                  <c:v>119.45</c:v>
                </c:pt>
                <c:pt idx="3510">
                  <c:v>119.466667</c:v>
                </c:pt>
                <c:pt idx="3511">
                  <c:v>119.483333</c:v>
                </c:pt>
                <c:pt idx="3512">
                  <c:v>119.5</c:v>
                </c:pt>
                <c:pt idx="3513">
                  <c:v>119.516667</c:v>
                </c:pt>
                <c:pt idx="3514">
                  <c:v>119.533333</c:v>
                </c:pt>
                <c:pt idx="3515">
                  <c:v>119.55</c:v>
                </c:pt>
                <c:pt idx="3516">
                  <c:v>119.566667</c:v>
                </c:pt>
                <c:pt idx="3517">
                  <c:v>119.583333</c:v>
                </c:pt>
                <c:pt idx="3518">
                  <c:v>119.6</c:v>
                </c:pt>
                <c:pt idx="3519">
                  <c:v>119.61666700000001</c:v>
                </c:pt>
                <c:pt idx="3520">
                  <c:v>119.63333299999999</c:v>
                </c:pt>
                <c:pt idx="3521">
                  <c:v>119.65</c:v>
                </c:pt>
                <c:pt idx="3522">
                  <c:v>119.666667</c:v>
                </c:pt>
                <c:pt idx="3523">
                  <c:v>119.683333</c:v>
                </c:pt>
                <c:pt idx="3524">
                  <c:v>119.7</c:v>
                </c:pt>
                <c:pt idx="3525">
                  <c:v>119.716667</c:v>
                </c:pt>
                <c:pt idx="3526">
                  <c:v>119.733333</c:v>
                </c:pt>
                <c:pt idx="3527">
                  <c:v>119.75</c:v>
                </c:pt>
                <c:pt idx="3528">
                  <c:v>119.766667</c:v>
                </c:pt>
                <c:pt idx="3529">
                  <c:v>119.783333</c:v>
                </c:pt>
                <c:pt idx="3530">
                  <c:v>119.8</c:v>
                </c:pt>
                <c:pt idx="3531">
                  <c:v>119.816667</c:v>
                </c:pt>
                <c:pt idx="3532">
                  <c:v>119.833333</c:v>
                </c:pt>
                <c:pt idx="3533">
                  <c:v>119.85</c:v>
                </c:pt>
                <c:pt idx="3534">
                  <c:v>119.86666700000001</c:v>
                </c:pt>
                <c:pt idx="3535">
                  <c:v>119.88333299999999</c:v>
                </c:pt>
                <c:pt idx="3536">
                  <c:v>119.9</c:v>
                </c:pt>
                <c:pt idx="3537">
                  <c:v>119.916667</c:v>
                </c:pt>
                <c:pt idx="3538">
                  <c:v>119.933333</c:v>
                </c:pt>
                <c:pt idx="3539">
                  <c:v>119.95</c:v>
                </c:pt>
                <c:pt idx="3540">
                  <c:v>119.966667</c:v>
                </c:pt>
                <c:pt idx="3541">
                  <c:v>119.983333</c:v>
                </c:pt>
                <c:pt idx="3542">
                  <c:v>120</c:v>
                </c:pt>
                <c:pt idx="3543">
                  <c:v>120.016667</c:v>
                </c:pt>
                <c:pt idx="3544">
                  <c:v>120.033333</c:v>
                </c:pt>
                <c:pt idx="3545">
                  <c:v>120.05</c:v>
                </c:pt>
                <c:pt idx="3546">
                  <c:v>120.066667</c:v>
                </c:pt>
                <c:pt idx="3547">
                  <c:v>120.083333</c:v>
                </c:pt>
                <c:pt idx="3548">
                  <c:v>120.1</c:v>
                </c:pt>
                <c:pt idx="3549">
                  <c:v>120.11666700000001</c:v>
                </c:pt>
                <c:pt idx="3550">
                  <c:v>120.13333299999999</c:v>
                </c:pt>
                <c:pt idx="3551">
                  <c:v>120.15</c:v>
                </c:pt>
                <c:pt idx="3552">
                  <c:v>120.166667</c:v>
                </c:pt>
                <c:pt idx="3553">
                  <c:v>120.183333</c:v>
                </c:pt>
                <c:pt idx="3554">
                  <c:v>120.2</c:v>
                </c:pt>
                <c:pt idx="3555">
                  <c:v>120.216667</c:v>
                </c:pt>
                <c:pt idx="3556">
                  <c:v>120.233333</c:v>
                </c:pt>
                <c:pt idx="3557">
                  <c:v>120.25</c:v>
                </c:pt>
                <c:pt idx="3558">
                  <c:v>120.266667</c:v>
                </c:pt>
                <c:pt idx="3559">
                  <c:v>120.283333</c:v>
                </c:pt>
                <c:pt idx="3560">
                  <c:v>120.3</c:v>
                </c:pt>
                <c:pt idx="3561">
                  <c:v>120.316667</c:v>
                </c:pt>
                <c:pt idx="3562">
                  <c:v>120.333333</c:v>
                </c:pt>
                <c:pt idx="3563">
                  <c:v>120.35</c:v>
                </c:pt>
                <c:pt idx="3564">
                  <c:v>120.36666700000001</c:v>
                </c:pt>
                <c:pt idx="3565">
                  <c:v>120.38333299999999</c:v>
                </c:pt>
                <c:pt idx="3566">
                  <c:v>120.4</c:v>
                </c:pt>
                <c:pt idx="3567">
                  <c:v>120.416667</c:v>
                </c:pt>
                <c:pt idx="3568">
                  <c:v>120.433333</c:v>
                </c:pt>
                <c:pt idx="3569">
                  <c:v>120.45</c:v>
                </c:pt>
                <c:pt idx="3570">
                  <c:v>120.466667</c:v>
                </c:pt>
                <c:pt idx="3571">
                  <c:v>120.483333</c:v>
                </c:pt>
                <c:pt idx="3572">
                  <c:v>120.5</c:v>
                </c:pt>
                <c:pt idx="3573">
                  <c:v>120.516667</c:v>
                </c:pt>
                <c:pt idx="3574">
                  <c:v>120.533333</c:v>
                </c:pt>
                <c:pt idx="3575">
                  <c:v>120.55</c:v>
                </c:pt>
                <c:pt idx="3576">
                  <c:v>120.566667</c:v>
                </c:pt>
                <c:pt idx="3577">
                  <c:v>120.583333</c:v>
                </c:pt>
                <c:pt idx="3578">
                  <c:v>120.6</c:v>
                </c:pt>
                <c:pt idx="3579">
                  <c:v>120.61666700000001</c:v>
                </c:pt>
                <c:pt idx="3580">
                  <c:v>120.63333299999999</c:v>
                </c:pt>
                <c:pt idx="3581">
                  <c:v>120.65</c:v>
                </c:pt>
                <c:pt idx="3582">
                  <c:v>120.666667</c:v>
                </c:pt>
                <c:pt idx="3583">
                  <c:v>120.683333</c:v>
                </c:pt>
                <c:pt idx="3584">
                  <c:v>120.7</c:v>
                </c:pt>
                <c:pt idx="3585">
                  <c:v>120.716667</c:v>
                </c:pt>
                <c:pt idx="3586">
                  <c:v>120.733333</c:v>
                </c:pt>
                <c:pt idx="3587">
                  <c:v>120.75</c:v>
                </c:pt>
                <c:pt idx="3588">
                  <c:v>120.766667</c:v>
                </c:pt>
                <c:pt idx="3589">
                  <c:v>120.783333</c:v>
                </c:pt>
                <c:pt idx="3590">
                  <c:v>120.8</c:v>
                </c:pt>
                <c:pt idx="3591">
                  <c:v>120.816667</c:v>
                </c:pt>
                <c:pt idx="3592">
                  <c:v>120.833333</c:v>
                </c:pt>
                <c:pt idx="3593">
                  <c:v>120.85</c:v>
                </c:pt>
                <c:pt idx="3594">
                  <c:v>120.86666700000001</c:v>
                </c:pt>
                <c:pt idx="3595">
                  <c:v>120.88333299999999</c:v>
                </c:pt>
                <c:pt idx="3596">
                  <c:v>120.9</c:v>
                </c:pt>
                <c:pt idx="3597">
                  <c:v>120.916667</c:v>
                </c:pt>
                <c:pt idx="3598">
                  <c:v>120.933333</c:v>
                </c:pt>
                <c:pt idx="3599">
                  <c:v>120.95</c:v>
                </c:pt>
                <c:pt idx="3600">
                  <c:v>120.966667</c:v>
                </c:pt>
                <c:pt idx="3601">
                  <c:v>120.983333</c:v>
                </c:pt>
                <c:pt idx="3602">
                  <c:v>121</c:v>
                </c:pt>
                <c:pt idx="3603">
                  <c:v>121.016667</c:v>
                </c:pt>
                <c:pt idx="3604">
                  <c:v>121.033333</c:v>
                </c:pt>
                <c:pt idx="3605">
                  <c:v>121.05</c:v>
                </c:pt>
                <c:pt idx="3606">
                  <c:v>121.066667</c:v>
                </c:pt>
                <c:pt idx="3607">
                  <c:v>121.083333</c:v>
                </c:pt>
                <c:pt idx="3608">
                  <c:v>121.1</c:v>
                </c:pt>
                <c:pt idx="3609">
                  <c:v>121.11666700000001</c:v>
                </c:pt>
                <c:pt idx="3610">
                  <c:v>121.13333299999999</c:v>
                </c:pt>
                <c:pt idx="3611">
                  <c:v>121.15</c:v>
                </c:pt>
                <c:pt idx="3612">
                  <c:v>121.166667</c:v>
                </c:pt>
                <c:pt idx="3613">
                  <c:v>121.183333</c:v>
                </c:pt>
                <c:pt idx="3614">
                  <c:v>121.2</c:v>
                </c:pt>
                <c:pt idx="3615">
                  <c:v>121.216667</c:v>
                </c:pt>
                <c:pt idx="3616">
                  <c:v>121.233333</c:v>
                </c:pt>
                <c:pt idx="3617">
                  <c:v>121.25</c:v>
                </c:pt>
                <c:pt idx="3618">
                  <c:v>121.266667</c:v>
                </c:pt>
                <c:pt idx="3619">
                  <c:v>121.283333</c:v>
                </c:pt>
                <c:pt idx="3620">
                  <c:v>121.3</c:v>
                </c:pt>
                <c:pt idx="3621">
                  <c:v>121.316667</c:v>
                </c:pt>
                <c:pt idx="3622">
                  <c:v>121.333333</c:v>
                </c:pt>
                <c:pt idx="3623">
                  <c:v>121.35</c:v>
                </c:pt>
                <c:pt idx="3624">
                  <c:v>121.36666700000001</c:v>
                </c:pt>
                <c:pt idx="3625">
                  <c:v>121.38333299999999</c:v>
                </c:pt>
                <c:pt idx="3626">
                  <c:v>121.4</c:v>
                </c:pt>
                <c:pt idx="3627">
                  <c:v>121.416667</c:v>
                </c:pt>
                <c:pt idx="3628">
                  <c:v>121.433333</c:v>
                </c:pt>
                <c:pt idx="3629">
                  <c:v>121.45</c:v>
                </c:pt>
                <c:pt idx="3630">
                  <c:v>121.466667</c:v>
                </c:pt>
                <c:pt idx="3631">
                  <c:v>121.483333</c:v>
                </c:pt>
                <c:pt idx="3632">
                  <c:v>121.5</c:v>
                </c:pt>
                <c:pt idx="3633">
                  <c:v>121.516667</c:v>
                </c:pt>
                <c:pt idx="3634">
                  <c:v>121.533333</c:v>
                </c:pt>
                <c:pt idx="3635">
                  <c:v>121.55</c:v>
                </c:pt>
                <c:pt idx="3636">
                  <c:v>121.566667</c:v>
                </c:pt>
                <c:pt idx="3637">
                  <c:v>121.583333</c:v>
                </c:pt>
                <c:pt idx="3638">
                  <c:v>121.6</c:v>
                </c:pt>
                <c:pt idx="3639">
                  <c:v>121.61666700000001</c:v>
                </c:pt>
                <c:pt idx="3640">
                  <c:v>121.63333299999999</c:v>
                </c:pt>
                <c:pt idx="3641">
                  <c:v>121.65</c:v>
                </c:pt>
                <c:pt idx="3642">
                  <c:v>121.666667</c:v>
                </c:pt>
                <c:pt idx="3643">
                  <c:v>121.683333</c:v>
                </c:pt>
                <c:pt idx="3644">
                  <c:v>121.7</c:v>
                </c:pt>
                <c:pt idx="3645">
                  <c:v>121.716667</c:v>
                </c:pt>
                <c:pt idx="3646">
                  <c:v>121.733333</c:v>
                </c:pt>
                <c:pt idx="3647">
                  <c:v>121.75</c:v>
                </c:pt>
                <c:pt idx="3648">
                  <c:v>121.766667</c:v>
                </c:pt>
                <c:pt idx="3649">
                  <c:v>121.783333</c:v>
                </c:pt>
                <c:pt idx="3650">
                  <c:v>121.8</c:v>
                </c:pt>
                <c:pt idx="3651">
                  <c:v>121.816667</c:v>
                </c:pt>
                <c:pt idx="3652">
                  <c:v>121.833333</c:v>
                </c:pt>
                <c:pt idx="3653">
                  <c:v>121.85</c:v>
                </c:pt>
                <c:pt idx="3654">
                  <c:v>121.86666700000001</c:v>
                </c:pt>
                <c:pt idx="3655">
                  <c:v>121.88333299999999</c:v>
                </c:pt>
                <c:pt idx="3656">
                  <c:v>121.9</c:v>
                </c:pt>
                <c:pt idx="3657">
                  <c:v>121.916667</c:v>
                </c:pt>
                <c:pt idx="3658">
                  <c:v>121.933333</c:v>
                </c:pt>
                <c:pt idx="3659">
                  <c:v>121.95</c:v>
                </c:pt>
                <c:pt idx="3660">
                  <c:v>121.966667</c:v>
                </c:pt>
                <c:pt idx="3661">
                  <c:v>121.983333</c:v>
                </c:pt>
                <c:pt idx="3662">
                  <c:v>122</c:v>
                </c:pt>
                <c:pt idx="3663">
                  <c:v>122.016667</c:v>
                </c:pt>
                <c:pt idx="3664">
                  <c:v>122.033333</c:v>
                </c:pt>
                <c:pt idx="3665">
                  <c:v>122.05</c:v>
                </c:pt>
                <c:pt idx="3666">
                  <c:v>122.066667</c:v>
                </c:pt>
                <c:pt idx="3667">
                  <c:v>122.083333</c:v>
                </c:pt>
                <c:pt idx="3668">
                  <c:v>122.1</c:v>
                </c:pt>
                <c:pt idx="3669">
                  <c:v>122.11666700000001</c:v>
                </c:pt>
                <c:pt idx="3670">
                  <c:v>122.13333299999999</c:v>
                </c:pt>
                <c:pt idx="3671">
                  <c:v>122.15</c:v>
                </c:pt>
                <c:pt idx="3672">
                  <c:v>122.166667</c:v>
                </c:pt>
                <c:pt idx="3673">
                  <c:v>122.183333</c:v>
                </c:pt>
                <c:pt idx="3674">
                  <c:v>122.2</c:v>
                </c:pt>
                <c:pt idx="3675">
                  <c:v>122.216667</c:v>
                </c:pt>
                <c:pt idx="3676">
                  <c:v>122.233333</c:v>
                </c:pt>
                <c:pt idx="3677">
                  <c:v>122.25</c:v>
                </c:pt>
                <c:pt idx="3678">
                  <c:v>122.266667</c:v>
                </c:pt>
                <c:pt idx="3679">
                  <c:v>122.283333</c:v>
                </c:pt>
                <c:pt idx="3680">
                  <c:v>122.3</c:v>
                </c:pt>
                <c:pt idx="3681">
                  <c:v>122.316667</c:v>
                </c:pt>
                <c:pt idx="3682">
                  <c:v>122.333333</c:v>
                </c:pt>
                <c:pt idx="3683">
                  <c:v>122.35</c:v>
                </c:pt>
                <c:pt idx="3684">
                  <c:v>122.36666700000001</c:v>
                </c:pt>
                <c:pt idx="3685">
                  <c:v>122.38333299999999</c:v>
                </c:pt>
                <c:pt idx="3686">
                  <c:v>122.4</c:v>
                </c:pt>
                <c:pt idx="3687">
                  <c:v>122.416667</c:v>
                </c:pt>
                <c:pt idx="3688">
                  <c:v>122.433333</c:v>
                </c:pt>
                <c:pt idx="3689">
                  <c:v>122.45</c:v>
                </c:pt>
                <c:pt idx="3690">
                  <c:v>122.466667</c:v>
                </c:pt>
                <c:pt idx="3691">
                  <c:v>122.483333</c:v>
                </c:pt>
                <c:pt idx="3692">
                  <c:v>122.5</c:v>
                </c:pt>
                <c:pt idx="3693">
                  <c:v>122.516667</c:v>
                </c:pt>
                <c:pt idx="3694">
                  <c:v>122.533333</c:v>
                </c:pt>
                <c:pt idx="3695">
                  <c:v>122.55</c:v>
                </c:pt>
                <c:pt idx="3696">
                  <c:v>122.566667</c:v>
                </c:pt>
                <c:pt idx="3697">
                  <c:v>122.583333</c:v>
                </c:pt>
                <c:pt idx="3698">
                  <c:v>122.6</c:v>
                </c:pt>
                <c:pt idx="3699">
                  <c:v>122.61666700000001</c:v>
                </c:pt>
                <c:pt idx="3700">
                  <c:v>122.63333299999999</c:v>
                </c:pt>
                <c:pt idx="3701">
                  <c:v>122.65</c:v>
                </c:pt>
                <c:pt idx="3702">
                  <c:v>122.666667</c:v>
                </c:pt>
                <c:pt idx="3703">
                  <c:v>122.683333</c:v>
                </c:pt>
                <c:pt idx="3704">
                  <c:v>122.7</c:v>
                </c:pt>
                <c:pt idx="3705">
                  <c:v>122.716667</c:v>
                </c:pt>
                <c:pt idx="3706">
                  <c:v>122.733333</c:v>
                </c:pt>
                <c:pt idx="3707">
                  <c:v>122.75</c:v>
                </c:pt>
                <c:pt idx="3708">
                  <c:v>122.766667</c:v>
                </c:pt>
                <c:pt idx="3709">
                  <c:v>122.783333</c:v>
                </c:pt>
                <c:pt idx="3710">
                  <c:v>122.8</c:v>
                </c:pt>
                <c:pt idx="3711">
                  <c:v>122.816667</c:v>
                </c:pt>
                <c:pt idx="3712">
                  <c:v>122.833333</c:v>
                </c:pt>
                <c:pt idx="3713">
                  <c:v>122.85</c:v>
                </c:pt>
                <c:pt idx="3714">
                  <c:v>122.86666700000001</c:v>
                </c:pt>
                <c:pt idx="3715">
                  <c:v>122.88333299999999</c:v>
                </c:pt>
                <c:pt idx="3716">
                  <c:v>122.9</c:v>
                </c:pt>
                <c:pt idx="3717">
                  <c:v>122.916667</c:v>
                </c:pt>
                <c:pt idx="3718">
                  <c:v>122.933333</c:v>
                </c:pt>
                <c:pt idx="3719">
                  <c:v>122.95</c:v>
                </c:pt>
                <c:pt idx="3720">
                  <c:v>122.966667</c:v>
                </c:pt>
                <c:pt idx="3721">
                  <c:v>122.983333</c:v>
                </c:pt>
                <c:pt idx="3722">
                  <c:v>123</c:v>
                </c:pt>
                <c:pt idx="3723">
                  <c:v>123.016667</c:v>
                </c:pt>
                <c:pt idx="3724">
                  <c:v>123.033333</c:v>
                </c:pt>
                <c:pt idx="3725">
                  <c:v>123.05</c:v>
                </c:pt>
                <c:pt idx="3726">
                  <c:v>123.066667</c:v>
                </c:pt>
                <c:pt idx="3727">
                  <c:v>123.083333</c:v>
                </c:pt>
                <c:pt idx="3728">
                  <c:v>123.1</c:v>
                </c:pt>
                <c:pt idx="3729">
                  <c:v>123.11666700000001</c:v>
                </c:pt>
                <c:pt idx="3730">
                  <c:v>123.13333299999999</c:v>
                </c:pt>
                <c:pt idx="3731">
                  <c:v>123.15</c:v>
                </c:pt>
                <c:pt idx="3732">
                  <c:v>123.166667</c:v>
                </c:pt>
                <c:pt idx="3733">
                  <c:v>123.183333</c:v>
                </c:pt>
                <c:pt idx="3734">
                  <c:v>123.2</c:v>
                </c:pt>
                <c:pt idx="3735">
                  <c:v>123.216667</c:v>
                </c:pt>
                <c:pt idx="3736">
                  <c:v>123.233333</c:v>
                </c:pt>
                <c:pt idx="3737">
                  <c:v>123.25</c:v>
                </c:pt>
                <c:pt idx="3738">
                  <c:v>123.266667</c:v>
                </c:pt>
                <c:pt idx="3739">
                  <c:v>123.283333</c:v>
                </c:pt>
                <c:pt idx="3740">
                  <c:v>123.3</c:v>
                </c:pt>
                <c:pt idx="3741">
                  <c:v>123.316667</c:v>
                </c:pt>
                <c:pt idx="3742">
                  <c:v>123.333333</c:v>
                </c:pt>
                <c:pt idx="3743">
                  <c:v>123.35</c:v>
                </c:pt>
                <c:pt idx="3744">
                  <c:v>123.36666700000001</c:v>
                </c:pt>
                <c:pt idx="3745">
                  <c:v>123.38333299999999</c:v>
                </c:pt>
                <c:pt idx="3746">
                  <c:v>123.4</c:v>
                </c:pt>
                <c:pt idx="3747">
                  <c:v>123.416667</c:v>
                </c:pt>
                <c:pt idx="3748">
                  <c:v>123.433333</c:v>
                </c:pt>
                <c:pt idx="3749">
                  <c:v>123.45</c:v>
                </c:pt>
                <c:pt idx="3750">
                  <c:v>123.466667</c:v>
                </c:pt>
                <c:pt idx="3751">
                  <c:v>123.483333</c:v>
                </c:pt>
                <c:pt idx="3752">
                  <c:v>123.5</c:v>
                </c:pt>
                <c:pt idx="3753">
                  <c:v>123.516667</c:v>
                </c:pt>
                <c:pt idx="3754">
                  <c:v>123.533333</c:v>
                </c:pt>
                <c:pt idx="3755">
                  <c:v>123.55</c:v>
                </c:pt>
                <c:pt idx="3756">
                  <c:v>123.566667</c:v>
                </c:pt>
                <c:pt idx="3757">
                  <c:v>123.583333</c:v>
                </c:pt>
                <c:pt idx="3758">
                  <c:v>123.6</c:v>
                </c:pt>
                <c:pt idx="3759">
                  <c:v>123.61666700000001</c:v>
                </c:pt>
                <c:pt idx="3760">
                  <c:v>123.63333299999999</c:v>
                </c:pt>
                <c:pt idx="3761">
                  <c:v>123.65</c:v>
                </c:pt>
                <c:pt idx="3762">
                  <c:v>123.666667</c:v>
                </c:pt>
                <c:pt idx="3763">
                  <c:v>123.683333</c:v>
                </c:pt>
                <c:pt idx="3764">
                  <c:v>123.7</c:v>
                </c:pt>
                <c:pt idx="3765">
                  <c:v>123.716667</c:v>
                </c:pt>
                <c:pt idx="3766">
                  <c:v>123.733333</c:v>
                </c:pt>
                <c:pt idx="3767">
                  <c:v>123.75</c:v>
                </c:pt>
                <c:pt idx="3768">
                  <c:v>123.766667</c:v>
                </c:pt>
                <c:pt idx="3769">
                  <c:v>123.783333</c:v>
                </c:pt>
                <c:pt idx="3770">
                  <c:v>123.8</c:v>
                </c:pt>
                <c:pt idx="3771">
                  <c:v>123.816667</c:v>
                </c:pt>
                <c:pt idx="3772">
                  <c:v>123.833333</c:v>
                </c:pt>
                <c:pt idx="3773">
                  <c:v>123.85</c:v>
                </c:pt>
                <c:pt idx="3774">
                  <c:v>123.86666700000001</c:v>
                </c:pt>
                <c:pt idx="3775">
                  <c:v>123.88333299999999</c:v>
                </c:pt>
                <c:pt idx="3776">
                  <c:v>123.9</c:v>
                </c:pt>
                <c:pt idx="3777">
                  <c:v>123.916667</c:v>
                </c:pt>
                <c:pt idx="3778">
                  <c:v>123.933333</c:v>
                </c:pt>
                <c:pt idx="3779">
                  <c:v>123.95</c:v>
                </c:pt>
                <c:pt idx="3780">
                  <c:v>123.966667</c:v>
                </c:pt>
                <c:pt idx="3781">
                  <c:v>123.983333</c:v>
                </c:pt>
                <c:pt idx="3782">
                  <c:v>124</c:v>
                </c:pt>
                <c:pt idx="3783">
                  <c:v>124.016667</c:v>
                </c:pt>
                <c:pt idx="3784">
                  <c:v>124.033333</c:v>
                </c:pt>
                <c:pt idx="3785">
                  <c:v>124.05</c:v>
                </c:pt>
                <c:pt idx="3786">
                  <c:v>124.066667</c:v>
                </c:pt>
                <c:pt idx="3787">
                  <c:v>124.083333</c:v>
                </c:pt>
                <c:pt idx="3788">
                  <c:v>124.1</c:v>
                </c:pt>
                <c:pt idx="3789">
                  <c:v>124.11666700000001</c:v>
                </c:pt>
                <c:pt idx="3790">
                  <c:v>124.13333299999999</c:v>
                </c:pt>
                <c:pt idx="3791">
                  <c:v>124.15</c:v>
                </c:pt>
                <c:pt idx="3792">
                  <c:v>124.166667</c:v>
                </c:pt>
                <c:pt idx="3793">
                  <c:v>124.183333</c:v>
                </c:pt>
                <c:pt idx="3794">
                  <c:v>124.2</c:v>
                </c:pt>
                <c:pt idx="3795">
                  <c:v>124.216667</c:v>
                </c:pt>
                <c:pt idx="3796">
                  <c:v>124.233333</c:v>
                </c:pt>
                <c:pt idx="3797">
                  <c:v>124.25</c:v>
                </c:pt>
                <c:pt idx="3798">
                  <c:v>124.266667</c:v>
                </c:pt>
                <c:pt idx="3799">
                  <c:v>124.283333</c:v>
                </c:pt>
                <c:pt idx="3800">
                  <c:v>124.3</c:v>
                </c:pt>
                <c:pt idx="3801">
                  <c:v>124.316667</c:v>
                </c:pt>
                <c:pt idx="3802">
                  <c:v>124.333333</c:v>
                </c:pt>
                <c:pt idx="3803">
                  <c:v>124.35</c:v>
                </c:pt>
                <c:pt idx="3804">
                  <c:v>124.36666700000001</c:v>
                </c:pt>
                <c:pt idx="3805">
                  <c:v>124.38333299999999</c:v>
                </c:pt>
                <c:pt idx="3806">
                  <c:v>124.4</c:v>
                </c:pt>
                <c:pt idx="3807">
                  <c:v>124.416667</c:v>
                </c:pt>
                <c:pt idx="3808">
                  <c:v>124.433333</c:v>
                </c:pt>
                <c:pt idx="3809">
                  <c:v>124.45</c:v>
                </c:pt>
                <c:pt idx="3810">
                  <c:v>124.466667</c:v>
                </c:pt>
                <c:pt idx="3811">
                  <c:v>124.483333</c:v>
                </c:pt>
                <c:pt idx="3812">
                  <c:v>124.5</c:v>
                </c:pt>
                <c:pt idx="3813">
                  <c:v>124.516667</c:v>
                </c:pt>
                <c:pt idx="3814">
                  <c:v>124.533333</c:v>
                </c:pt>
                <c:pt idx="3815">
                  <c:v>124.55</c:v>
                </c:pt>
                <c:pt idx="3816">
                  <c:v>124.566667</c:v>
                </c:pt>
                <c:pt idx="3817">
                  <c:v>124.583333</c:v>
                </c:pt>
                <c:pt idx="3818">
                  <c:v>124.6</c:v>
                </c:pt>
                <c:pt idx="3819">
                  <c:v>124.61666700000001</c:v>
                </c:pt>
                <c:pt idx="3820">
                  <c:v>124.63333299999999</c:v>
                </c:pt>
                <c:pt idx="3821">
                  <c:v>124.65</c:v>
                </c:pt>
                <c:pt idx="3822">
                  <c:v>124.666667</c:v>
                </c:pt>
                <c:pt idx="3823">
                  <c:v>124.683333</c:v>
                </c:pt>
                <c:pt idx="3824">
                  <c:v>124.7</c:v>
                </c:pt>
                <c:pt idx="3825">
                  <c:v>124.716667</c:v>
                </c:pt>
                <c:pt idx="3826">
                  <c:v>124.733333</c:v>
                </c:pt>
                <c:pt idx="3827">
                  <c:v>124.75</c:v>
                </c:pt>
                <c:pt idx="3828">
                  <c:v>124.766667</c:v>
                </c:pt>
                <c:pt idx="3829">
                  <c:v>124.783333</c:v>
                </c:pt>
                <c:pt idx="3830">
                  <c:v>124.8</c:v>
                </c:pt>
                <c:pt idx="3831">
                  <c:v>124.816667</c:v>
                </c:pt>
                <c:pt idx="3832">
                  <c:v>124.833333</c:v>
                </c:pt>
                <c:pt idx="3833">
                  <c:v>124.85</c:v>
                </c:pt>
                <c:pt idx="3834">
                  <c:v>124.86666700000001</c:v>
                </c:pt>
                <c:pt idx="3835">
                  <c:v>124.88333299999999</c:v>
                </c:pt>
                <c:pt idx="3836">
                  <c:v>124.9</c:v>
                </c:pt>
                <c:pt idx="3837">
                  <c:v>124.916667</c:v>
                </c:pt>
                <c:pt idx="3838">
                  <c:v>124.933333</c:v>
                </c:pt>
                <c:pt idx="3839">
                  <c:v>124.95</c:v>
                </c:pt>
                <c:pt idx="3840">
                  <c:v>124.966667</c:v>
                </c:pt>
                <c:pt idx="3841">
                  <c:v>124.983333</c:v>
                </c:pt>
                <c:pt idx="3842">
                  <c:v>125</c:v>
                </c:pt>
                <c:pt idx="3843">
                  <c:v>125.016667</c:v>
                </c:pt>
                <c:pt idx="3844">
                  <c:v>125.033333</c:v>
                </c:pt>
                <c:pt idx="3845">
                  <c:v>125.05</c:v>
                </c:pt>
                <c:pt idx="3846">
                  <c:v>125.066667</c:v>
                </c:pt>
                <c:pt idx="3847">
                  <c:v>125.083333</c:v>
                </c:pt>
                <c:pt idx="3848">
                  <c:v>125.1</c:v>
                </c:pt>
                <c:pt idx="3849">
                  <c:v>125.11666700000001</c:v>
                </c:pt>
                <c:pt idx="3850">
                  <c:v>125.13333299999999</c:v>
                </c:pt>
                <c:pt idx="3851">
                  <c:v>125.15</c:v>
                </c:pt>
                <c:pt idx="3852">
                  <c:v>125.166667</c:v>
                </c:pt>
                <c:pt idx="3853">
                  <c:v>125.183333</c:v>
                </c:pt>
                <c:pt idx="3854">
                  <c:v>125.2</c:v>
                </c:pt>
                <c:pt idx="3855">
                  <c:v>125.216667</c:v>
                </c:pt>
                <c:pt idx="3856">
                  <c:v>125.233333</c:v>
                </c:pt>
                <c:pt idx="3857">
                  <c:v>125.25</c:v>
                </c:pt>
                <c:pt idx="3858">
                  <c:v>125.266667</c:v>
                </c:pt>
                <c:pt idx="3859">
                  <c:v>125.283333</c:v>
                </c:pt>
                <c:pt idx="3860">
                  <c:v>125.3</c:v>
                </c:pt>
                <c:pt idx="3861">
                  <c:v>125.316667</c:v>
                </c:pt>
                <c:pt idx="3862">
                  <c:v>125.333333</c:v>
                </c:pt>
                <c:pt idx="3863">
                  <c:v>125.35</c:v>
                </c:pt>
                <c:pt idx="3864">
                  <c:v>125.36666700000001</c:v>
                </c:pt>
                <c:pt idx="3865">
                  <c:v>125.38333299999999</c:v>
                </c:pt>
                <c:pt idx="3866">
                  <c:v>125.4</c:v>
                </c:pt>
                <c:pt idx="3867">
                  <c:v>125.416667</c:v>
                </c:pt>
                <c:pt idx="3868">
                  <c:v>125.433333</c:v>
                </c:pt>
                <c:pt idx="3869">
                  <c:v>125.45</c:v>
                </c:pt>
                <c:pt idx="3870">
                  <c:v>125.466667</c:v>
                </c:pt>
                <c:pt idx="3871">
                  <c:v>125.483333</c:v>
                </c:pt>
                <c:pt idx="3872">
                  <c:v>125.5</c:v>
                </c:pt>
                <c:pt idx="3873">
                  <c:v>125.516667</c:v>
                </c:pt>
                <c:pt idx="3874">
                  <c:v>125.533333</c:v>
                </c:pt>
                <c:pt idx="3875">
                  <c:v>125.55</c:v>
                </c:pt>
                <c:pt idx="3876">
                  <c:v>125.566667</c:v>
                </c:pt>
                <c:pt idx="3877">
                  <c:v>125.583333</c:v>
                </c:pt>
                <c:pt idx="3878">
                  <c:v>125.6</c:v>
                </c:pt>
                <c:pt idx="3879">
                  <c:v>125.61666700000001</c:v>
                </c:pt>
                <c:pt idx="3880">
                  <c:v>125.63333299999999</c:v>
                </c:pt>
                <c:pt idx="3881">
                  <c:v>125.65</c:v>
                </c:pt>
                <c:pt idx="3882">
                  <c:v>125.666667</c:v>
                </c:pt>
                <c:pt idx="3883">
                  <c:v>125.683333</c:v>
                </c:pt>
                <c:pt idx="3884">
                  <c:v>125.7</c:v>
                </c:pt>
                <c:pt idx="3885">
                  <c:v>125.716667</c:v>
                </c:pt>
                <c:pt idx="3886">
                  <c:v>125.733333</c:v>
                </c:pt>
                <c:pt idx="3887">
                  <c:v>125.75</c:v>
                </c:pt>
                <c:pt idx="3888">
                  <c:v>125.766667</c:v>
                </c:pt>
                <c:pt idx="3889">
                  <c:v>125.783333</c:v>
                </c:pt>
                <c:pt idx="3890">
                  <c:v>125.8</c:v>
                </c:pt>
                <c:pt idx="3891">
                  <c:v>125.816667</c:v>
                </c:pt>
                <c:pt idx="3892">
                  <c:v>125.833333</c:v>
                </c:pt>
                <c:pt idx="3893">
                  <c:v>125.85</c:v>
                </c:pt>
                <c:pt idx="3894">
                  <c:v>125.86666700000001</c:v>
                </c:pt>
                <c:pt idx="3895">
                  <c:v>125.88333299999999</c:v>
                </c:pt>
                <c:pt idx="3896">
                  <c:v>125.9</c:v>
                </c:pt>
                <c:pt idx="3897">
                  <c:v>125.916667</c:v>
                </c:pt>
                <c:pt idx="3898">
                  <c:v>125.933333</c:v>
                </c:pt>
                <c:pt idx="3899">
                  <c:v>125.95</c:v>
                </c:pt>
                <c:pt idx="3900">
                  <c:v>125.966667</c:v>
                </c:pt>
                <c:pt idx="3901">
                  <c:v>125.983333</c:v>
                </c:pt>
                <c:pt idx="3902">
                  <c:v>126</c:v>
                </c:pt>
                <c:pt idx="3903">
                  <c:v>126.016667</c:v>
                </c:pt>
                <c:pt idx="3904">
                  <c:v>126.033333</c:v>
                </c:pt>
                <c:pt idx="3905">
                  <c:v>126.05</c:v>
                </c:pt>
                <c:pt idx="3906">
                  <c:v>126.066667</c:v>
                </c:pt>
                <c:pt idx="3907">
                  <c:v>126.083333</c:v>
                </c:pt>
                <c:pt idx="3908">
                  <c:v>126.1</c:v>
                </c:pt>
                <c:pt idx="3909">
                  <c:v>126.11666700000001</c:v>
                </c:pt>
                <c:pt idx="3910">
                  <c:v>126.13333299999999</c:v>
                </c:pt>
                <c:pt idx="3911">
                  <c:v>126.15</c:v>
                </c:pt>
                <c:pt idx="3912">
                  <c:v>126.166667</c:v>
                </c:pt>
                <c:pt idx="3913">
                  <c:v>126.183333</c:v>
                </c:pt>
                <c:pt idx="3914">
                  <c:v>126.2</c:v>
                </c:pt>
                <c:pt idx="3915">
                  <c:v>126.216667</c:v>
                </c:pt>
                <c:pt idx="3916">
                  <c:v>126.233333</c:v>
                </c:pt>
                <c:pt idx="3917">
                  <c:v>126.25</c:v>
                </c:pt>
                <c:pt idx="3918">
                  <c:v>126.266667</c:v>
                </c:pt>
                <c:pt idx="3919">
                  <c:v>126.283333</c:v>
                </c:pt>
                <c:pt idx="3920">
                  <c:v>126.3</c:v>
                </c:pt>
                <c:pt idx="3921">
                  <c:v>126.316667</c:v>
                </c:pt>
                <c:pt idx="3922">
                  <c:v>126.333333</c:v>
                </c:pt>
                <c:pt idx="3923">
                  <c:v>126.35</c:v>
                </c:pt>
                <c:pt idx="3924">
                  <c:v>126.36666700000001</c:v>
                </c:pt>
                <c:pt idx="3925">
                  <c:v>126.38333299999999</c:v>
                </c:pt>
                <c:pt idx="3926">
                  <c:v>126.4</c:v>
                </c:pt>
                <c:pt idx="3927">
                  <c:v>126.416667</c:v>
                </c:pt>
                <c:pt idx="3928">
                  <c:v>126.433333</c:v>
                </c:pt>
                <c:pt idx="3929">
                  <c:v>126.45</c:v>
                </c:pt>
                <c:pt idx="3930">
                  <c:v>126.466667</c:v>
                </c:pt>
                <c:pt idx="3931">
                  <c:v>126.483333</c:v>
                </c:pt>
                <c:pt idx="3932">
                  <c:v>126.5</c:v>
                </c:pt>
                <c:pt idx="3933">
                  <c:v>126.516667</c:v>
                </c:pt>
                <c:pt idx="3934">
                  <c:v>126.533333</c:v>
                </c:pt>
                <c:pt idx="3935">
                  <c:v>126.55</c:v>
                </c:pt>
                <c:pt idx="3936">
                  <c:v>126.566667</c:v>
                </c:pt>
                <c:pt idx="3937">
                  <c:v>126.583333</c:v>
                </c:pt>
                <c:pt idx="3938">
                  <c:v>126.6</c:v>
                </c:pt>
                <c:pt idx="3939">
                  <c:v>126.61666700000001</c:v>
                </c:pt>
                <c:pt idx="3940">
                  <c:v>126.63333299999999</c:v>
                </c:pt>
                <c:pt idx="3941">
                  <c:v>126.65</c:v>
                </c:pt>
                <c:pt idx="3942">
                  <c:v>126.666667</c:v>
                </c:pt>
                <c:pt idx="3943">
                  <c:v>126.683333</c:v>
                </c:pt>
                <c:pt idx="3944">
                  <c:v>126.7</c:v>
                </c:pt>
                <c:pt idx="3945">
                  <c:v>126.716667</c:v>
                </c:pt>
                <c:pt idx="3946">
                  <c:v>126.733333</c:v>
                </c:pt>
                <c:pt idx="3947">
                  <c:v>126.75</c:v>
                </c:pt>
                <c:pt idx="3948">
                  <c:v>126.766667</c:v>
                </c:pt>
                <c:pt idx="3949">
                  <c:v>126.783333</c:v>
                </c:pt>
                <c:pt idx="3950">
                  <c:v>126.8</c:v>
                </c:pt>
                <c:pt idx="3951">
                  <c:v>126.816667</c:v>
                </c:pt>
                <c:pt idx="3952">
                  <c:v>126.833333</c:v>
                </c:pt>
                <c:pt idx="3953">
                  <c:v>126.85</c:v>
                </c:pt>
                <c:pt idx="3954">
                  <c:v>126.86666700000001</c:v>
                </c:pt>
                <c:pt idx="3955">
                  <c:v>126.88333299999999</c:v>
                </c:pt>
                <c:pt idx="3956">
                  <c:v>126.9</c:v>
                </c:pt>
                <c:pt idx="3957">
                  <c:v>126.916667</c:v>
                </c:pt>
                <c:pt idx="3958">
                  <c:v>126.933333</c:v>
                </c:pt>
                <c:pt idx="3959">
                  <c:v>126.95</c:v>
                </c:pt>
                <c:pt idx="3960">
                  <c:v>126.966667</c:v>
                </c:pt>
                <c:pt idx="3961">
                  <c:v>126.983333</c:v>
                </c:pt>
                <c:pt idx="3962">
                  <c:v>127</c:v>
                </c:pt>
                <c:pt idx="3963">
                  <c:v>127.016667</c:v>
                </c:pt>
                <c:pt idx="3964">
                  <c:v>127.033333</c:v>
                </c:pt>
                <c:pt idx="3965">
                  <c:v>127.05</c:v>
                </c:pt>
                <c:pt idx="3966">
                  <c:v>127.066667</c:v>
                </c:pt>
                <c:pt idx="3967">
                  <c:v>127.083333</c:v>
                </c:pt>
                <c:pt idx="3968">
                  <c:v>127.1</c:v>
                </c:pt>
                <c:pt idx="3969">
                  <c:v>127.11666700000001</c:v>
                </c:pt>
                <c:pt idx="3970">
                  <c:v>127.13333299999999</c:v>
                </c:pt>
                <c:pt idx="3971">
                  <c:v>127.15</c:v>
                </c:pt>
                <c:pt idx="3972">
                  <c:v>127.166667</c:v>
                </c:pt>
                <c:pt idx="3973">
                  <c:v>127.183333</c:v>
                </c:pt>
                <c:pt idx="3974">
                  <c:v>127.2</c:v>
                </c:pt>
                <c:pt idx="3975">
                  <c:v>127.216667</c:v>
                </c:pt>
                <c:pt idx="3976">
                  <c:v>127.233333</c:v>
                </c:pt>
                <c:pt idx="3977">
                  <c:v>127.25</c:v>
                </c:pt>
                <c:pt idx="3978">
                  <c:v>127.266667</c:v>
                </c:pt>
                <c:pt idx="3979">
                  <c:v>127.283333</c:v>
                </c:pt>
                <c:pt idx="3980">
                  <c:v>127.3</c:v>
                </c:pt>
                <c:pt idx="3981">
                  <c:v>127.316667</c:v>
                </c:pt>
                <c:pt idx="3982">
                  <c:v>127.333333</c:v>
                </c:pt>
                <c:pt idx="3983">
                  <c:v>127.35</c:v>
                </c:pt>
                <c:pt idx="3984">
                  <c:v>127.36666700000001</c:v>
                </c:pt>
                <c:pt idx="3985">
                  <c:v>127.38333299999999</c:v>
                </c:pt>
                <c:pt idx="3986">
                  <c:v>127.4</c:v>
                </c:pt>
                <c:pt idx="3987">
                  <c:v>127.416667</c:v>
                </c:pt>
                <c:pt idx="3988">
                  <c:v>127.433333</c:v>
                </c:pt>
                <c:pt idx="3989">
                  <c:v>127.45</c:v>
                </c:pt>
                <c:pt idx="3990">
                  <c:v>127.466667</c:v>
                </c:pt>
                <c:pt idx="3991">
                  <c:v>127.483333</c:v>
                </c:pt>
                <c:pt idx="3992">
                  <c:v>127.5</c:v>
                </c:pt>
                <c:pt idx="3993">
                  <c:v>127.516667</c:v>
                </c:pt>
                <c:pt idx="3994">
                  <c:v>127.533333</c:v>
                </c:pt>
                <c:pt idx="3995">
                  <c:v>127.55</c:v>
                </c:pt>
                <c:pt idx="3996">
                  <c:v>127.566667</c:v>
                </c:pt>
                <c:pt idx="3997">
                  <c:v>127.583333</c:v>
                </c:pt>
                <c:pt idx="3998">
                  <c:v>127.6</c:v>
                </c:pt>
                <c:pt idx="3999">
                  <c:v>127.61666700000001</c:v>
                </c:pt>
                <c:pt idx="4000">
                  <c:v>127.63333299999999</c:v>
                </c:pt>
                <c:pt idx="4001">
                  <c:v>127.65</c:v>
                </c:pt>
                <c:pt idx="4002">
                  <c:v>127.666667</c:v>
                </c:pt>
                <c:pt idx="4003">
                  <c:v>127.683333</c:v>
                </c:pt>
                <c:pt idx="4004">
                  <c:v>127.7</c:v>
                </c:pt>
                <c:pt idx="4005">
                  <c:v>127.716667</c:v>
                </c:pt>
                <c:pt idx="4006">
                  <c:v>127.733333</c:v>
                </c:pt>
                <c:pt idx="4007">
                  <c:v>127.75</c:v>
                </c:pt>
                <c:pt idx="4008">
                  <c:v>127.766667</c:v>
                </c:pt>
                <c:pt idx="4009">
                  <c:v>127.783333</c:v>
                </c:pt>
                <c:pt idx="4010">
                  <c:v>127.8</c:v>
                </c:pt>
                <c:pt idx="4011">
                  <c:v>127.816667</c:v>
                </c:pt>
                <c:pt idx="4012">
                  <c:v>127.833333</c:v>
                </c:pt>
                <c:pt idx="4013">
                  <c:v>127.85</c:v>
                </c:pt>
                <c:pt idx="4014">
                  <c:v>127.86666700000001</c:v>
                </c:pt>
                <c:pt idx="4015">
                  <c:v>127.88333299999999</c:v>
                </c:pt>
                <c:pt idx="4016">
                  <c:v>127.9</c:v>
                </c:pt>
                <c:pt idx="4017">
                  <c:v>127.916667</c:v>
                </c:pt>
                <c:pt idx="4018">
                  <c:v>127.933333</c:v>
                </c:pt>
                <c:pt idx="4019">
                  <c:v>127.95</c:v>
                </c:pt>
                <c:pt idx="4020">
                  <c:v>127.966667</c:v>
                </c:pt>
                <c:pt idx="4021">
                  <c:v>127.983333</c:v>
                </c:pt>
                <c:pt idx="4022">
                  <c:v>128</c:v>
                </c:pt>
                <c:pt idx="4023">
                  <c:v>128.01666700000001</c:v>
                </c:pt>
                <c:pt idx="4024">
                  <c:v>128.033333</c:v>
                </c:pt>
                <c:pt idx="4025">
                  <c:v>128.05000000000001</c:v>
                </c:pt>
                <c:pt idx="4026">
                  <c:v>128.066667</c:v>
                </c:pt>
                <c:pt idx="4027">
                  <c:v>128.08333300000001</c:v>
                </c:pt>
                <c:pt idx="4028">
                  <c:v>128.1</c:v>
                </c:pt>
                <c:pt idx="4029">
                  <c:v>128.11666700000001</c:v>
                </c:pt>
                <c:pt idx="4030">
                  <c:v>128.13333299999999</c:v>
                </c:pt>
                <c:pt idx="4031">
                  <c:v>128.15</c:v>
                </c:pt>
                <c:pt idx="4032">
                  <c:v>128.16666699999999</c:v>
                </c:pt>
                <c:pt idx="4033">
                  <c:v>128.183333</c:v>
                </c:pt>
                <c:pt idx="4034">
                  <c:v>128.19999999999999</c:v>
                </c:pt>
                <c:pt idx="4035">
                  <c:v>128.216667</c:v>
                </c:pt>
                <c:pt idx="4036">
                  <c:v>128.23333299999999</c:v>
                </c:pt>
                <c:pt idx="4037">
                  <c:v>128.25</c:v>
                </c:pt>
                <c:pt idx="4038">
                  <c:v>128.26666700000001</c:v>
                </c:pt>
                <c:pt idx="4039">
                  <c:v>128.283333</c:v>
                </c:pt>
                <c:pt idx="4040">
                  <c:v>128.30000000000001</c:v>
                </c:pt>
                <c:pt idx="4041">
                  <c:v>128.316667</c:v>
                </c:pt>
                <c:pt idx="4042">
                  <c:v>128.33333300000001</c:v>
                </c:pt>
                <c:pt idx="4043">
                  <c:v>128.35</c:v>
                </c:pt>
                <c:pt idx="4044">
                  <c:v>128.36666700000001</c:v>
                </c:pt>
                <c:pt idx="4045">
                  <c:v>128.38333299999999</c:v>
                </c:pt>
                <c:pt idx="4046">
                  <c:v>128.4</c:v>
                </c:pt>
                <c:pt idx="4047">
                  <c:v>128.41666699999999</c:v>
                </c:pt>
                <c:pt idx="4048">
                  <c:v>128.433333</c:v>
                </c:pt>
                <c:pt idx="4049">
                  <c:v>128.44999999999999</c:v>
                </c:pt>
                <c:pt idx="4050">
                  <c:v>128.466667</c:v>
                </c:pt>
                <c:pt idx="4051">
                  <c:v>128.48333299999999</c:v>
                </c:pt>
                <c:pt idx="4052">
                  <c:v>128.5</c:v>
                </c:pt>
                <c:pt idx="4053">
                  <c:v>128.51666700000001</c:v>
                </c:pt>
                <c:pt idx="4054">
                  <c:v>128.533333</c:v>
                </c:pt>
                <c:pt idx="4055">
                  <c:v>128.55000000000001</c:v>
                </c:pt>
                <c:pt idx="4056">
                  <c:v>128.566667</c:v>
                </c:pt>
                <c:pt idx="4057">
                  <c:v>128.58333300000001</c:v>
                </c:pt>
                <c:pt idx="4058">
                  <c:v>128.6</c:v>
                </c:pt>
                <c:pt idx="4059">
                  <c:v>128.61666700000001</c:v>
                </c:pt>
                <c:pt idx="4060">
                  <c:v>128.63333299999999</c:v>
                </c:pt>
                <c:pt idx="4061">
                  <c:v>128.65</c:v>
                </c:pt>
                <c:pt idx="4062">
                  <c:v>128.66666699999999</c:v>
                </c:pt>
                <c:pt idx="4063">
                  <c:v>128.683333</c:v>
                </c:pt>
                <c:pt idx="4064">
                  <c:v>128.69999999999999</c:v>
                </c:pt>
                <c:pt idx="4065">
                  <c:v>128.716667</c:v>
                </c:pt>
                <c:pt idx="4066">
                  <c:v>128.73333299999999</c:v>
                </c:pt>
                <c:pt idx="4067">
                  <c:v>128.75</c:v>
                </c:pt>
                <c:pt idx="4068">
                  <c:v>128.76666700000001</c:v>
                </c:pt>
                <c:pt idx="4069">
                  <c:v>128.783333</c:v>
                </c:pt>
                <c:pt idx="4070">
                  <c:v>128.80000000000001</c:v>
                </c:pt>
                <c:pt idx="4071">
                  <c:v>128.816667</c:v>
                </c:pt>
                <c:pt idx="4072">
                  <c:v>128.83333300000001</c:v>
                </c:pt>
                <c:pt idx="4073">
                  <c:v>128.85</c:v>
                </c:pt>
                <c:pt idx="4074">
                  <c:v>128.86666700000001</c:v>
                </c:pt>
                <c:pt idx="4075">
                  <c:v>128.88333299999999</c:v>
                </c:pt>
                <c:pt idx="4076">
                  <c:v>128.9</c:v>
                </c:pt>
                <c:pt idx="4077">
                  <c:v>128.91666699999999</c:v>
                </c:pt>
                <c:pt idx="4078">
                  <c:v>128.933333</c:v>
                </c:pt>
                <c:pt idx="4079">
                  <c:v>128.94999999999999</c:v>
                </c:pt>
                <c:pt idx="4080">
                  <c:v>128.966667</c:v>
                </c:pt>
                <c:pt idx="4081">
                  <c:v>128.98333299999999</c:v>
                </c:pt>
                <c:pt idx="4082">
                  <c:v>129</c:v>
                </c:pt>
                <c:pt idx="4083">
                  <c:v>129.01666700000001</c:v>
                </c:pt>
                <c:pt idx="4084">
                  <c:v>129.033333</c:v>
                </c:pt>
                <c:pt idx="4085">
                  <c:v>129.05000000000001</c:v>
                </c:pt>
                <c:pt idx="4086">
                  <c:v>129.066667</c:v>
                </c:pt>
                <c:pt idx="4087">
                  <c:v>129.08333300000001</c:v>
                </c:pt>
                <c:pt idx="4088">
                  <c:v>129.1</c:v>
                </c:pt>
                <c:pt idx="4089">
                  <c:v>129.11666700000001</c:v>
                </c:pt>
                <c:pt idx="4090">
                  <c:v>129.13333299999999</c:v>
                </c:pt>
                <c:pt idx="4091">
                  <c:v>129.15</c:v>
                </c:pt>
                <c:pt idx="4092">
                  <c:v>129.16666699999999</c:v>
                </c:pt>
                <c:pt idx="4093">
                  <c:v>129.183333</c:v>
                </c:pt>
                <c:pt idx="4094">
                  <c:v>129.19999999999999</c:v>
                </c:pt>
                <c:pt idx="4095">
                  <c:v>129.216667</c:v>
                </c:pt>
                <c:pt idx="4096">
                  <c:v>129.23333299999999</c:v>
                </c:pt>
                <c:pt idx="4097">
                  <c:v>129.25</c:v>
                </c:pt>
                <c:pt idx="4098">
                  <c:v>129.26666700000001</c:v>
                </c:pt>
                <c:pt idx="4099">
                  <c:v>129.283333</c:v>
                </c:pt>
                <c:pt idx="4100">
                  <c:v>129.30000000000001</c:v>
                </c:pt>
                <c:pt idx="4101">
                  <c:v>129.316667</c:v>
                </c:pt>
                <c:pt idx="4102">
                  <c:v>129.33333300000001</c:v>
                </c:pt>
                <c:pt idx="4103">
                  <c:v>129.35</c:v>
                </c:pt>
                <c:pt idx="4104">
                  <c:v>129.36666700000001</c:v>
                </c:pt>
                <c:pt idx="4105">
                  <c:v>129.38333299999999</c:v>
                </c:pt>
                <c:pt idx="4106">
                  <c:v>129.4</c:v>
                </c:pt>
                <c:pt idx="4107">
                  <c:v>129.41666699999999</c:v>
                </c:pt>
                <c:pt idx="4108">
                  <c:v>129.433333</c:v>
                </c:pt>
                <c:pt idx="4109">
                  <c:v>129.44999999999999</c:v>
                </c:pt>
                <c:pt idx="4110">
                  <c:v>129.466667</c:v>
                </c:pt>
                <c:pt idx="4111">
                  <c:v>129.48333299999999</c:v>
                </c:pt>
                <c:pt idx="4112">
                  <c:v>129.5</c:v>
                </c:pt>
                <c:pt idx="4113">
                  <c:v>129.51666700000001</c:v>
                </c:pt>
                <c:pt idx="4114">
                  <c:v>129.533333</c:v>
                </c:pt>
                <c:pt idx="4115">
                  <c:v>129.55000000000001</c:v>
                </c:pt>
                <c:pt idx="4116">
                  <c:v>129.566667</c:v>
                </c:pt>
                <c:pt idx="4117">
                  <c:v>129.58333300000001</c:v>
                </c:pt>
                <c:pt idx="4118">
                  <c:v>129.6</c:v>
                </c:pt>
                <c:pt idx="4119">
                  <c:v>129.61666700000001</c:v>
                </c:pt>
                <c:pt idx="4120">
                  <c:v>129.63333299999999</c:v>
                </c:pt>
                <c:pt idx="4121">
                  <c:v>129.65</c:v>
                </c:pt>
                <c:pt idx="4122">
                  <c:v>129.66666699999999</c:v>
                </c:pt>
                <c:pt idx="4123">
                  <c:v>129.683333</c:v>
                </c:pt>
                <c:pt idx="4124">
                  <c:v>129.69999999999999</c:v>
                </c:pt>
                <c:pt idx="4125">
                  <c:v>129.716667</c:v>
                </c:pt>
                <c:pt idx="4126">
                  <c:v>129.73333299999999</c:v>
                </c:pt>
                <c:pt idx="4127">
                  <c:v>129.75</c:v>
                </c:pt>
                <c:pt idx="4128">
                  <c:v>129.76666700000001</c:v>
                </c:pt>
                <c:pt idx="4129">
                  <c:v>129.783333</c:v>
                </c:pt>
                <c:pt idx="4130">
                  <c:v>129.80000000000001</c:v>
                </c:pt>
                <c:pt idx="4131">
                  <c:v>129.816667</c:v>
                </c:pt>
                <c:pt idx="4132">
                  <c:v>129.83333300000001</c:v>
                </c:pt>
                <c:pt idx="4133">
                  <c:v>129.85</c:v>
                </c:pt>
                <c:pt idx="4134">
                  <c:v>129.86666700000001</c:v>
                </c:pt>
                <c:pt idx="4135">
                  <c:v>129.88333299999999</c:v>
                </c:pt>
                <c:pt idx="4136">
                  <c:v>129.9</c:v>
                </c:pt>
                <c:pt idx="4137">
                  <c:v>129.91666699999999</c:v>
                </c:pt>
                <c:pt idx="4138">
                  <c:v>129.933333</c:v>
                </c:pt>
                <c:pt idx="4139">
                  <c:v>129.94999999999999</c:v>
                </c:pt>
                <c:pt idx="4140">
                  <c:v>129.966667</c:v>
                </c:pt>
                <c:pt idx="4141">
                  <c:v>129.98333299999999</c:v>
                </c:pt>
                <c:pt idx="4142">
                  <c:v>130</c:v>
                </c:pt>
                <c:pt idx="4143">
                  <c:v>130.01666700000001</c:v>
                </c:pt>
                <c:pt idx="4144">
                  <c:v>130.033333</c:v>
                </c:pt>
                <c:pt idx="4145">
                  <c:v>130.05000000000001</c:v>
                </c:pt>
                <c:pt idx="4146">
                  <c:v>130.066667</c:v>
                </c:pt>
                <c:pt idx="4147">
                  <c:v>130.08333300000001</c:v>
                </c:pt>
              </c:numCache>
            </c:numRef>
          </c:xVal>
          <c:yVal>
            <c:numRef>
              <c:f>'Fig 10'!$G$9:$G$4156</c:f>
              <c:numCache>
                <c:formatCode>General</c:formatCode>
                <c:ptCount val="4148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3.9970378316205154E-4</c:v>
                </c:pt>
                <c:pt idx="19">
                  <c:v>3.9970378316205154E-4</c:v>
                </c:pt>
                <c:pt idx="20">
                  <c:v>3.9970378316205154E-4</c:v>
                </c:pt>
                <c:pt idx="21">
                  <c:v>3.9970378316205154E-4</c:v>
                </c:pt>
                <c:pt idx="22">
                  <c:v>3.9970378316205154E-4</c:v>
                </c:pt>
                <c:pt idx="23">
                  <c:v>3.9970378316205154E-4</c:v>
                </c:pt>
                <c:pt idx="24">
                  <c:v>3.9970378316205154E-4</c:v>
                </c:pt>
                <c:pt idx="25">
                  <c:v>0</c:v>
                </c:pt>
                <c:pt idx="26">
                  <c:v>3.9970378316205154E-4</c:v>
                </c:pt>
                <c:pt idx="27">
                  <c:v>2.0348556233645764E-3</c:v>
                </c:pt>
                <c:pt idx="28">
                  <c:v>5.2930470679038426E-3</c:v>
                </c:pt>
                <c:pt idx="29">
                  <c:v>1.0997910154814003E-2</c:v>
                </c:pt>
                <c:pt idx="30">
                  <c:v>1.9561260903122896E-2</c:v>
                </c:pt>
                <c:pt idx="31">
                  <c:v>2.6901275830257098E-2</c:v>
                </c:pt>
                <c:pt idx="32">
                  <c:v>3.0983099312830522E-2</c:v>
                </c:pt>
                <c:pt idx="33">
                  <c:v>3.3017954936173578E-2</c:v>
                </c:pt>
                <c:pt idx="34">
                  <c:v>3.4241290757369786E-2</c:v>
                </c:pt>
                <c:pt idx="35">
                  <c:v>3.6276146380734363E-2</c:v>
                </c:pt>
                <c:pt idx="36">
                  <c:v>4.3204345288840727E-2</c:v>
                </c:pt>
                <c:pt idx="37">
                  <c:v>6.2777718427829407E-2</c:v>
                </c:pt>
                <c:pt idx="38">
                  <c:v>0.10639387973567646</c:v>
                </c:pt>
                <c:pt idx="39">
                  <c:v>0.17895828473298944</c:v>
                </c:pt>
                <c:pt idx="40">
                  <c:v>0.27149576665245317</c:v>
                </c:pt>
                <c:pt idx="41">
                  <c:v>0.38238328588970938</c:v>
                </c:pt>
                <c:pt idx="42">
                  <c:v>0.50712720294317837</c:v>
                </c:pt>
                <c:pt idx="43">
                  <c:v>0.64695085363403471</c:v>
                </c:pt>
                <c:pt idx="44">
                  <c:v>0.80267787000033419</c:v>
                </c:pt>
                <c:pt idx="45">
                  <c:v>0.97674281144858188</c:v>
                </c:pt>
                <c:pt idx="46">
                  <c:v>1.1671229345912573</c:v>
                </c:pt>
                <c:pt idx="47">
                  <c:v>1.3644312566420391</c:v>
                </c:pt>
                <c:pt idx="48">
                  <c:v>1.5576577552102477</c:v>
                </c:pt>
                <c:pt idx="49">
                  <c:v>1.748025766117079</c:v>
                </c:pt>
                <c:pt idx="50">
                  <c:v>1.9396292250809508</c:v>
                </c:pt>
                <c:pt idx="51">
                  <c:v>2.1304090520067884</c:v>
                </c:pt>
                <c:pt idx="52">
                  <c:v>2.3048858094740421</c:v>
                </c:pt>
                <c:pt idx="53">
                  <c:v>2.4549079627534103</c:v>
                </c:pt>
                <c:pt idx="54">
                  <c:v>2.5776170241835357</c:v>
                </c:pt>
                <c:pt idx="55">
                  <c:v>2.6766708889920783</c:v>
                </c:pt>
                <c:pt idx="56">
                  <c:v>2.7557637891143356</c:v>
                </c:pt>
                <c:pt idx="57">
                  <c:v>2.8209881791845359</c:v>
                </c:pt>
                <c:pt idx="58">
                  <c:v>2.8760140666662246</c:v>
                </c:pt>
                <c:pt idx="59">
                  <c:v>2.923312347673483</c:v>
                </c:pt>
                <c:pt idx="60">
                  <c:v>2.9648936533579873</c:v>
                </c:pt>
                <c:pt idx="61">
                  <c:v>3.00198131954089</c:v>
                </c:pt>
                <c:pt idx="62">
                  <c:v>3.0354110904960914</c:v>
                </c:pt>
                <c:pt idx="63">
                  <c:v>3.0659823737898941</c:v>
                </c:pt>
                <c:pt idx="64">
                  <c:v>3.0941190976771917</c:v>
                </c:pt>
                <c:pt idx="65">
                  <c:v>3.1202088537052588</c:v>
                </c:pt>
                <c:pt idx="66">
                  <c:v>3.1446634578931452</c:v>
                </c:pt>
                <c:pt idx="67">
                  <c:v>3.1679068384956794</c:v>
                </c:pt>
                <c:pt idx="68">
                  <c:v>3.1907262908433625</c:v>
                </c:pt>
                <c:pt idx="69">
                  <c:v>3.2131581516437286</c:v>
                </c:pt>
                <c:pt idx="70">
                  <c:v>3.2343545643870755</c:v>
                </c:pt>
                <c:pt idx="71">
                  <c:v>3.2551391611113951</c:v>
                </c:pt>
                <c:pt idx="72">
                  <c:v>3.2751122380335245</c:v>
                </c:pt>
                <c:pt idx="73">
                  <c:v>3.2942737951535066</c:v>
                </c:pt>
                <c:pt idx="74">
                  <c:v>3.3130235362544607</c:v>
                </c:pt>
                <c:pt idx="75">
                  <c:v>3.3305620537700849</c:v>
                </c:pt>
                <c:pt idx="76">
                  <c:v>3.3476766430308369</c:v>
                </c:pt>
                <c:pt idx="77">
                  <c:v>3.3643915285084489</c:v>
                </c:pt>
                <c:pt idx="78">
                  <c:v>3.3798830781648634</c:v>
                </c:pt>
                <c:pt idx="79">
                  <c:v>3.3949628118022512</c:v>
                </c:pt>
                <c:pt idx="80">
                  <c:v>3.4096428416564981</c:v>
                </c:pt>
                <c:pt idx="81">
                  <c:v>3.4234992394727111</c:v>
                </c:pt>
                <c:pt idx="82">
                  <c:v>3.4369559335057613</c:v>
                </c:pt>
                <c:pt idx="83">
                  <c:v>3.4500008115198058</c:v>
                </c:pt>
                <c:pt idx="84">
                  <c:v>3.4626338735148225</c:v>
                </c:pt>
                <c:pt idx="85">
                  <c:v>3.4744554157076704</c:v>
                </c:pt>
                <c:pt idx="86">
                  <c:v>3.4862890701363844</c:v>
                </c:pt>
                <c:pt idx="87">
                  <c:v>3.4972869802912196</c:v>
                </c:pt>
                <c:pt idx="88">
                  <c:v>3.5062621470585351</c:v>
                </c:pt>
                <c:pt idx="89">
                  <c:v>3.5140018657688099</c:v>
                </c:pt>
                <c:pt idx="90">
                  <c:v>3.5217536967149505</c:v>
                </c:pt>
                <c:pt idx="91">
                  <c:v>3.5319400870675963</c:v>
                </c:pt>
                <c:pt idx="92">
                  <c:v>3.542950109458276</c:v>
                </c:pt>
                <c:pt idx="93">
                  <c:v>3.553548315829949</c:v>
                </c:pt>
                <c:pt idx="94">
                  <c:v>3.5629231863804267</c:v>
                </c:pt>
                <c:pt idx="95">
                  <c:v>3.5698513852885334</c:v>
                </c:pt>
                <c:pt idx="96">
                  <c:v>3.5759680643944498</c:v>
                </c:pt>
                <c:pt idx="97">
                  <c:v>3.5820847435003875</c:v>
                </c:pt>
                <c:pt idx="98">
                  <c:v>3.5886011263894875</c:v>
                </c:pt>
                <c:pt idx="99">
                  <c:v>3.5951296215144319</c:v>
                </c:pt>
                <c:pt idx="100">
                  <c:v>3.6024696364415445</c:v>
                </c:pt>
                <c:pt idx="101">
                  <c:v>3.6102093551518193</c:v>
                </c:pt>
                <c:pt idx="102">
                  <c:v>3.618772705900128</c:v>
                </c:pt>
                <c:pt idx="103">
                  <c:v>3.6269242406294309</c:v>
                </c:pt>
                <c:pt idx="104">
                  <c:v>3.6354875913777396</c:v>
                </c:pt>
                <c:pt idx="105">
                  <c:v>3.6448624619282164</c:v>
                </c:pt>
                <c:pt idx="106">
                  <c:v>3.6530139966574984</c:v>
                </c:pt>
                <c:pt idx="107">
                  <c:v>3.6603540115846323</c:v>
                </c:pt>
                <c:pt idx="108">
                  <c:v>3.6660588746715428</c:v>
                </c:pt>
                <c:pt idx="109">
                  <c:v>3.670540401937278</c:v>
                </c:pt>
                <c:pt idx="110">
                  <c:v>3.6750340414388578</c:v>
                </c:pt>
                <c:pt idx="111">
                  <c:v>3.6795155687045931</c:v>
                </c:pt>
                <c:pt idx="112">
                  <c:v>3.6848086157724969</c:v>
                </c:pt>
                <c:pt idx="113">
                  <c:v>3.6909252948784346</c:v>
                </c:pt>
                <c:pt idx="114">
                  <c:v>3.6966301579653451</c:v>
                </c:pt>
                <c:pt idx="115">
                  <c:v>3.7031586530903113</c:v>
                </c:pt>
                <c:pt idx="116">
                  <c:v>3.708863516177221</c:v>
                </c:pt>
                <c:pt idx="117">
                  <c:v>3.7137568594619625</c:v>
                </c:pt>
                <c:pt idx="118">
                  <c:v>3.7182383867276987</c:v>
                </c:pt>
                <c:pt idx="119">
                  <c:v>3.7223202102102717</c:v>
                </c:pt>
                <c:pt idx="120">
                  <c:v>3.7263899214570011</c:v>
                </c:pt>
                <c:pt idx="121">
                  <c:v>3.7304717449395746</c:v>
                </c:pt>
                <c:pt idx="122">
                  <c:v>3.7345414561862822</c:v>
                </c:pt>
                <c:pt idx="123">
                  <c:v>3.7390350956878615</c:v>
                </c:pt>
                <c:pt idx="124">
                  <c:v>3.7431048069345905</c:v>
                </c:pt>
                <c:pt idx="125">
                  <c:v>3.7471866304171639</c:v>
                </c:pt>
                <c:pt idx="126">
                  <c:v>3.7516681576828996</c:v>
                </c:pt>
                <c:pt idx="127">
                  <c:v>3.7561496849486349</c:v>
                </c:pt>
                <c:pt idx="128">
                  <c:v>3.7602315084312083</c:v>
                </c:pt>
                <c:pt idx="129">
                  <c:v>3.764713035696944</c:v>
                </c:pt>
                <c:pt idx="130">
                  <c:v>3.7687948591795175</c:v>
                </c:pt>
                <c:pt idx="131">
                  <c:v>3.7732763864452528</c:v>
                </c:pt>
                <c:pt idx="132">
                  <c:v>3.7773460976919604</c:v>
                </c:pt>
                <c:pt idx="133">
                  <c:v>3.7814279211745343</c:v>
                </c:pt>
                <c:pt idx="134">
                  <c:v>3.7859094484402696</c:v>
                </c:pt>
                <c:pt idx="135">
                  <c:v>3.7899912719228426</c:v>
                </c:pt>
                <c:pt idx="136">
                  <c:v>3.794060983169572</c:v>
                </c:pt>
                <c:pt idx="137">
                  <c:v>3.7977309906331178</c:v>
                </c:pt>
                <c:pt idx="138">
                  <c:v>3.8018128141156913</c:v>
                </c:pt>
                <c:pt idx="139">
                  <c:v>3.8054828215792584</c:v>
                </c:pt>
                <c:pt idx="140">
                  <c:v>3.8095525328259661</c:v>
                </c:pt>
                <c:pt idx="141">
                  <c:v>3.8132225402895328</c:v>
                </c:pt>
                <c:pt idx="142">
                  <c:v>3.8168925477530999</c:v>
                </c:pt>
                <c:pt idx="143">
                  <c:v>3.8205625552166458</c:v>
                </c:pt>
                <c:pt idx="144">
                  <c:v>3.8242325626802125</c:v>
                </c:pt>
                <c:pt idx="145">
                  <c:v>3.8274907541247516</c:v>
                </c:pt>
                <c:pt idx="146">
                  <c:v>3.8311607615883188</c:v>
                </c:pt>
                <c:pt idx="147">
                  <c:v>3.8344189530328578</c:v>
                </c:pt>
                <c:pt idx="148">
                  <c:v>3.8380889604964255</c:v>
                </c:pt>
                <c:pt idx="149">
                  <c:v>3.8413471519409645</c:v>
                </c:pt>
                <c:pt idx="150">
                  <c:v>3.8446174556213699</c:v>
                </c:pt>
                <c:pt idx="151">
                  <c:v>3.847875647065909</c:v>
                </c:pt>
                <c:pt idx="152">
                  <c:v>3.8511338385104699</c:v>
                </c:pt>
                <c:pt idx="153">
                  <c:v>3.854392029955009</c:v>
                </c:pt>
                <c:pt idx="154">
                  <c:v>3.8572505176164076</c:v>
                </c:pt>
                <c:pt idx="155">
                  <c:v>3.8605087090609467</c:v>
                </c:pt>
                <c:pt idx="156">
                  <c:v>3.863367196722324</c:v>
                </c:pt>
                <c:pt idx="157">
                  <c:v>3.8666253881668853</c:v>
                </c:pt>
                <c:pt idx="158">
                  <c:v>3.8694838758282621</c:v>
                </c:pt>
                <c:pt idx="159">
                  <c:v>3.8723302512537949</c:v>
                </c:pt>
                <c:pt idx="160">
                  <c:v>3.8751887389151722</c:v>
                </c:pt>
                <c:pt idx="161">
                  <c:v>3.8780472265765713</c:v>
                </c:pt>
                <c:pt idx="162">
                  <c:v>3.8808936020021041</c:v>
                </c:pt>
                <c:pt idx="163">
                  <c:v>3.8837520896634814</c:v>
                </c:pt>
                <c:pt idx="164">
                  <c:v>3.8865984650890137</c:v>
                </c:pt>
                <c:pt idx="165">
                  <c:v>3.8894569527504128</c:v>
                </c:pt>
                <c:pt idx="166">
                  <c:v>3.8919036243927838</c:v>
                </c:pt>
                <c:pt idx="167">
                  <c:v>3.8947499998183166</c:v>
                </c:pt>
                <c:pt idx="168">
                  <c:v>3.8971966714606876</c:v>
                </c:pt>
                <c:pt idx="169">
                  <c:v>3.9000551591220649</c:v>
                </c:pt>
                <c:pt idx="170">
                  <c:v>3.9025018307644572</c:v>
                </c:pt>
                <c:pt idx="171">
                  <c:v>3.9053603184258345</c:v>
                </c:pt>
                <c:pt idx="172">
                  <c:v>3.9077948778323615</c:v>
                </c:pt>
                <c:pt idx="173">
                  <c:v>3.910241549474732</c:v>
                </c:pt>
                <c:pt idx="174">
                  <c:v>3.9126882211171026</c:v>
                </c:pt>
                <c:pt idx="175">
                  <c:v>3.9155467087784799</c:v>
                </c:pt>
                <c:pt idx="176">
                  <c:v>3.9179933804208513</c:v>
                </c:pt>
                <c:pt idx="177">
                  <c:v>3.920028236044216</c:v>
                </c:pt>
                <c:pt idx="178">
                  <c:v>3.9224749076865866</c:v>
                </c:pt>
                <c:pt idx="179">
                  <c:v>3.9249215793289576</c:v>
                </c:pt>
                <c:pt idx="180">
                  <c:v>3.9273682509713281</c:v>
                </c:pt>
                <c:pt idx="181">
                  <c:v>3.9298149226137209</c:v>
                </c:pt>
                <c:pt idx="182">
                  <c:v>3.9322615942560915</c:v>
                </c:pt>
                <c:pt idx="183">
                  <c:v>3.9342964498794348</c:v>
                </c:pt>
                <c:pt idx="184">
                  <c:v>3.9367431215218267</c:v>
                </c:pt>
                <c:pt idx="185">
                  <c:v>3.9391897931641982</c:v>
                </c:pt>
                <c:pt idx="186">
                  <c:v>3.9412246487875411</c:v>
                </c:pt>
                <c:pt idx="187">
                  <c:v>3.9436713204299334</c:v>
                </c:pt>
                <c:pt idx="188">
                  <c:v>3.9457182882891422</c:v>
                </c:pt>
                <c:pt idx="189">
                  <c:v>3.9481649599315132</c:v>
                </c:pt>
                <c:pt idx="190">
                  <c:v>3.9501998155548779</c:v>
                </c:pt>
                <c:pt idx="191">
                  <c:v>3.9522346711782208</c:v>
                </c:pt>
                <c:pt idx="192">
                  <c:v>3.9542695268015855</c:v>
                </c:pt>
                <c:pt idx="193">
                  <c:v>3.9567161984439561</c:v>
                </c:pt>
                <c:pt idx="194">
                  <c:v>3.9587631663031866</c:v>
                </c:pt>
                <c:pt idx="195">
                  <c:v>3.9607980219265295</c:v>
                </c:pt>
                <c:pt idx="196">
                  <c:v>3.9628328775498942</c:v>
                </c:pt>
                <c:pt idx="197">
                  <c:v>3.9648677331732585</c:v>
                </c:pt>
                <c:pt idx="198">
                  <c:v>3.9669147010324681</c:v>
                </c:pt>
                <c:pt idx="199">
                  <c:v>3.9689495566558328</c:v>
                </c:pt>
                <c:pt idx="200">
                  <c:v>3.9705847084960348</c:v>
                </c:pt>
                <c:pt idx="201">
                  <c:v>3.9726195641193778</c:v>
                </c:pt>
                <c:pt idx="202">
                  <c:v>3.9746544197427425</c:v>
                </c:pt>
                <c:pt idx="203">
                  <c:v>3.9766892753661067</c:v>
                </c:pt>
                <c:pt idx="204">
                  <c:v>3.9787362432253155</c:v>
                </c:pt>
                <c:pt idx="205">
                  <c:v>3.9803592828296743</c:v>
                </c:pt>
                <c:pt idx="206">
                  <c:v>3.9824062506888831</c:v>
                </c:pt>
                <c:pt idx="207">
                  <c:v>3.9844411063122473</c:v>
                </c:pt>
                <c:pt idx="208">
                  <c:v>3.9860762581524503</c:v>
                </c:pt>
                <c:pt idx="209">
                  <c:v>3.9881111137757932</c:v>
                </c:pt>
                <c:pt idx="210">
                  <c:v>3.9897341533801511</c:v>
                </c:pt>
                <c:pt idx="211">
                  <c:v>3.991369305220354</c:v>
                </c:pt>
                <c:pt idx="212">
                  <c:v>3.993404160843697</c:v>
                </c:pt>
                <c:pt idx="213">
                  <c:v>3.9950393126838999</c:v>
                </c:pt>
                <c:pt idx="214">
                  <c:v>3.9970741683072646</c:v>
                </c:pt>
                <c:pt idx="215">
                  <c:v>3.9987093201474666</c:v>
                </c:pt>
                <c:pt idx="216">
                  <c:v>4.0003444719876695</c:v>
                </c:pt>
                <c:pt idx="217">
                  <c:v>4.0023793276110338</c:v>
                </c:pt>
                <c:pt idx="218">
                  <c:v>4.00400236721537</c:v>
                </c:pt>
                <c:pt idx="219">
                  <c:v>4.0056375190555729</c:v>
                </c:pt>
                <c:pt idx="220">
                  <c:v>4.0072726708957758</c:v>
                </c:pt>
                <c:pt idx="221">
                  <c:v>4.00930752651914</c:v>
                </c:pt>
                <c:pt idx="222">
                  <c:v>4.010942678359342</c:v>
                </c:pt>
                <c:pt idx="223">
                  <c:v>4.0125657179636791</c:v>
                </c:pt>
                <c:pt idx="224">
                  <c:v>4.014200869803882</c:v>
                </c:pt>
                <c:pt idx="225">
                  <c:v>4.015836021644084</c:v>
                </c:pt>
                <c:pt idx="226">
                  <c:v>4.0174590612484211</c:v>
                </c:pt>
                <c:pt idx="227">
                  <c:v>4.019094213088624</c:v>
                </c:pt>
                <c:pt idx="228">
                  <c:v>4.0207172526929815</c:v>
                </c:pt>
                <c:pt idx="229">
                  <c:v>4.0223524045331631</c:v>
                </c:pt>
                <c:pt idx="230">
                  <c:v>4.0239875563733651</c:v>
                </c:pt>
                <c:pt idx="231">
                  <c:v>4.0256105959777235</c:v>
                </c:pt>
                <c:pt idx="232">
                  <c:v>4.0272457478179264</c:v>
                </c:pt>
                <c:pt idx="233">
                  <c:v>4.0288808996581071</c:v>
                </c:pt>
                <c:pt idx="234">
                  <c:v>4.0300921232434588</c:v>
                </c:pt>
                <c:pt idx="235">
                  <c:v>4.0317272750836404</c:v>
                </c:pt>
                <c:pt idx="236">
                  <c:v>4.0333624269238433</c:v>
                </c:pt>
                <c:pt idx="237">
                  <c:v>4.0349854665282008</c:v>
                </c:pt>
                <c:pt idx="238">
                  <c:v>4.0362088023493756</c:v>
                </c:pt>
                <c:pt idx="239">
                  <c:v>4.0378439541895776</c:v>
                </c:pt>
                <c:pt idx="240">
                  <c:v>4.0394791060297806</c:v>
                </c:pt>
                <c:pt idx="241">
                  <c:v>4.0411021456341389</c:v>
                </c:pt>
                <c:pt idx="242">
                  <c:v>4.0423254814553138</c:v>
                </c:pt>
                <c:pt idx="243">
                  <c:v>4.0439606332955158</c:v>
                </c:pt>
                <c:pt idx="244">
                  <c:v>4.0451839691167129</c:v>
                </c:pt>
                <c:pt idx="245">
                  <c:v>4.046807008721049</c:v>
                </c:pt>
                <c:pt idx="246">
                  <c:v>4.0480303445422452</c:v>
                </c:pt>
                <c:pt idx="247">
                  <c:v>4.0496654963824259</c:v>
                </c:pt>
                <c:pt idx="248">
                  <c:v>4.0513006482226288</c:v>
                </c:pt>
                <c:pt idx="249">
                  <c:v>4.052523984043825</c:v>
                </c:pt>
                <c:pt idx="250">
                  <c:v>4.0541470236481612</c:v>
                </c:pt>
                <c:pt idx="251">
                  <c:v>4.0557821754883641</c:v>
                </c:pt>
                <c:pt idx="252">
                  <c:v>4.0570055113095602</c:v>
                </c:pt>
                <c:pt idx="253">
                  <c:v>4.0586285509138973</c:v>
                </c:pt>
                <c:pt idx="254">
                  <c:v>4.0598518867350935</c:v>
                </c:pt>
                <c:pt idx="255">
                  <c:v>4.0610752225562683</c:v>
                </c:pt>
                <c:pt idx="256">
                  <c:v>4.0627103743964703</c:v>
                </c:pt>
                <c:pt idx="257">
                  <c:v>4.0639337102176665</c:v>
                </c:pt>
                <c:pt idx="258">
                  <c:v>4.0655688620578694</c:v>
                </c:pt>
                <c:pt idx="259">
                  <c:v>4.0667921978790442</c:v>
                </c:pt>
                <c:pt idx="260">
                  <c:v>4.0684152374834026</c:v>
                </c:pt>
                <c:pt idx="261">
                  <c:v>4.0696385733045775</c:v>
                </c:pt>
                <c:pt idx="262">
                  <c:v>4.0708619091257736</c:v>
                </c:pt>
                <c:pt idx="263">
                  <c:v>4.0724970609659756</c:v>
                </c:pt>
                <c:pt idx="264">
                  <c:v>4.0737203967871505</c:v>
                </c:pt>
                <c:pt idx="265">
                  <c:v>4.0749437326083466</c:v>
                </c:pt>
                <c:pt idx="266">
                  <c:v>4.0761670684295215</c:v>
                </c:pt>
                <c:pt idx="267">
                  <c:v>4.0773904042507176</c:v>
                </c:pt>
                <c:pt idx="268">
                  <c:v>4.0786137400718925</c:v>
                </c:pt>
                <c:pt idx="269">
                  <c:v>4.08023677967625</c:v>
                </c:pt>
                <c:pt idx="270">
                  <c:v>4.0814601154974257</c:v>
                </c:pt>
                <c:pt idx="271">
                  <c:v>4.0826834513186219</c:v>
                </c:pt>
                <c:pt idx="272">
                  <c:v>4.0839067871398171</c:v>
                </c:pt>
                <c:pt idx="273">
                  <c:v>4.085130122960992</c:v>
                </c:pt>
                <c:pt idx="274">
                  <c:v>4.086353458782189</c:v>
                </c:pt>
                <c:pt idx="275">
                  <c:v>4.087576794603363</c:v>
                </c:pt>
                <c:pt idx="276">
                  <c:v>4.0888001304245591</c:v>
                </c:pt>
                <c:pt idx="277">
                  <c:v>4.090023466245734</c:v>
                </c:pt>
                <c:pt idx="278">
                  <c:v>4.091246802066931</c:v>
                </c:pt>
                <c:pt idx="279">
                  <c:v>4.0928819539071331</c:v>
                </c:pt>
                <c:pt idx="280">
                  <c:v>4.0936934737093011</c:v>
                </c:pt>
                <c:pt idx="281">
                  <c:v>4.094916809530476</c:v>
                </c:pt>
                <c:pt idx="282">
                  <c:v>4.0961401453516721</c:v>
                </c:pt>
                <c:pt idx="283">
                  <c:v>4.0973634811728683</c:v>
                </c:pt>
                <c:pt idx="284">
                  <c:v>4.0985868169940431</c:v>
                </c:pt>
                <c:pt idx="285">
                  <c:v>4.0998101528152393</c:v>
                </c:pt>
                <c:pt idx="286">
                  <c:v>4.1010334886364141</c:v>
                </c:pt>
                <c:pt idx="287">
                  <c:v>4.1022568244576103</c:v>
                </c:pt>
                <c:pt idx="288">
                  <c:v>4.1034801602787851</c:v>
                </c:pt>
                <c:pt idx="289">
                  <c:v>4.1047034960999813</c:v>
                </c:pt>
                <c:pt idx="290">
                  <c:v>4.1059268319211553</c:v>
                </c:pt>
                <c:pt idx="291">
                  <c:v>4.1071501677423514</c:v>
                </c:pt>
                <c:pt idx="292">
                  <c:v>4.1083735035635485</c:v>
                </c:pt>
                <c:pt idx="293">
                  <c:v>4.1095968393847233</c:v>
                </c:pt>
                <c:pt idx="294">
                  <c:v>4.1108201752059186</c:v>
                </c:pt>
                <c:pt idx="295">
                  <c:v>4.1116316950080876</c:v>
                </c:pt>
                <c:pt idx="296">
                  <c:v>4.1128550308292624</c:v>
                </c:pt>
                <c:pt idx="297">
                  <c:v>4.1140783666504577</c:v>
                </c:pt>
                <c:pt idx="298">
                  <c:v>4.1153017024716547</c:v>
                </c:pt>
                <c:pt idx="299">
                  <c:v>4.1161132222738228</c:v>
                </c:pt>
                <c:pt idx="300">
                  <c:v>4.1173365580949977</c:v>
                </c:pt>
                <c:pt idx="301">
                  <c:v>4.1185598939161938</c:v>
                </c:pt>
                <c:pt idx="302">
                  <c:v>4.1193714137183628</c:v>
                </c:pt>
                <c:pt idx="303">
                  <c:v>4.120594749539559</c:v>
                </c:pt>
                <c:pt idx="304">
                  <c:v>4.1218180853607329</c:v>
                </c:pt>
                <c:pt idx="305">
                  <c:v>4.1226417173987677</c:v>
                </c:pt>
                <c:pt idx="306">
                  <c:v>4.1238650532199417</c:v>
                </c:pt>
                <c:pt idx="307">
                  <c:v>4.1250762768052933</c:v>
                </c:pt>
                <c:pt idx="308">
                  <c:v>4.1258999088433068</c:v>
                </c:pt>
                <c:pt idx="309">
                  <c:v>4.1271232446645021</c:v>
                </c:pt>
                <c:pt idx="310">
                  <c:v>4.1279347644666711</c:v>
                </c:pt>
                <c:pt idx="311">
                  <c:v>4.1291581002878672</c:v>
                </c:pt>
                <c:pt idx="312">
                  <c:v>4.1299696200900353</c:v>
                </c:pt>
                <c:pt idx="313">
                  <c:v>4.1311929559112102</c:v>
                </c:pt>
                <c:pt idx="314">
                  <c:v>4.1320165879492441</c:v>
                </c:pt>
                <c:pt idx="315">
                  <c:v>4.1332399237704402</c:v>
                </c:pt>
                <c:pt idx="316">
                  <c:v>4.134463259591616</c:v>
                </c:pt>
                <c:pt idx="317">
                  <c:v>4.1352747793937832</c:v>
                </c:pt>
                <c:pt idx="318">
                  <c:v>4.1364981152149802</c:v>
                </c:pt>
                <c:pt idx="319">
                  <c:v>4.1377214510361551</c:v>
                </c:pt>
                <c:pt idx="320">
                  <c:v>4.1385329708383445</c:v>
                </c:pt>
                <c:pt idx="321">
                  <c:v>4.1397563066595193</c:v>
                </c:pt>
                <c:pt idx="322">
                  <c:v>4.1405678264616874</c:v>
                </c:pt>
                <c:pt idx="323">
                  <c:v>4.1417911622828836</c:v>
                </c:pt>
                <c:pt idx="324">
                  <c:v>4.1426147943209184</c:v>
                </c:pt>
                <c:pt idx="325">
                  <c:v>4.1438381301420923</c:v>
                </c:pt>
                <c:pt idx="326">
                  <c:v>4.1446496499442613</c:v>
                </c:pt>
                <c:pt idx="327">
                  <c:v>4.1458729857654575</c:v>
                </c:pt>
                <c:pt idx="328">
                  <c:v>4.1470963215866314</c:v>
                </c:pt>
                <c:pt idx="329">
                  <c:v>4.1479078413888217</c:v>
                </c:pt>
                <c:pt idx="330">
                  <c:v>4.1487314734268343</c:v>
                </c:pt>
                <c:pt idx="331">
                  <c:v>4.1499548092480305</c:v>
                </c:pt>
                <c:pt idx="332">
                  <c:v>4.1507663290501995</c:v>
                </c:pt>
                <c:pt idx="333">
                  <c:v>4.1519896648713948</c:v>
                </c:pt>
                <c:pt idx="334">
                  <c:v>4.1528011846735637</c:v>
                </c:pt>
                <c:pt idx="335">
                  <c:v>4.1540245204947386</c:v>
                </c:pt>
                <c:pt idx="336">
                  <c:v>4.154836040296928</c:v>
                </c:pt>
                <c:pt idx="337">
                  <c:v>4.1556596723349406</c:v>
                </c:pt>
                <c:pt idx="338">
                  <c:v>4.1568830081561368</c:v>
                </c:pt>
                <c:pt idx="339">
                  <c:v>4.1576945279583057</c:v>
                </c:pt>
                <c:pt idx="340">
                  <c:v>4.1585060477604738</c:v>
                </c:pt>
                <c:pt idx="341">
                  <c:v>4.15972938358167</c:v>
                </c:pt>
                <c:pt idx="342">
                  <c:v>4.1605530156197039</c:v>
                </c:pt>
                <c:pt idx="343">
                  <c:v>4.161364535421872</c:v>
                </c:pt>
                <c:pt idx="344">
                  <c:v>4.162176055224041</c:v>
                </c:pt>
                <c:pt idx="345">
                  <c:v>4.1633993910452372</c:v>
                </c:pt>
                <c:pt idx="346">
                  <c:v>4.1642230230832498</c:v>
                </c:pt>
                <c:pt idx="347">
                  <c:v>4.1650345428854179</c:v>
                </c:pt>
                <c:pt idx="348">
                  <c:v>4.1658460626876082</c:v>
                </c:pt>
                <c:pt idx="349">
                  <c:v>4.167069398508783</c:v>
                </c:pt>
                <c:pt idx="350">
                  <c:v>4.1678809183109511</c:v>
                </c:pt>
                <c:pt idx="351">
                  <c:v>4.168704550348985</c:v>
                </c:pt>
                <c:pt idx="352">
                  <c:v>4.169516070151154</c:v>
                </c:pt>
                <c:pt idx="353">
                  <c:v>4.1703275899533434</c:v>
                </c:pt>
                <c:pt idx="354">
                  <c:v>4.171151221991356</c:v>
                </c:pt>
                <c:pt idx="355">
                  <c:v>4.1723745578125522</c:v>
                </c:pt>
                <c:pt idx="356">
                  <c:v>4.1731860776147203</c:v>
                </c:pt>
                <c:pt idx="357">
                  <c:v>4.1739975974168892</c:v>
                </c:pt>
                <c:pt idx="358">
                  <c:v>4.1748212294549232</c:v>
                </c:pt>
                <c:pt idx="359">
                  <c:v>4.1756327492570922</c:v>
                </c:pt>
                <c:pt idx="360">
                  <c:v>4.1764442690592594</c:v>
                </c:pt>
                <c:pt idx="361">
                  <c:v>4.1772679010972942</c:v>
                </c:pt>
                <c:pt idx="362">
                  <c:v>4.1780794208994623</c:v>
                </c:pt>
                <c:pt idx="363">
                  <c:v>4.1793027567206584</c:v>
                </c:pt>
                <c:pt idx="364">
                  <c:v>4.1801142765228265</c:v>
                </c:pt>
                <c:pt idx="365">
                  <c:v>4.1809257963249955</c:v>
                </c:pt>
                <c:pt idx="366">
                  <c:v>4.1817494283630294</c:v>
                </c:pt>
                <c:pt idx="367">
                  <c:v>4.1825609481651984</c:v>
                </c:pt>
                <c:pt idx="368">
                  <c:v>4.1833724679673656</c:v>
                </c:pt>
                <c:pt idx="369">
                  <c:v>4.1841961000054004</c:v>
                </c:pt>
                <c:pt idx="370">
                  <c:v>4.1854194358265966</c:v>
                </c:pt>
                <c:pt idx="371">
                  <c:v>4.1862309556287647</c:v>
                </c:pt>
                <c:pt idx="372">
                  <c:v>4.1870424754309337</c:v>
                </c:pt>
                <c:pt idx="373">
                  <c:v>4.1878661074689676</c:v>
                </c:pt>
                <c:pt idx="374">
                  <c:v>4.1886776272711357</c:v>
                </c:pt>
                <c:pt idx="375">
                  <c:v>4.1894891470733038</c:v>
                </c:pt>
                <c:pt idx="376">
                  <c:v>4.1903127791113377</c:v>
                </c:pt>
                <c:pt idx="377">
                  <c:v>4.1911242989135067</c:v>
                </c:pt>
                <c:pt idx="378">
                  <c:v>4.1919358187156757</c:v>
                </c:pt>
                <c:pt idx="379">
                  <c:v>4.1927473385178438</c:v>
                </c:pt>
                <c:pt idx="380">
                  <c:v>4.1935709705558777</c:v>
                </c:pt>
                <c:pt idx="381">
                  <c:v>4.1943824903580458</c:v>
                </c:pt>
                <c:pt idx="382">
                  <c:v>4.1951940101602361</c:v>
                </c:pt>
                <c:pt idx="383">
                  <c:v>4.1960176421982487</c:v>
                </c:pt>
                <c:pt idx="384">
                  <c:v>4.19641734598141</c:v>
                </c:pt>
                <c:pt idx="385">
                  <c:v>4.1972409780194448</c:v>
                </c:pt>
                <c:pt idx="386">
                  <c:v>4.1980524978216129</c:v>
                </c:pt>
                <c:pt idx="387">
                  <c:v>4.1988640176237819</c:v>
                </c:pt>
                <c:pt idx="388">
                  <c:v>4.1996876496618158</c:v>
                </c:pt>
                <c:pt idx="389">
                  <c:v>4.2004991694639839</c:v>
                </c:pt>
                <c:pt idx="390">
                  <c:v>4.201310689266152</c:v>
                </c:pt>
                <c:pt idx="391">
                  <c:v>4.2021343213041868</c:v>
                </c:pt>
                <c:pt idx="392">
                  <c:v>4.2029458411063549</c:v>
                </c:pt>
                <c:pt idx="393">
                  <c:v>4.2037573609085239</c:v>
                </c:pt>
                <c:pt idx="394">
                  <c:v>4.2045809929465578</c:v>
                </c:pt>
                <c:pt idx="395">
                  <c:v>4.2053925127487259</c:v>
                </c:pt>
                <c:pt idx="396">
                  <c:v>4.206204032550894</c:v>
                </c:pt>
                <c:pt idx="397">
                  <c:v>4.2066158485699221</c:v>
                </c:pt>
                <c:pt idx="398">
                  <c:v>4.2074273683720902</c:v>
                </c:pt>
                <c:pt idx="399">
                  <c:v>4.2082388881742583</c:v>
                </c:pt>
                <c:pt idx="400">
                  <c:v>4.2090625202122931</c:v>
                </c:pt>
                <c:pt idx="401">
                  <c:v>4.2098740400144612</c:v>
                </c:pt>
                <c:pt idx="402">
                  <c:v>4.2106855598166302</c:v>
                </c:pt>
                <c:pt idx="403">
                  <c:v>4.2115091918546632</c:v>
                </c:pt>
                <c:pt idx="404">
                  <c:v>4.2123207116568322</c:v>
                </c:pt>
                <c:pt idx="405">
                  <c:v>4.2131322314590003</c:v>
                </c:pt>
                <c:pt idx="406">
                  <c:v>4.2139558634970351</c:v>
                </c:pt>
                <c:pt idx="407">
                  <c:v>4.2147673832992032</c:v>
                </c:pt>
                <c:pt idx="408">
                  <c:v>4.2151791993182304</c:v>
                </c:pt>
                <c:pt idx="409">
                  <c:v>4.2159907191203994</c:v>
                </c:pt>
                <c:pt idx="410">
                  <c:v>4.2168022389225683</c:v>
                </c:pt>
                <c:pt idx="411">
                  <c:v>4.2176258709606023</c:v>
                </c:pt>
                <c:pt idx="412">
                  <c:v>4.2184373907627704</c:v>
                </c:pt>
                <c:pt idx="413">
                  <c:v>4.2192489105649384</c:v>
                </c:pt>
                <c:pt idx="414">
                  <c:v>4.2196607265839665</c:v>
                </c:pt>
                <c:pt idx="415">
                  <c:v>4.2204722463861346</c:v>
                </c:pt>
                <c:pt idx="416">
                  <c:v>4.2212837661883027</c:v>
                </c:pt>
                <c:pt idx="417">
                  <c:v>4.2221073982263375</c:v>
                </c:pt>
                <c:pt idx="418">
                  <c:v>4.2229189180285056</c:v>
                </c:pt>
                <c:pt idx="419">
                  <c:v>4.2237304378306746</c:v>
                </c:pt>
                <c:pt idx="420">
                  <c:v>4.2245540698687076</c:v>
                </c:pt>
                <c:pt idx="421">
                  <c:v>4.2249537736518707</c:v>
                </c:pt>
                <c:pt idx="422">
                  <c:v>4.2257774056898834</c:v>
                </c:pt>
                <c:pt idx="423">
                  <c:v>4.2265889254920728</c:v>
                </c:pt>
                <c:pt idx="424">
                  <c:v>4.2274004452942409</c:v>
                </c:pt>
                <c:pt idx="425">
                  <c:v>4.2278122613132476</c:v>
                </c:pt>
                <c:pt idx="426">
                  <c:v>4.2286237811154157</c:v>
                </c:pt>
                <c:pt idx="427">
                  <c:v>4.2294474131534496</c:v>
                </c:pt>
                <c:pt idx="428">
                  <c:v>4.2302589329556186</c:v>
                </c:pt>
                <c:pt idx="429">
                  <c:v>4.2306707489746467</c:v>
                </c:pt>
                <c:pt idx="430">
                  <c:v>4.2314822687768139</c:v>
                </c:pt>
                <c:pt idx="431">
                  <c:v>4.2322937885789829</c:v>
                </c:pt>
                <c:pt idx="432">
                  <c:v>4.2331174206170168</c:v>
                </c:pt>
                <c:pt idx="433">
                  <c:v>4.2339289404191858</c:v>
                </c:pt>
                <c:pt idx="434">
                  <c:v>4.2343286442023471</c:v>
                </c:pt>
                <c:pt idx="435">
                  <c:v>4.2351522762403597</c:v>
                </c:pt>
                <c:pt idx="436">
                  <c:v>4.23596379604255</c:v>
                </c:pt>
                <c:pt idx="437">
                  <c:v>4.236775315844719</c:v>
                </c:pt>
                <c:pt idx="438">
                  <c:v>4.2371871318637249</c:v>
                </c:pt>
                <c:pt idx="439">
                  <c:v>4.237998651665893</c:v>
                </c:pt>
                <c:pt idx="440">
                  <c:v>4.2388222837039278</c:v>
                </c:pt>
                <c:pt idx="441">
                  <c:v>4.239633803506095</c:v>
                </c:pt>
                <c:pt idx="442">
                  <c:v>4.240045619525123</c:v>
                </c:pt>
                <c:pt idx="443">
                  <c:v>4.240857139327292</c:v>
                </c:pt>
                <c:pt idx="444">
                  <c:v>4.2416686591294601</c:v>
                </c:pt>
                <c:pt idx="445">
                  <c:v>4.2420804751484669</c:v>
                </c:pt>
                <c:pt idx="446">
                  <c:v>4.2428919949506563</c:v>
                </c:pt>
                <c:pt idx="447">
                  <c:v>4.243303810969663</c:v>
                </c:pt>
                <c:pt idx="448">
                  <c:v>4.2441153307718311</c:v>
                </c:pt>
                <c:pt idx="449">
                  <c:v>4.244938962809865</c:v>
                </c:pt>
                <c:pt idx="450">
                  <c:v>4.2453386665930273</c:v>
                </c:pt>
                <c:pt idx="451">
                  <c:v>4.2461622986310399</c:v>
                </c:pt>
                <c:pt idx="452">
                  <c:v>4.2469738184332302</c:v>
                </c:pt>
                <c:pt idx="453">
                  <c:v>4.2473735222163915</c:v>
                </c:pt>
                <c:pt idx="454">
                  <c:v>4.2481971542544041</c:v>
                </c:pt>
                <c:pt idx="455">
                  <c:v>4.2490086740565731</c:v>
                </c:pt>
                <c:pt idx="456">
                  <c:v>4.2494204900756003</c:v>
                </c:pt>
                <c:pt idx="457">
                  <c:v>4.2502320098777693</c:v>
                </c:pt>
                <c:pt idx="458">
                  <c:v>4.2506438258967751</c:v>
                </c:pt>
                <c:pt idx="459">
                  <c:v>4.2514553456989654</c:v>
                </c:pt>
                <c:pt idx="460">
                  <c:v>4.2522668655011335</c:v>
                </c:pt>
                <c:pt idx="461">
                  <c:v>4.2526786815201394</c:v>
                </c:pt>
                <c:pt idx="462">
                  <c:v>4.2534902013223084</c:v>
                </c:pt>
                <c:pt idx="463">
                  <c:v>4.2539020173413364</c:v>
                </c:pt>
                <c:pt idx="464">
                  <c:v>4.2547135371435045</c:v>
                </c:pt>
                <c:pt idx="465">
                  <c:v>4.2555371691815385</c:v>
                </c:pt>
                <c:pt idx="466">
                  <c:v>4.2559368729646794</c:v>
                </c:pt>
                <c:pt idx="467">
                  <c:v>4.2567605050027133</c:v>
                </c:pt>
                <c:pt idx="468">
                  <c:v>4.2571602087858755</c:v>
                </c:pt>
                <c:pt idx="469">
                  <c:v>4.2579838408239095</c:v>
                </c:pt>
                <c:pt idx="470">
                  <c:v>4.2583835446070717</c:v>
                </c:pt>
                <c:pt idx="471">
                  <c:v>4.2587953606260784</c:v>
                </c:pt>
                <c:pt idx="472">
                  <c:v>4.2596068804282456</c:v>
                </c:pt>
                <c:pt idx="473">
                  <c:v>4.2600186964472524</c:v>
                </c:pt>
                <c:pt idx="474">
                  <c:v>4.2608302162494427</c:v>
                </c:pt>
                <c:pt idx="475">
                  <c:v>4.2616417360516108</c:v>
                </c:pt>
                <c:pt idx="476">
                  <c:v>4.2620535520706175</c:v>
                </c:pt>
                <c:pt idx="477">
                  <c:v>4.2628650718727856</c:v>
                </c:pt>
                <c:pt idx="478">
                  <c:v>4.2632768878918137</c:v>
                </c:pt>
                <c:pt idx="479">
                  <c:v>4.2636887039108196</c:v>
                </c:pt>
                <c:pt idx="480">
                  <c:v>4.2645002237129876</c:v>
                </c:pt>
                <c:pt idx="481">
                  <c:v>4.2649120397320157</c:v>
                </c:pt>
                <c:pt idx="482">
                  <c:v>4.2657235595341838</c:v>
                </c:pt>
                <c:pt idx="483">
                  <c:v>4.2661353755531906</c:v>
                </c:pt>
                <c:pt idx="484">
                  <c:v>4.2669468953553595</c:v>
                </c:pt>
                <c:pt idx="485">
                  <c:v>4.2673587113743867</c:v>
                </c:pt>
                <c:pt idx="486">
                  <c:v>4.2677584151575489</c:v>
                </c:pt>
                <c:pt idx="487">
                  <c:v>4.2685820471955616</c:v>
                </c:pt>
                <c:pt idx="488">
                  <c:v>4.2689817509787238</c:v>
                </c:pt>
                <c:pt idx="489">
                  <c:v>4.2698053830167577</c:v>
                </c:pt>
                <c:pt idx="490">
                  <c:v>4.2702050867999199</c:v>
                </c:pt>
                <c:pt idx="491">
                  <c:v>4.2710287188379326</c:v>
                </c:pt>
                <c:pt idx="492">
                  <c:v>4.2714284226210948</c:v>
                </c:pt>
                <c:pt idx="493">
                  <c:v>4.2722520546591287</c:v>
                </c:pt>
                <c:pt idx="494">
                  <c:v>4.2726517584422901</c:v>
                </c:pt>
                <c:pt idx="495">
                  <c:v>4.2734753904803036</c:v>
                </c:pt>
                <c:pt idx="496">
                  <c:v>4.274286910282493</c:v>
                </c:pt>
                <c:pt idx="497">
                  <c:v>4.2746866140656552</c:v>
                </c:pt>
                <c:pt idx="498">
                  <c:v>4.2755102461036678</c:v>
                </c:pt>
                <c:pt idx="499">
                  <c:v>4.27590994988683</c:v>
                </c:pt>
                <c:pt idx="500">
                  <c:v>4.276733581924864</c:v>
                </c:pt>
                <c:pt idx="501">
                  <c:v>4.2771332857080262</c:v>
                </c:pt>
                <c:pt idx="502">
                  <c:v>4.2779569177460388</c:v>
                </c:pt>
                <c:pt idx="503">
                  <c:v>4.278356621529201</c:v>
                </c:pt>
                <c:pt idx="504">
                  <c:v>4.279180253567235</c:v>
                </c:pt>
                <c:pt idx="505">
                  <c:v>4.2795799573503972</c:v>
                </c:pt>
                <c:pt idx="506">
                  <c:v>4.279991773369404</c:v>
                </c:pt>
                <c:pt idx="507">
                  <c:v>4.2808032931715712</c:v>
                </c:pt>
                <c:pt idx="508">
                  <c:v>4.2812151091905992</c:v>
                </c:pt>
                <c:pt idx="509">
                  <c:v>4.2820266289927682</c:v>
                </c:pt>
                <c:pt idx="510">
                  <c:v>4.2824384450117741</c:v>
                </c:pt>
                <c:pt idx="511">
                  <c:v>4.2828502610308021</c:v>
                </c:pt>
                <c:pt idx="512">
                  <c:v>4.2836617808329702</c:v>
                </c:pt>
                <c:pt idx="513">
                  <c:v>4.284073596851977</c:v>
                </c:pt>
                <c:pt idx="514">
                  <c:v>4.2844733006351383</c:v>
                </c:pt>
                <c:pt idx="515">
                  <c:v>4.2852969326731731</c:v>
                </c:pt>
                <c:pt idx="516">
                  <c:v>4.2856966364563345</c:v>
                </c:pt>
                <c:pt idx="517">
                  <c:v>4.2861084524753412</c:v>
                </c:pt>
                <c:pt idx="518">
                  <c:v>4.2869199722775102</c:v>
                </c:pt>
                <c:pt idx="519">
                  <c:v>4.2873317882965161</c:v>
                </c:pt>
                <c:pt idx="520">
                  <c:v>4.2877314920796783</c:v>
                </c:pt>
                <c:pt idx="521">
                  <c:v>4.2885551241177122</c:v>
                </c:pt>
                <c:pt idx="522">
                  <c:v>4.2889548279008745</c:v>
                </c:pt>
                <c:pt idx="523">
                  <c:v>4.2893666439198803</c:v>
                </c:pt>
                <c:pt idx="524">
                  <c:v>4.2897784599389084</c:v>
                </c:pt>
                <c:pt idx="525">
                  <c:v>4.2905899797410765</c:v>
                </c:pt>
                <c:pt idx="526">
                  <c:v>4.2910017957600832</c:v>
                </c:pt>
                <c:pt idx="527">
                  <c:v>4.2914014995432455</c:v>
                </c:pt>
                <c:pt idx="528">
                  <c:v>4.2922251315812794</c:v>
                </c:pt>
                <c:pt idx="529">
                  <c:v>4.2926248353644416</c:v>
                </c:pt>
                <c:pt idx="530">
                  <c:v>4.2930366513834484</c:v>
                </c:pt>
                <c:pt idx="531">
                  <c:v>4.2938481711856156</c:v>
                </c:pt>
                <c:pt idx="532">
                  <c:v>4.2942599872046223</c:v>
                </c:pt>
                <c:pt idx="533">
                  <c:v>4.2946718032236504</c:v>
                </c:pt>
                <c:pt idx="534">
                  <c:v>4.2954833230258185</c:v>
                </c:pt>
                <c:pt idx="535">
                  <c:v>4.2958951390448252</c:v>
                </c:pt>
                <c:pt idx="536">
                  <c:v>4.2962948428279875</c:v>
                </c:pt>
                <c:pt idx="537">
                  <c:v>4.2971184748660214</c:v>
                </c:pt>
                <c:pt idx="538">
                  <c:v>4.2975181786491827</c:v>
                </c:pt>
                <c:pt idx="539">
                  <c:v>4.2979299946681895</c:v>
                </c:pt>
                <c:pt idx="540">
                  <c:v>4.2987415144703576</c:v>
                </c:pt>
                <c:pt idx="541">
                  <c:v>4.2991533304893856</c:v>
                </c:pt>
                <c:pt idx="542">
                  <c:v>4.2995651465083915</c:v>
                </c:pt>
                <c:pt idx="543">
                  <c:v>4.3003766663105605</c:v>
                </c:pt>
                <c:pt idx="544">
                  <c:v>4.3007884823295885</c:v>
                </c:pt>
                <c:pt idx="545">
                  <c:v>4.3011881861127286</c:v>
                </c:pt>
                <c:pt idx="546">
                  <c:v>4.3019997059149189</c:v>
                </c:pt>
                <c:pt idx="547">
                  <c:v>4.3024115219339247</c:v>
                </c:pt>
                <c:pt idx="548">
                  <c:v>4.3028233379529315</c:v>
                </c:pt>
                <c:pt idx="549">
                  <c:v>4.3036348577551209</c:v>
                </c:pt>
                <c:pt idx="550">
                  <c:v>4.3040466737741276</c:v>
                </c:pt>
                <c:pt idx="551">
                  <c:v>4.3044463775572899</c:v>
                </c:pt>
                <c:pt idx="552">
                  <c:v>4.3048581935762957</c:v>
                </c:pt>
                <c:pt idx="553">
                  <c:v>4.3056697133784638</c:v>
                </c:pt>
                <c:pt idx="554">
                  <c:v>4.3060815293974919</c:v>
                </c:pt>
                <c:pt idx="555">
                  <c:v>4.3064933454164986</c:v>
                </c:pt>
                <c:pt idx="556">
                  <c:v>4.30689304919966</c:v>
                </c:pt>
                <c:pt idx="557">
                  <c:v>4.3073048652186667</c:v>
                </c:pt>
                <c:pt idx="558">
                  <c:v>4.3077166812376948</c:v>
                </c:pt>
                <c:pt idx="559">
                  <c:v>4.3085282010398629</c:v>
                </c:pt>
                <c:pt idx="560">
                  <c:v>4.3089400170588696</c:v>
                </c:pt>
                <c:pt idx="561">
                  <c:v>4.309339720842031</c:v>
                </c:pt>
                <c:pt idx="562">
                  <c:v>4.3097515368610377</c:v>
                </c:pt>
                <c:pt idx="563">
                  <c:v>4.3105630566632271</c:v>
                </c:pt>
                <c:pt idx="564">
                  <c:v>4.3109748726822339</c:v>
                </c:pt>
                <c:pt idx="565">
                  <c:v>4.3113866887012398</c:v>
                </c:pt>
                <c:pt idx="566">
                  <c:v>4.311786392484402</c:v>
                </c:pt>
                <c:pt idx="567">
                  <c:v>4.3121982085034087</c:v>
                </c:pt>
                <c:pt idx="568">
                  <c:v>4.3126100245224359</c:v>
                </c:pt>
                <c:pt idx="569">
                  <c:v>4.313009728305599</c:v>
                </c:pt>
                <c:pt idx="570">
                  <c:v>4.3134215443246049</c:v>
                </c:pt>
                <c:pt idx="571">
                  <c:v>4.3138333603436116</c:v>
                </c:pt>
                <c:pt idx="572">
                  <c:v>4.3146448801458011</c:v>
                </c:pt>
                <c:pt idx="573">
                  <c:v>4.315044583928942</c:v>
                </c:pt>
                <c:pt idx="574">
                  <c:v>4.3154563999479691</c:v>
                </c:pt>
                <c:pt idx="575">
                  <c:v>4.3158682159669759</c:v>
                </c:pt>
                <c:pt idx="576">
                  <c:v>4.3162679197501381</c:v>
                </c:pt>
                <c:pt idx="577">
                  <c:v>4.3170915517881721</c:v>
                </c:pt>
                <c:pt idx="578">
                  <c:v>4.3174912555713343</c:v>
                </c:pt>
                <c:pt idx="579">
                  <c:v>4.3179030715903401</c:v>
                </c:pt>
                <c:pt idx="580">
                  <c:v>4.3183148876093469</c:v>
                </c:pt>
                <c:pt idx="581">
                  <c:v>4.319126407411515</c:v>
                </c:pt>
                <c:pt idx="582">
                  <c:v>4.3195382234305431</c:v>
                </c:pt>
                <c:pt idx="583">
                  <c:v>4.3199379272137044</c:v>
                </c:pt>
                <c:pt idx="584">
                  <c:v>4.3203497432327111</c:v>
                </c:pt>
                <c:pt idx="585">
                  <c:v>4.3211612630348801</c:v>
                </c:pt>
                <c:pt idx="586">
                  <c:v>4.321573079053886</c:v>
                </c:pt>
                <c:pt idx="587">
                  <c:v>4.3219848950729141</c:v>
                </c:pt>
                <c:pt idx="588">
                  <c:v>4.3223845988560754</c:v>
                </c:pt>
                <c:pt idx="589">
                  <c:v>4.3227964148750821</c:v>
                </c:pt>
                <c:pt idx="590">
                  <c:v>4.3236079346772502</c:v>
                </c:pt>
                <c:pt idx="591">
                  <c:v>4.3240197506962783</c:v>
                </c:pt>
                <c:pt idx="592">
                  <c:v>4.3244315667152842</c:v>
                </c:pt>
                <c:pt idx="593">
                  <c:v>4.3248312704984464</c:v>
                </c:pt>
                <c:pt idx="594">
                  <c:v>4.3252430865174532</c:v>
                </c:pt>
                <c:pt idx="595">
                  <c:v>4.325654902536459</c:v>
                </c:pt>
                <c:pt idx="596">
                  <c:v>4.3264664223386493</c:v>
                </c:pt>
                <c:pt idx="597">
                  <c:v>4.3268782383576561</c:v>
                </c:pt>
                <c:pt idx="598">
                  <c:v>4.3272779421408174</c:v>
                </c:pt>
                <c:pt idx="599">
                  <c:v>4.3276897581598233</c:v>
                </c:pt>
                <c:pt idx="600">
                  <c:v>4.3281015741788522</c:v>
                </c:pt>
                <c:pt idx="601">
                  <c:v>4.3285012779619922</c:v>
                </c:pt>
                <c:pt idx="602">
                  <c:v>4.3289130939810203</c:v>
                </c:pt>
                <c:pt idx="603">
                  <c:v>4.3293127977641825</c:v>
                </c:pt>
                <c:pt idx="604">
                  <c:v>4.3297246137831884</c:v>
                </c:pt>
                <c:pt idx="605">
                  <c:v>4.3301364298021952</c:v>
                </c:pt>
                <c:pt idx="606">
                  <c:v>4.3305361335853565</c:v>
                </c:pt>
                <c:pt idx="607">
                  <c:v>4.3309479496043846</c:v>
                </c:pt>
                <c:pt idx="608">
                  <c:v>4.3317594694065527</c:v>
                </c:pt>
                <c:pt idx="609">
                  <c:v>4.3321712854255594</c:v>
                </c:pt>
                <c:pt idx="610">
                  <c:v>4.3325831014445653</c:v>
                </c:pt>
                <c:pt idx="611">
                  <c:v>4.3329828052277275</c:v>
                </c:pt>
                <c:pt idx="612">
                  <c:v>4.3333946212467556</c:v>
                </c:pt>
                <c:pt idx="613">
                  <c:v>4.3342061410489237</c:v>
                </c:pt>
                <c:pt idx="614">
                  <c:v>4.3346179570679304</c:v>
                </c:pt>
                <c:pt idx="615">
                  <c:v>4.3350297730869585</c:v>
                </c:pt>
                <c:pt idx="616">
                  <c:v>4.3354294768700985</c:v>
                </c:pt>
                <c:pt idx="617">
                  <c:v>4.3358412928891266</c:v>
                </c:pt>
                <c:pt idx="618">
                  <c:v>4.3362531089081324</c:v>
                </c:pt>
                <c:pt idx="619">
                  <c:v>4.3366528126912947</c:v>
                </c:pt>
                <c:pt idx="620">
                  <c:v>4.3370646287103014</c:v>
                </c:pt>
                <c:pt idx="621">
                  <c:v>4.3374764447293286</c:v>
                </c:pt>
                <c:pt idx="622">
                  <c:v>4.3378761485124908</c:v>
                </c:pt>
                <c:pt idx="623">
                  <c:v>4.3382879645314976</c:v>
                </c:pt>
                <c:pt idx="624">
                  <c:v>4.3386997805505034</c:v>
                </c:pt>
                <c:pt idx="625">
                  <c:v>4.3395113003526724</c:v>
                </c:pt>
                <c:pt idx="626">
                  <c:v>4.3399231163717005</c:v>
                </c:pt>
                <c:pt idx="627">
                  <c:v>4.3403228201548618</c:v>
                </c:pt>
                <c:pt idx="628">
                  <c:v>4.3407346361738677</c:v>
                </c:pt>
                <c:pt idx="629">
                  <c:v>4.3411464521928744</c:v>
                </c:pt>
                <c:pt idx="630">
                  <c:v>4.3415461559760367</c:v>
                </c:pt>
                <c:pt idx="631">
                  <c:v>4.3419579719950647</c:v>
                </c:pt>
                <c:pt idx="632">
                  <c:v>4.3423576757782048</c:v>
                </c:pt>
                <c:pt idx="633">
                  <c:v>4.3427694917972328</c:v>
                </c:pt>
                <c:pt idx="634">
                  <c:v>4.3431813078162396</c:v>
                </c:pt>
                <c:pt idx="635">
                  <c:v>4.3435810115994009</c:v>
                </c:pt>
                <c:pt idx="636">
                  <c:v>4.3439928276184077</c:v>
                </c:pt>
                <c:pt idx="637">
                  <c:v>4.3444046436374357</c:v>
                </c:pt>
                <c:pt idx="638">
                  <c:v>4.3448043474205971</c:v>
                </c:pt>
                <c:pt idx="639">
                  <c:v>4.3452161634396038</c:v>
                </c:pt>
                <c:pt idx="640">
                  <c:v>4.3456279794586097</c:v>
                </c:pt>
                <c:pt idx="641">
                  <c:v>4.3460276832417719</c:v>
                </c:pt>
                <c:pt idx="642">
                  <c:v>4.3464394992607787</c:v>
                </c:pt>
                <c:pt idx="643">
                  <c:v>4.3472510190629681</c:v>
                </c:pt>
                <c:pt idx="644">
                  <c:v>4.3476628350819748</c:v>
                </c:pt>
                <c:pt idx="645">
                  <c:v>4.3480746511009816</c:v>
                </c:pt>
                <c:pt idx="646">
                  <c:v>4.3484743548841429</c:v>
                </c:pt>
                <c:pt idx="647">
                  <c:v>4.3488861709031701</c:v>
                </c:pt>
                <c:pt idx="648">
                  <c:v>4.3492979869221768</c:v>
                </c:pt>
                <c:pt idx="649">
                  <c:v>4.3501095067243458</c:v>
                </c:pt>
                <c:pt idx="650">
                  <c:v>4.3505213227433517</c:v>
                </c:pt>
                <c:pt idx="651">
                  <c:v>4.3509210265265139</c:v>
                </c:pt>
                <c:pt idx="652">
                  <c:v>4.351332842545542</c:v>
                </c:pt>
                <c:pt idx="653">
                  <c:v>4.3517446585645478</c:v>
                </c:pt>
                <c:pt idx="654">
                  <c:v>4.3521443623477101</c:v>
                </c:pt>
                <c:pt idx="655">
                  <c:v>4.3525561783667159</c:v>
                </c:pt>
                <c:pt idx="656">
                  <c:v>4.3533676981688849</c:v>
                </c:pt>
                <c:pt idx="657">
                  <c:v>4.3537795141879121</c:v>
                </c:pt>
                <c:pt idx="658">
                  <c:v>4.3541913302069188</c:v>
                </c:pt>
                <c:pt idx="659">
                  <c:v>4.3545910339900811</c:v>
                </c:pt>
                <c:pt idx="660">
                  <c:v>4.3550028500090878</c:v>
                </c:pt>
                <c:pt idx="661">
                  <c:v>4.355414666028115</c:v>
                </c:pt>
                <c:pt idx="662">
                  <c:v>4.3558143698112772</c:v>
                </c:pt>
                <c:pt idx="663">
                  <c:v>4.356226185830284</c:v>
                </c:pt>
                <c:pt idx="664">
                  <c:v>4.3566258896134453</c:v>
                </c:pt>
                <c:pt idx="665">
                  <c:v>4.3570377056324521</c:v>
                </c:pt>
                <c:pt idx="666">
                  <c:v>4.3574495216514579</c:v>
                </c:pt>
                <c:pt idx="667">
                  <c:v>4.3578492254346202</c:v>
                </c:pt>
                <c:pt idx="668">
                  <c:v>4.3582610414536482</c:v>
                </c:pt>
                <c:pt idx="669">
                  <c:v>4.3586728574726541</c:v>
                </c:pt>
                <c:pt idx="670">
                  <c:v>4.3590725612558163</c:v>
                </c:pt>
                <c:pt idx="671">
                  <c:v>4.3594843772748231</c:v>
                </c:pt>
                <c:pt idx="672">
                  <c:v>4.3602958970769912</c:v>
                </c:pt>
                <c:pt idx="673">
                  <c:v>4.3607077130960192</c:v>
                </c:pt>
                <c:pt idx="674">
                  <c:v>4.3611195291150251</c:v>
                </c:pt>
                <c:pt idx="675">
                  <c:v>4.3615192328981873</c:v>
                </c:pt>
                <c:pt idx="676">
                  <c:v>4.3619310489171932</c:v>
                </c:pt>
                <c:pt idx="677">
                  <c:v>4.3623428649362213</c:v>
                </c:pt>
                <c:pt idx="678">
                  <c:v>4.3627425687193835</c:v>
                </c:pt>
                <c:pt idx="679">
                  <c:v>4.3631543847383902</c:v>
                </c:pt>
                <c:pt idx="680">
                  <c:v>4.3635662007573961</c:v>
                </c:pt>
                <c:pt idx="681">
                  <c:v>4.3639659045405583</c:v>
                </c:pt>
                <c:pt idx="682">
                  <c:v>4.3639659045405583</c:v>
                </c:pt>
                <c:pt idx="683">
                  <c:v>4.3643777205595651</c:v>
                </c:pt>
                <c:pt idx="684">
                  <c:v>4.3647895365785923</c:v>
                </c:pt>
                <c:pt idx="685">
                  <c:v>4.3651892403617545</c:v>
                </c:pt>
                <c:pt idx="686">
                  <c:v>4.3656010563807603</c:v>
                </c:pt>
                <c:pt idx="687">
                  <c:v>4.3660128723997671</c:v>
                </c:pt>
                <c:pt idx="688">
                  <c:v>4.3664125761829293</c:v>
                </c:pt>
                <c:pt idx="689">
                  <c:v>4.3668243922019565</c:v>
                </c:pt>
                <c:pt idx="690">
                  <c:v>4.3672362082209633</c:v>
                </c:pt>
                <c:pt idx="691">
                  <c:v>4.3676359120041255</c:v>
                </c:pt>
                <c:pt idx="692">
                  <c:v>4.3680477280231322</c:v>
                </c:pt>
                <c:pt idx="693">
                  <c:v>4.3684595440421381</c:v>
                </c:pt>
                <c:pt idx="694">
                  <c:v>4.3688592478252994</c:v>
                </c:pt>
                <c:pt idx="695">
                  <c:v>4.3692710638443284</c:v>
                </c:pt>
                <c:pt idx="696">
                  <c:v>4.3692710638443284</c:v>
                </c:pt>
                <c:pt idx="697">
                  <c:v>4.3696707676274897</c:v>
                </c:pt>
                <c:pt idx="698">
                  <c:v>4.3700825836464965</c:v>
                </c:pt>
                <c:pt idx="699">
                  <c:v>4.3704943996655023</c:v>
                </c:pt>
                <c:pt idx="700">
                  <c:v>4.3708941034486646</c:v>
                </c:pt>
                <c:pt idx="701">
                  <c:v>4.3713059194676713</c:v>
                </c:pt>
                <c:pt idx="702">
                  <c:v>4.3717177354866985</c:v>
                </c:pt>
                <c:pt idx="703">
                  <c:v>4.3721174392698607</c:v>
                </c:pt>
                <c:pt idx="704">
                  <c:v>4.3725292552888675</c:v>
                </c:pt>
                <c:pt idx="705">
                  <c:v>4.3729410713078734</c:v>
                </c:pt>
                <c:pt idx="706">
                  <c:v>4.3733407750910356</c:v>
                </c:pt>
                <c:pt idx="707">
                  <c:v>4.3733407750910356</c:v>
                </c:pt>
                <c:pt idx="708">
                  <c:v>4.3737525911100628</c:v>
                </c:pt>
                <c:pt idx="709">
                  <c:v>4.3741644071290695</c:v>
                </c:pt>
                <c:pt idx="710">
                  <c:v>4.3745641109122317</c:v>
                </c:pt>
                <c:pt idx="711">
                  <c:v>4.3749759269312376</c:v>
                </c:pt>
                <c:pt idx="712">
                  <c:v>4.3753877429502444</c:v>
                </c:pt>
                <c:pt idx="713">
                  <c:v>4.3757874467334066</c:v>
                </c:pt>
                <c:pt idx="714">
                  <c:v>4.3761992627524346</c:v>
                </c:pt>
                <c:pt idx="715">
                  <c:v>4.3766110787714405</c:v>
                </c:pt>
                <c:pt idx="716">
                  <c:v>4.3770107825546027</c:v>
                </c:pt>
                <c:pt idx="717">
                  <c:v>4.3774225985736086</c:v>
                </c:pt>
                <c:pt idx="718">
                  <c:v>4.3778344145926154</c:v>
                </c:pt>
                <c:pt idx="719">
                  <c:v>4.3778344145926154</c:v>
                </c:pt>
                <c:pt idx="720">
                  <c:v>4.3782341183757776</c:v>
                </c:pt>
                <c:pt idx="721">
                  <c:v>4.3786459343948048</c:v>
                </c:pt>
                <c:pt idx="722">
                  <c:v>4.3790577504138115</c:v>
                </c:pt>
                <c:pt idx="723">
                  <c:v>4.3794574541969737</c:v>
                </c:pt>
                <c:pt idx="724">
                  <c:v>4.3798692702159796</c:v>
                </c:pt>
                <c:pt idx="725">
                  <c:v>4.3798692702159796</c:v>
                </c:pt>
                <c:pt idx="726">
                  <c:v>4.3802810862350077</c:v>
                </c:pt>
                <c:pt idx="727">
                  <c:v>4.3806807900181477</c:v>
                </c:pt>
                <c:pt idx="728">
                  <c:v>4.3810926060371767</c:v>
                </c:pt>
                <c:pt idx="729">
                  <c:v>4.3815044220561825</c:v>
                </c:pt>
                <c:pt idx="730">
                  <c:v>4.3819041258393439</c:v>
                </c:pt>
                <c:pt idx="731">
                  <c:v>4.3823159418583506</c:v>
                </c:pt>
                <c:pt idx="732">
                  <c:v>4.3827277578773787</c:v>
                </c:pt>
                <c:pt idx="733">
                  <c:v>4.3831274616605409</c:v>
                </c:pt>
                <c:pt idx="734">
                  <c:v>4.3835392776795468</c:v>
                </c:pt>
                <c:pt idx="735">
                  <c:v>4.383938981462709</c:v>
                </c:pt>
                <c:pt idx="736">
                  <c:v>4.3843507974817157</c:v>
                </c:pt>
                <c:pt idx="737">
                  <c:v>4.3843507974817157</c:v>
                </c:pt>
                <c:pt idx="738">
                  <c:v>4.3847626135007216</c:v>
                </c:pt>
                <c:pt idx="739">
                  <c:v>4.3851623172838838</c:v>
                </c:pt>
                <c:pt idx="740">
                  <c:v>4.3855741333029119</c:v>
                </c:pt>
                <c:pt idx="741">
                  <c:v>4.3859859493219178</c:v>
                </c:pt>
                <c:pt idx="742">
                  <c:v>4.38638565310508</c:v>
                </c:pt>
                <c:pt idx="743">
                  <c:v>4.3867974691240859</c:v>
                </c:pt>
                <c:pt idx="744">
                  <c:v>4.3872092851431139</c:v>
                </c:pt>
                <c:pt idx="745">
                  <c:v>4.3876089889262548</c:v>
                </c:pt>
                <c:pt idx="746">
                  <c:v>4.388020804945282</c:v>
                </c:pt>
                <c:pt idx="747">
                  <c:v>4.3884326209642888</c:v>
                </c:pt>
                <c:pt idx="748">
                  <c:v>4.388832324747451</c:v>
                </c:pt>
                <c:pt idx="749">
                  <c:v>4.3892441407664577</c:v>
                </c:pt>
                <c:pt idx="750">
                  <c:v>4.3896559567854849</c:v>
                </c:pt>
                <c:pt idx="751">
                  <c:v>4.3900556605686463</c:v>
                </c:pt>
                <c:pt idx="752">
                  <c:v>4.390467476587653</c:v>
                </c:pt>
                <c:pt idx="753">
                  <c:v>4.3908792926066598</c:v>
                </c:pt>
                <c:pt idx="754">
                  <c:v>4.391278996389822</c:v>
                </c:pt>
                <c:pt idx="755">
                  <c:v>4.391278996389822</c:v>
                </c:pt>
                <c:pt idx="756">
                  <c:v>4.3916908124088279</c:v>
                </c:pt>
                <c:pt idx="757">
                  <c:v>4.3921026284278559</c:v>
                </c:pt>
                <c:pt idx="758">
                  <c:v>4.3925023322110182</c:v>
                </c:pt>
                <c:pt idx="759">
                  <c:v>4.392914148230024</c:v>
                </c:pt>
                <c:pt idx="760">
                  <c:v>4.3933259642490308</c:v>
                </c:pt>
                <c:pt idx="761">
                  <c:v>4.3937256680321921</c:v>
                </c:pt>
                <c:pt idx="762">
                  <c:v>4.3941374840512211</c:v>
                </c:pt>
                <c:pt idx="763">
                  <c:v>4.3941374840512211</c:v>
                </c:pt>
                <c:pt idx="764">
                  <c:v>4.3945493000702269</c:v>
                </c:pt>
                <c:pt idx="765">
                  <c:v>4.3949490038533883</c:v>
                </c:pt>
                <c:pt idx="766">
                  <c:v>4.395360819872395</c:v>
                </c:pt>
                <c:pt idx="767">
                  <c:v>4.3957726358914009</c:v>
                </c:pt>
                <c:pt idx="768">
                  <c:v>4.3957726358914009</c:v>
                </c:pt>
                <c:pt idx="769">
                  <c:v>4.396172339674564</c:v>
                </c:pt>
                <c:pt idx="770">
                  <c:v>4.3965841556935912</c:v>
                </c:pt>
                <c:pt idx="771">
                  <c:v>4.3969838594767534</c:v>
                </c:pt>
                <c:pt idx="772">
                  <c:v>4.3969838594767534</c:v>
                </c:pt>
                <c:pt idx="773">
                  <c:v>4.3973956754957602</c:v>
                </c:pt>
                <c:pt idx="774">
                  <c:v>4.397807491514766</c:v>
                </c:pt>
                <c:pt idx="775">
                  <c:v>4.3982071952979283</c:v>
                </c:pt>
                <c:pt idx="776">
                  <c:v>4.3982071952979283</c:v>
                </c:pt>
                <c:pt idx="777">
                  <c:v>4.3986190113169341</c:v>
                </c:pt>
                <c:pt idx="778">
                  <c:v>4.3990308273359622</c:v>
                </c:pt>
                <c:pt idx="779">
                  <c:v>4.3994305311191244</c:v>
                </c:pt>
                <c:pt idx="780">
                  <c:v>4.3998423471381303</c:v>
                </c:pt>
                <c:pt idx="781">
                  <c:v>4.400254163157137</c:v>
                </c:pt>
                <c:pt idx="782">
                  <c:v>4.4006538669402993</c:v>
                </c:pt>
                <c:pt idx="783">
                  <c:v>4.4006538669402993</c:v>
                </c:pt>
                <c:pt idx="784">
                  <c:v>4.4010656829593264</c:v>
                </c:pt>
                <c:pt idx="785">
                  <c:v>4.4014774989783332</c:v>
                </c:pt>
                <c:pt idx="786">
                  <c:v>4.4018772027614954</c:v>
                </c:pt>
                <c:pt idx="787">
                  <c:v>4.4022890187805013</c:v>
                </c:pt>
                <c:pt idx="788">
                  <c:v>4.4022890187805013</c:v>
                </c:pt>
                <c:pt idx="789">
                  <c:v>4.402700834799508</c:v>
                </c:pt>
                <c:pt idx="790">
                  <c:v>4.4031005385826694</c:v>
                </c:pt>
                <c:pt idx="791">
                  <c:v>4.4035123546016974</c:v>
                </c:pt>
                <c:pt idx="792">
                  <c:v>4.4039241706207033</c:v>
                </c:pt>
                <c:pt idx="793">
                  <c:v>4.4043238744038664</c:v>
                </c:pt>
                <c:pt idx="794">
                  <c:v>4.4047356904228723</c:v>
                </c:pt>
                <c:pt idx="795">
                  <c:v>4.4047356904228723</c:v>
                </c:pt>
                <c:pt idx="796">
                  <c:v>4.4051475064419003</c:v>
                </c:pt>
                <c:pt idx="797">
                  <c:v>4.4055472102250404</c:v>
                </c:pt>
                <c:pt idx="798">
                  <c:v>4.4059590262440684</c:v>
                </c:pt>
                <c:pt idx="799">
                  <c:v>4.4063708422630752</c:v>
                </c:pt>
                <c:pt idx="800">
                  <c:v>4.4067705460462365</c:v>
                </c:pt>
                <c:pt idx="801">
                  <c:v>4.4071823620652433</c:v>
                </c:pt>
                <c:pt idx="802">
                  <c:v>4.4071823620652433</c:v>
                </c:pt>
                <c:pt idx="803">
                  <c:v>4.4075941780842713</c:v>
                </c:pt>
                <c:pt idx="804">
                  <c:v>4.4079938818674327</c:v>
                </c:pt>
                <c:pt idx="805">
                  <c:v>4.4084056978864394</c:v>
                </c:pt>
                <c:pt idx="806">
                  <c:v>4.4088175139054453</c:v>
                </c:pt>
                <c:pt idx="807">
                  <c:v>4.4092172176886084</c:v>
                </c:pt>
                <c:pt idx="808">
                  <c:v>4.4096290337076143</c:v>
                </c:pt>
                <c:pt idx="809">
                  <c:v>4.4096290337076143</c:v>
                </c:pt>
                <c:pt idx="810">
                  <c:v>4.4100287374907756</c:v>
                </c:pt>
                <c:pt idx="811">
                  <c:v>4.4104405535098046</c:v>
                </c:pt>
                <c:pt idx="812">
                  <c:v>4.4108523695288104</c:v>
                </c:pt>
                <c:pt idx="813">
                  <c:v>4.4112520733119727</c:v>
                </c:pt>
                <c:pt idx="814">
                  <c:v>4.4116638893309785</c:v>
                </c:pt>
                <c:pt idx="815">
                  <c:v>4.4120757053500066</c:v>
                </c:pt>
                <c:pt idx="816">
                  <c:v>4.4120757053500066</c:v>
                </c:pt>
                <c:pt idx="817">
                  <c:v>4.4124754091331475</c:v>
                </c:pt>
                <c:pt idx="818">
                  <c:v>4.4128872251521747</c:v>
                </c:pt>
                <c:pt idx="819">
                  <c:v>4.4132990411711814</c:v>
                </c:pt>
                <c:pt idx="820">
                  <c:v>4.4136987449543437</c:v>
                </c:pt>
                <c:pt idx="821">
                  <c:v>4.4141105609733495</c:v>
                </c:pt>
                <c:pt idx="822">
                  <c:v>4.4141105609733495</c:v>
                </c:pt>
                <c:pt idx="823">
                  <c:v>4.4145223769923776</c:v>
                </c:pt>
                <c:pt idx="824">
                  <c:v>4.4149220807755389</c:v>
                </c:pt>
                <c:pt idx="825">
                  <c:v>4.4153338967945457</c:v>
                </c:pt>
                <c:pt idx="826">
                  <c:v>4.4157457128135524</c:v>
                </c:pt>
                <c:pt idx="827">
                  <c:v>4.4161454165967138</c:v>
                </c:pt>
                <c:pt idx="828">
                  <c:v>4.4161454165967138</c:v>
                </c:pt>
                <c:pt idx="829">
                  <c:v>4.4165572326157205</c:v>
                </c:pt>
                <c:pt idx="830">
                  <c:v>4.4169690486347477</c:v>
                </c:pt>
                <c:pt idx="831">
                  <c:v>4.4173687524179108</c:v>
                </c:pt>
                <c:pt idx="832">
                  <c:v>4.4177805684369167</c:v>
                </c:pt>
                <c:pt idx="833">
                  <c:v>4.4177805684369167</c:v>
                </c:pt>
                <c:pt idx="834">
                  <c:v>4.4181923844559234</c:v>
                </c:pt>
                <c:pt idx="835">
                  <c:v>4.4185920882390848</c:v>
                </c:pt>
                <c:pt idx="836">
                  <c:v>4.4190039042581128</c:v>
                </c:pt>
                <c:pt idx="837">
                  <c:v>4.4190039042581128</c:v>
                </c:pt>
                <c:pt idx="838">
                  <c:v>4.4194157202771196</c:v>
                </c:pt>
                <c:pt idx="839">
                  <c:v>4.4198154240602809</c:v>
                </c:pt>
                <c:pt idx="840">
                  <c:v>4.4198154240602809</c:v>
                </c:pt>
                <c:pt idx="841">
                  <c:v>4.4202272400792877</c:v>
                </c:pt>
                <c:pt idx="842">
                  <c:v>4.4206390560982936</c:v>
                </c:pt>
                <c:pt idx="843">
                  <c:v>4.4206390560982936</c:v>
                </c:pt>
                <c:pt idx="844">
                  <c:v>4.4210387598814558</c:v>
                </c:pt>
                <c:pt idx="845">
                  <c:v>4.4214505759004838</c:v>
                </c:pt>
                <c:pt idx="846">
                  <c:v>4.4218623919194897</c:v>
                </c:pt>
                <c:pt idx="847">
                  <c:v>4.4218623919194897</c:v>
                </c:pt>
                <c:pt idx="848">
                  <c:v>4.4222620957026528</c:v>
                </c:pt>
                <c:pt idx="849">
                  <c:v>4.4226739117216587</c:v>
                </c:pt>
                <c:pt idx="850">
                  <c:v>4.4226739117216587</c:v>
                </c:pt>
                <c:pt idx="851">
                  <c:v>4.4230857277406859</c:v>
                </c:pt>
                <c:pt idx="852">
                  <c:v>4.4234854315238268</c:v>
                </c:pt>
                <c:pt idx="853">
                  <c:v>4.4234854315238268</c:v>
                </c:pt>
                <c:pt idx="854">
                  <c:v>4.4238972475428548</c:v>
                </c:pt>
                <c:pt idx="855">
                  <c:v>4.4242969513260171</c:v>
                </c:pt>
                <c:pt idx="856">
                  <c:v>4.4242969513260171</c:v>
                </c:pt>
                <c:pt idx="857">
                  <c:v>4.4247087673450229</c:v>
                </c:pt>
                <c:pt idx="858">
                  <c:v>4.4251205833640288</c:v>
                </c:pt>
                <c:pt idx="859">
                  <c:v>4.4251205833640288</c:v>
                </c:pt>
                <c:pt idx="860">
                  <c:v>4.4255202871471919</c:v>
                </c:pt>
                <c:pt idx="861">
                  <c:v>4.4259321031662191</c:v>
                </c:pt>
                <c:pt idx="862">
                  <c:v>4.4259321031662191</c:v>
                </c:pt>
                <c:pt idx="863">
                  <c:v>4.4263439191852259</c:v>
                </c:pt>
                <c:pt idx="864">
                  <c:v>4.4267436229683881</c:v>
                </c:pt>
                <c:pt idx="865">
                  <c:v>4.4267436229683881</c:v>
                </c:pt>
                <c:pt idx="866">
                  <c:v>4.4271554389873939</c:v>
                </c:pt>
                <c:pt idx="867">
                  <c:v>4.4275672550064007</c:v>
                </c:pt>
                <c:pt idx="868">
                  <c:v>4.427966958789562</c:v>
                </c:pt>
                <c:pt idx="869">
                  <c:v>4.427966958789562</c:v>
                </c:pt>
                <c:pt idx="870">
                  <c:v>4.4283787748085901</c:v>
                </c:pt>
                <c:pt idx="871">
                  <c:v>4.428790590827596</c:v>
                </c:pt>
                <c:pt idx="872">
                  <c:v>4.428790590827596</c:v>
                </c:pt>
                <c:pt idx="873">
                  <c:v>4.4291902946107582</c:v>
                </c:pt>
                <c:pt idx="874">
                  <c:v>4.4296021106297649</c:v>
                </c:pt>
                <c:pt idx="875">
                  <c:v>4.4300139266487921</c:v>
                </c:pt>
                <c:pt idx="876">
                  <c:v>4.4300139266487921</c:v>
                </c:pt>
                <c:pt idx="877">
                  <c:v>4.430413630431933</c:v>
                </c:pt>
                <c:pt idx="878">
                  <c:v>4.4308254464509611</c:v>
                </c:pt>
                <c:pt idx="879">
                  <c:v>4.4312372624699679</c:v>
                </c:pt>
                <c:pt idx="880">
                  <c:v>4.4312372624699679</c:v>
                </c:pt>
                <c:pt idx="881">
                  <c:v>4.4316369662531292</c:v>
                </c:pt>
                <c:pt idx="882">
                  <c:v>4.4320487822721351</c:v>
                </c:pt>
                <c:pt idx="883">
                  <c:v>4.432460598291164</c:v>
                </c:pt>
                <c:pt idx="884">
                  <c:v>4.432460598291164</c:v>
                </c:pt>
                <c:pt idx="885">
                  <c:v>4.4328603020743254</c:v>
                </c:pt>
                <c:pt idx="886">
                  <c:v>4.4332721180933321</c:v>
                </c:pt>
                <c:pt idx="887">
                  <c:v>4.4332721180933321</c:v>
                </c:pt>
                <c:pt idx="888">
                  <c:v>4.433683934112338</c:v>
                </c:pt>
                <c:pt idx="889">
                  <c:v>4.4340836378955002</c:v>
                </c:pt>
                <c:pt idx="890">
                  <c:v>4.4340836378955002</c:v>
                </c:pt>
                <c:pt idx="891">
                  <c:v>4.4344954539145069</c:v>
                </c:pt>
                <c:pt idx="892">
                  <c:v>4.4349072699335341</c:v>
                </c:pt>
                <c:pt idx="893">
                  <c:v>4.4349072699335341</c:v>
                </c:pt>
                <c:pt idx="894">
                  <c:v>4.4353069737166972</c:v>
                </c:pt>
                <c:pt idx="895">
                  <c:v>4.4357187897357031</c:v>
                </c:pt>
                <c:pt idx="896">
                  <c:v>4.4357187897357031</c:v>
                </c:pt>
                <c:pt idx="897">
                  <c:v>4.436130605754709</c:v>
                </c:pt>
                <c:pt idx="898">
                  <c:v>4.4365303095378712</c:v>
                </c:pt>
                <c:pt idx="899">
                  <c:v>4.4365303095378712</c:v>
                </c:pt>
                <c:pt idx="900">
                  <c:v>4.4369421255568771</c:v>
                </c:pt>
                <c:pt idx="901">
                  <c:v>4.4373418293400402</c:v>
                </c:pt>
                <c:pt idx="902">
                  <c:v>4.4373418293400402</c:v>
                </c:pt>
                <c:pt idx="903">
                  <c:v>4.4377536453590674</c:v>
                </c:pt>
                <c:pt idx="904">
                  <c:v>4.4381654613780732</c:v>
                </c:pt>
                <c:pt idx="905">
                  <c:v>4.4381654613780732</c:v>
                </c:pt>
                <c:pt idx="906">
                  <c:v>4.4385651651612363</c:v>
                </c:pt>
                <c:pt idx="907">
                  <c:v>4.4389769811802422</c:v>
                </c:pt>
                <c:pt idx="908">
                  <c:v>4.4389769811802422</c:v>
                </c:pt>
                <c:pt idx="909">
                  <c:v>4.4393887971992703</c:v>
                </c:pt>
                <c:pt idx="910">
                  <c:v>4.4397885009824316</c:v>
                </c:pt>
                <c:pt idx="911">
                  <c:v>4.4402003170014384</c:v>
                </c:pt>
                <c:pt idx="912">
                  <c:v>4.4402003170014384</c:v>
                </c:pt>
                <c:pt idx="913">
                  <c:v>4.4406121330204451</c:v>
                </c:pt>
                <c:pt idx="914">
                  <c:v>4.4410118368036064</c:v>
                </c:pt>
                <c:pt idx="915">
                  <c:v>4.4414236528226132</c:v>
                </c:pt>
                <c:pt idx="916">
                  <c:v>4.4414236528226132</c:v>
                </c:pt>
                <c:pt idx="917">
                  <c:v>4.4418354688416404</c:v>
                </c:pt>
                <c:pt idx="918">
                  <c:v>4.4422351726248026</c:v>
                </c:pt>
                <c:pt idx="919">
                  <c:v>4.4422351726248026</c:v>
                </c:pt>
                <c:pt idx="920">
                  <c:v>4.4426469886438094</c:v>
                </c:pt>
                <c:pt idx="921">
                  <c:v>4.4430588046628152</c:v>
                </c:pt>
                <c:pt idx="922">
                  <c:v>4.4434585084459775</c:v>
                </c:pt>
                <c:pt idx="923">
                  <c:v>4.4434585084459775</c:v>
                </c:pt>
                <c:pt idx="924">
                  <c:v>4.4438703244649842</c:v>
                </c:pt>
                <c:pt idx="925">
                  <c:v>4.4442821404840123</c:v>
                </c:pt>
                <c:pt idx="926">
                  <c:v>4.4442821404840123</c:v>
                </c:pt>
                <c:pt idx="927">
                  <c:v>4.4446818442671736</c:v>
                </c:pt>
                <c:pt idx="928">
                  <c:v>4.4446818442671736</c:v>
                </c:pt>
                <c:pt idx="929">
                  <c:v>4.4450936602861795</c:v>
                </c:pt>
                <c:pt idx="930">
                  <c:v>4.4455054763051862</c:v>
                </c:pt>
                <c:pt idx="931">
                  <c:v>4.4455054763051862</c:v>
                </c:pt>
                <c:pt idx="932">
                  <c:v>4.4459051800883485</c:v>
                </c:pt>
                <c:pt idx="933">
                  <c:v>4.4459051800883485</c:v>
                </c:pt>
                <c:pt idx="934">
                  <c:v>4.4463169961073765</c:v>
                </c:pt>
                <c:pt idx="935">
                  <c:v>4.4467288121263824</c:v>
                </c:pt>
                <c:pt idx="936">
                  <c:v>4.4467288121263824</c:v>
                </c:pt>
                <c:pt idx="937">
                  <c:v>4.4471285159095446</c:v>
                </c:pt>
                <c:pt idx="938">
                  <c:v>4.4475403319285514</c:v>
                </c:pt>
                <c:pt idx="939">
                  <c:v>4.4475403319285514</c:v>
                </c:pt>
                <c:pt idx="940">
                  <c:v>4.4479521479475572</c:v>
                </c:pt>
                <c:pt idx="941">
                  <c:v>4.4483518517307195</c:v>
                </c:pt>
                <c:pt idx="942">
                  <c:v>4.4483518517307195</c:v>
                </c:pt>
                <c:pt idx="943">
                  <c:v>4.4487636677497475</c:v>
                </c:pt>
                <c:pt idx="944">
                  <c:v>4.4487636677497475</c:v>
                </c:pt>
                <c:pt idx="945">
                  <c:v>4.4491754837687534</c:v>
                </c:pt>
                <c:pt idx="946">
                  <c:v>4.4491754837687534</c:v>
                </c:pt>
                <c:pt idx="947">
                  <c:v>4.4495751875519156</c:v>
                </c:pt>
                <c:pt idx="948">
                  <c:v>4.4499870035709215</c:v>
                </c:pt>
                <c:pt idx="949">
                  <c:v>4.4499870035709215</c:v>
                </c:pt>
                <c:pt idx="950">
                  <c:v>4.4503988195899495</c:v>
                </c:pt>
                <c:pt idx="951">
                  <c:v>4.4503988195899495</c:v>
                </c:pt>
                <c:pt idx="952">
                  <c:v>4.4507985233730905</c:v>
                </c:pt>
                <c:pt idx="953">
                  <c:v>4.4512103393921176</c:v>
                </c:pt>
                <c:pt idx="954">
                  <c:v>4.4516100431752808</c:v>
                </c:pt>
                <c:pt idx="955">
                  <c:v>4.4516100431752808</c:v>
                </c:pt>
                <c:pt idx="956">
                  <c:v>4.4520218591942866</c:v>
                </c:pt>
                <c:pt idx="957">
                  <c:v>4.4524336752132934</c:v>
                </c:pt>
                <c:pt idx="958">
                  <c:v>4.4524336752132934</c:v>
                </c:pt>
                <c:pt idx="959">
                  <c:v>4.4528333789964547</c:v>
                </c:pt>
                <c:pt idx="960">
                  <c:v>4.4528333789964547</c:v>
                </c:pt>
                <c:pt idx="961">
                  <c:v>4.4532451950154828</c:v>
                </c:pt>
                <c:pt idx="962">
                  <c:v>4.4536570110344886</c:v>
                </c:pt>
                <c:pt idx="963">
                  <c:v>4.4536570110344886</c:v>
                </c:pt>
                <c:pt idx="964">
                  <c:v>4.4540567148176509</c:v>
                </c:pt>
                <c:pt idx="965">
                  <c:v>4.4540567148176509</c:v>
                </c:pt>
                <c:pt idx="966">
                  <c:v>4.4544685308366576</c:v>
                </c:pt>
                <c:pt idx="967">
                  <c:v>4.4548803468556635</c:v>
                </c:pt>
                <c:pt idx="968">
                  <c:v>4.4548803468556635</c:v>
                </c:pt>
                <c:pt idx="969">
                  <c:v>4.4552800506388257</c:v>
                </c:pt>
                <c:pt idx="970">
                  <c:v>4.4552800506388257</c:v>
                </c:pt>
                <c:pt idx="971">
                  <c:v>4.4556918666578538</c:v>
                </c:pt>
                <c:pt idx="972">
                  <c:v>4.4556918666578538</c:v>
                </c:pt>
                <c:pt idx="973">
                  <c:v>4.4561036826768596</c:v>
                </c:pt>
                <c:pt idx="974">
                  <c:v>4.4565033864600219</c:v>
                </c:pt>
                <c:pt idx="975">
                  <c:v>4.4565033864600219</c:v>
                </c:pt>
                <c:pt idx="976">
                  <c:v>4.4569152024790277</c:v>
                </c:pt>
                <c:pt idx="977">
                  <c:v>4.4569152024790277</c:v>
                </c:pt>
                <c:pt idx="978">
                  <c:v>4.4573270184980567</c:v>
                </c:pt>
                <c:pt idx="979">
                  <c:v>4.4577267222811967</c:v>
                </c:pt>
                <c:pt idx="980">
                  <c:v>4.4577267222811967</c:v>
                </c:pt>
                <c:pt idx="981">
                  <c:v>4.4581385383002239</c:v>
                </c:pt>
                <c:pt idx="982">
                  <c:v>4.4581385383002239</c:v>
                </c:pt>
                <c:pt idx="983">
                  <c:v>4.4585503543192306</c:v>
                </c:pt>
                <c:pt idx="984">
                  <c:v>4.4585503543192306</c:v>
                </c:pt>
                <c:pt idx="985">
                  <c:v>4.4589500581023929</c:v>
                </c:pt>
                <c:pt idx="986">
                  <c:v>4.4589500581023929</c:v>
                </c:pt>
                <c:pt idx="987">
                  <c:v>4.4593618741213996</c:v>
                </c:pt>
                <c:pt idx="988">
                  <c:v>4.4597736901404268</c:v>
                </c:pt>
                <c:pt idx="989">
                  <c:v>4.4597736901404268</c:v>
                </c:pt>
                <c:pt idx="990">
                  <c:v>4.460173393923589</c:v>
                </c:pt>
                <c:pt idx="991">
                  <c:v>4.460173393923589</c:v>
                </c:pt>
                <c:pt idx="992">
                  <c:v>4.4605852099425958</c:v>
                </c:pt>
                <c:pt idx="993">
                  <c:v>4.4605852099425958</c:v>
                </c:pt>
                <c:pt idx="994">
                  <c:v>4.4609970259616016</c:v>
                </c:pt>
                <c:pt idx="995">
                  <c:v>4.4613967297447639</c:v>
                </c:pt>
                <c:pt idx="996">
                  <c:v>4.4613967297447639</c:v>
                </c:pt>
                <c:pt idx="997">
                  <c:v>4.4618085457637697</c:v>
                </c:pt>
                <c:pt idx="998">
                  <c:v>4.4622203617827978</c:v>
                </c:pt>
                <c:pt idx="999">
                  <c:v>4.46262006556596</c:v>
                </c:pt>
                <c:pt idx="1000">
                  <c:v>4.46262006556596</c:v>
                </c:pt>
                <c:pt idx="1001">
                  <c:v>4.4630318815849659</c:v>
                </c:pt>
                <c:pt idx="1002">
                  <c:v>4.4634436976039726</c:v>
                </c:pt>
                <c:pt idx="1003">
                  <c:v>4.4634436976039726</c:v>
                </c:pt>
                <c:pt idx="1004">
                  <c:v>4.4638434013871349</c:v>
                </c:pt>
                <c:pt idx="1005">
                  <c:v>4.464255217406162</c:v>
                </c:pt>
                <c:pt idx="1006">
                  <c:v>4.464255217406162</c:v>
                </c:pt>
                <c:pt idx="1007">
                  <c:v>4.464654921189303</c:v>
                </c:pt>
                <c:pt idx="1008">
                  <c:v>4.465066737208331</c:v>
                </c:pt>
                <c:pt idx="1009">
                  <c:v>4.465066737208331</c:v>
                </c:pt>
                <c:pt idx="1010">
                  <c:v>4.4654785532273378</c:v>
                </c:pt>
                <c:pt idx="1011">
                  <c:v>4.4658782570104991</c:v>
                </c:pt>
                <c:pt idx="1012">
                  <c:v>4.4658782570104991</c:v>
                </c:pt>
                <c:pt idx="1013">
                  <c:v>4.466290073029505</c:v>
                </c:pt>
                <c:pt idx="1014">
                  <c:v>4.466701889048533</c:v>
                </c:pt>
                <c:pt idx="1015">
                  <c:v>4.466701889048533</c:v>
                </c:pt>
                <c:pt idx="1016">
                  <c:v>4.4671015928316953</c:v>
                </c:pt>
                <c:pt idx="1017">
                  <c:v>4.4671015928316953</c:v>
                </c:pt>
                <c:pt idx="1018">
                  <c:v>4.467513408850702</c:v>
                </c:pt>
                <c:pt idx="1019">
                  <c:v>4.4679252248697079</c:v>
                </c:pt>
                <c:pt idx="1020">
                  <c:v>4.4679252248697079</c:v>
                </c:pt>
                <c:pt idx="1021">
                  <c:v>4.4683249286528701</c:v>
                </c:pt>
                <c:pt idx="1022">
                  <c:v>4.4683249286528701</c:v>
                </c:pt>
                <c:pt idx="1023">
                  <c:v>4.4687367446718769</c:v>
                </c:pt>
                <c:pt idx="1024">
                  <c:v>4.4687367446718769</c:v>
                </c:pt>
                <c:pt idx="1025">
                  <c:v>4.469148560690904</c:v>
                </c:pt>
                <c:pt idx="1026">
                  <c:v>4.469148560690904</c:v>
                </c:pt>
                <c:pt idx="1027">
                  <c:v>4.4695482644740663</c:v>
                </c:pt>
                <c:pt idx="1028">
                  <c:v>4.4695482644740663</c:v>
                </c:pt>
                <c:pt idx="1029">
                  <c:v>4.4695482644740663</c:v>
                </c:pt>
                <c:pt idx="1030">
                  <c:v>4.4699600804930721</c:v>
                </c:pt>
                <c:pt idx="1031">
                  <c:v>4.4699600804930721</c:v>
                </c:pt>
                <c:pt idx="1032">
                  <c:v>4.4703718965120789</c:v>
                </c:pt>
                <c:pt idx="1033">
                  <c:v>4.4707716002952411</c:v>
                </c:pt>
                <c:pt idx="1034">
                  <c:v>4.4707716002952411</c:v>
                </c:pt>
                <c:pt idx="1035">
                  <c:v>4.4711834163142683</c:v>
                </c:pt>
                <c:pt idx="1036">
                  <c:v>4.4711834163142683</c:v>
                </c:pt>
                <c:pt idx="1037">
                  <c:v>4.471595232333275</c:v>
                </c:pt>
                <c:pt idx="1038">
                  <c:v>4.471595232333275</c:v>
                </c:pt>
                <c:pt idx="1039">
                  <c:v>4.4719949361164373</c:v>
                </c:pt>
                <c:pt idx="1040">
                  <c:v>4.472406752135444</c:v>
                </c:pt>
                <c:pt idx="1041">
                  <c:v>4.472406752135444</c:v>
                </c:pt>
                <c:pt idx="1042">
                  <c:v>4.4728185681544499</c:v>
                </c:pt>
                <c:pt idx="1043">
                  <c:v>4.4728185681544499</c:v>
                </c:pt>
                <c:pt idx="1044">
                  <c:v>4.4732182719376112</c:v>
                </c:pt>
                <c:pt idx="1045">
                  <c:v>4.4732182719376112</c:v>
                </c:pt>
                <c:pt idx="1046">
                  <c:v>4.4736300879566402</c:v>
                </c:pt>
                <c:pt idx="1047">
                  <c:v>4.4740419039756461</c:v>
                </c:pt>
                <c:pt idx="1048">
                  <c:v>4.4740419039756461</c:v>
                </c:pt>
                <c:pt idx="1049">
                  <c:v>4.4744416077588083</c:v>
                </c:pt>
                <c:pt idx="1050">
                  <c:v>4.4744416077588083</c:v>
                </c:pt>
                <c:pt idx="1051">
                  <c:v>4.4748534237778141</c:v>
                </c:pt>
                <c:pt idx="1052">
                  <c:v>4.4752652397968422</c:v>
                </c:pt>
                <c:pt idx="1053">
                  <c:v>4.4752652397968422</c:v>
                </c:pt>
                <c:pt idx="1054">
                  <c:v>4.4756649435799831</c:v>
                </c:pt>
                <c:pt idx="1055">
                  <c:v>4.4756649435799831</c:v>
                </c:pt>
                <c:pt idx="1056">
                  <c:v>4.4760767595990103</c:v>
                </c:pt>
                <c:pt idx="1057">
                  <c:v>4.4764885756180171</c:v>
                </c:pt>
                <c:pt idx="1058">
                  <c:v>4.4764885756180171</c:v>
                </c:pt>
                <c:pt idx="1059">
                  <c:v>4.4768882794011793</c:v>
                </c:pt>
                <c:pt idx="1060">
                  <c:v>4.4768882794011793</c:v>
                </c:pt>
                <c:pt idx="1061">
                  <c:v>4.4773000954201851</c:v>
                </c:pt>
                <c:pt idx="1062">
                  <c:v>4.4777119114392132</c:v>
                </c:pt>
                <c:pt idx="1063">
                  <c:v>4.4777119114392132</c:v>
                </c:pt>
                <c:pt idx="1064">
                  <c:v>4.4781116152223754</c:v>
                </c:pt>
                <c:pt idx="1065">
                  <c:v>4.4781116152223754</c:v>
                </c:pt>
                <c:pt idx="1066">
                  <c:v>4.4785234312413813</c:v>
                </c:pt>
                <c:pt idx="1067">
                  <c:v>4.4789231350245435</c:v>
                </c:pt>
                <c:pt idx="1068">
                  <c:v>4.4789231350245435</c:v>
                </c:pt>
                <c:pt idx="1069">
                  <c:v>4.4793349510435494</c:v>
                </c:pt>
                <c:pt idx="1070">
                  <c:v>4.4793349510435494</c:v>
                </c:pt>
                <c:pt idx="1071">
                  <c:v>4.4797467670625561</c:v>
                </c:pt>
                <c:pt idx="1072">
                  <c:v>4.4797467670625561</c:v>
                </c:pt>
                <c:pt idx="1073">
                  <c:v>4.4801464708457184</c:v>
                </c:pt>
                <c:pt idx="1074">
                  <c:v>4.4801464708457184</c:v>
                </c:pt>
                <c:pt idx="1075">
                  <c:v>4.4805582868647464</c:v>
                </c:pt>
                <c:pt idx="1076">
                  <c:v>4.4809701028837523</c:v>
                </c:pt>
                <c:pt idx="1077">
                  <c:v>4.4809701028837523</c:v>
                </c:pt>
                <c:pt idx="1078">
                  <c:v>4.4813698066669145</c:v>
                </c:pt>
                <c:pt idx="1079">
                  <c:v>4.4813698066669145</c:v>
                </c:pt>
                <c:pt idx="1080">
                  <c:v>4.4817816226859204</c:v>
                </c:pt>
                <c:pt idx="1081">
                  <c:v>4.4821934387049485</c:v>
                </c:pt>
                <c:pt idx="1082">
                  <c:v>4.4821934387049485</c:v>
                </c:pt>
                <c:pt idx="1083">
                  <c:v>4.4825931424880894</c:v>
                </c:pt>
                <c:pt idx="1084">
                  <c:v>4.4825931424880894</c:v>
                </c:pt>
                <c:pt idx="1085">
                  <c:v>4.4830049585071166</c:v>
                </c:pt>
                <c:pt idx="1086">
                  <c:v>4.4830049585071166</c:v>
                </c:pt>
                <c:pt idx="1087">
                  <c:v>4.4834167745261233</c:v>
                </c:pt>
                <c:pt idx="1088">
                  <c:v>4.4834167745261233</c:v>
                </c:pt>
                <c:pt idx="1089">
                  <c:v>4.4834167745261233</c:v>
                </c:pt>
                <c:pt idx="1090">
                  <c:v>4.4838164783092855</c:v>
                </c:pt>
                <c:pt idx="1091">
                  <c:v>4.4838164783092855</c:v>
                </c:pt>
                <c:pt idx="1092">
                  <c:v>4.4842282943282914</c:v>
                </c:pt>
                <c:pt idx="1093">
                  <c:v>4.4842282943282914</c:v>
                </c:pt>
                <c:pt idx="1094">
                  <c:v>4.4846401103473195</c:v>
                </c:pt>
                <c:pt idx="1095">
                  <c:v>4.4846401103473195</c:v>
                </c:pt>
                <c:pt idx="1096">
                  <c:v>4.4850398141304817</c:v>
                </c:pt>
                <c:pt idx="1097">
                  <c:v>4.4850398141304817</c:v>
                </c:pt>
                <c:pt idx="1098">
                  <c:v>4.4854516301494884</c:v>
                </c:pt>
                <c:pt idx="1099">
                  <c:v>4.4854516301494884</c:v>
                </c:pt>
                <c:pt idx="1100">
                  <c:v>4.4858634461684943</c:v>
                </c:pt>
                <c:pt idx="1101">
                  <c:v>4.4862631499516556</c:v>
                </c:pt>
                <c:pt idx="1102">
                  <c:v>4.4862631499516556</c:v>
                </c:pt>
                <c:pt idx="1103">
                  <c:v>4.4866749659706624</c:v>
                </c:pt>
                <c:pt idx="1104">
                  <c:v>4.4866749659706624</c:v>
                </c:pt>
                <c:pt idx="1105">
                  <c:v>4.4870867819896905</c:v>
                </c:pt>
                <c:pt idx="1106">
                  <c:v>4.4870867819896905</c:v>
                </c:pt>
                <c:pt idx="1107">
                  <c:v>4.4874864857728527</c:v>
                </c:pt>
                <c:pt idx="1108">
                  <c:v>4.4878983017918586</c:v>
                </c:pt>
                <c:pt idx="1109">
                  <c:v>4.4878983017918586</c:v>
                </c:pt>
                <c:pt idx="1110">
                  <c:v>4.4883101178108644</c:v>
                </c:pt>
                <c:pt idx="1111">
                  <c:v>4.4883101178108644</c:v>
                </c:pt>
                <c:pt idx="1112">
                  <c:v>4.4887098215940275</c:v>
                </c:pt>
                <c:pt idx="1113">
                  <c:v>4.4891216376130547</c:v>
                </c:pt>
                <c:pt idx="1114">
                  <c:v>4.4891216376130547</c:v>
                </c:pt>
                <c:pt idx="1115">
                  <c:v>4.4895334536320615</c:v>
                </c:pt>
                <c:pt idx="1116">
                  <c:v>4.4895334536320615</c:v>
                </c:pt>
                <c:pt idx="1117">
                  <c:v>4.4899331574152237</c:v>
                </c:pt>
                <c:pt idx="1118">
                  <c:v>4.4899331574152237</c:v>
                </c:pt>
                <c:pt idx="1119">
                  <c:v>4.4903449734342296</c:v>
                </c:pt>
                <c:pt idx="1120">
                  <c:v>4.4903449734342296</c:v>
                </c:pt>
                <c:pt idx="1121">
                  <c:v>4.4907567894532363</c:v>
                </c:pt>
                <c:pt idx="1122">
                  <c:v>4.4907567894532363</c:v>
                </c:pt>
                <c:pt idx="1123">
                  <c:v>4.4911564932363977</c:v>
                </c:pt>
                <c:pt idx="1124">
                  <c:v>4.4911564932363977</c:v>
                </c:pt>
                <c:pt idx="1125">
                  <c:v>4.4915683092554257</c:v>
                </c:pt>
                <c:pt idx="1126">
                  <c:v>4.4915683092554257</c:v>
                </c:pt>
                <c:pt idx="1127">
                  <c:v>4.4919680130385879</c:v>
                </c:pt>
                <c:pt idx="1128">
                  <c:v>4.4919680130385879</c:v>
                </c:pt>
                <c:pt idx="1129">
                  <c:v>4.4923798290575938</c:v>
                </c:pt>
                <c:pt idx="1130">
                  <c:v>4.4923798290575938</c:v>
                </c:pt>
                <c:pt idx="1131">
                  <c:v>4.4927916450766006</c:v>
                </c:pt>
                <c:pt idx="1132">
                  <c:v>4.4927916450766006</c:v>
                </c:pt>
                <c:pt idx="1133">
                  <c:v>4.4931913488597628</c:v>
                </c:pt>
                <c:pt idx="1134">
                  <c:v>4.4931913488597628</c:v>
                </c:pt>
                <c:pt idx="1135">
                  <c:v>4.4936031648787695</c:v>
                </c:pt>
                <c:pt idx="1136">
                  <c:v>4.4936031648787695</c:v>
                </c:pt>
                <c:pt idx="1137">
                  <c:v>4.4940149808977967</c:v>
                </c:pt>
                <c:pt idx="1138">
                  <c:v>4.4940149808977967</c:v>
                </c:pt>
                <c:pt idx="1139">
                  <c:v>4.4944146846809581</c:v>
                </c:pt>
                <c:pt idx="1140">
                  <c:v>4.4944146846809581</c:v>
                </c:pt>
                <c:pt idx="1141">
                  <c:v>4.4948265006999648</c:v>
                </c:pt>
                <c:pt idx="1142">
                  <c:v>4.4948265006999648</c:v>
                </c:pt>
                <c:pt idx="1143">
                  <c:v>4.4952383167189716</c:v>
                </c:pt>
                <c:pt idx="1144">
                  <c:v>4.4952383167189716</c:v>
                </c:pt>
                <c:pt idx="1145">
                  <c:v>4.4956380205021338</c:v>
                </c:pt>
                <c:pt idx="1146">
                  <c:v>4.4956380205021338</c:v>
                </c:pt>
                <c:pt idx="1147">
                  <c:v>4.4960498365211397</c:v>
                </c:pt>
                <c:pt idx="1148">
                  <c:v>4.4960498365211397</c:v>
                </c:pt>
                <c:pt idx="1149">
                  <c:v>4.4964616525401677</c:v>
                </c:pt>
                <c:pt idx="1150">
                  <c:v>4.4964616525401677</c:v>
                </c:pt>
                <c:pt idx="1151">
                  <c:v>4.49686135632333</c:v>
                </c:pt>
                <c:pt idx="1152">
                  <c:v>4.49686135632333</c:v>
                </c:pt>
                <c:pt idx="1153">
                  <c:v>4.49686135632333</c:v>
                </c:pt>
                <c:pt idx="1154">
                  <c:v>4.4972731723423358</c:v>
                </c:pt>
                <c:pt idx="1155">
                  <c:v>4.4972731723423358</c:v>
                </c:pt>
                <c:pt idx="1156">
                  <c:v>4.4976849883613426</c:v>
                </c:pt>
                <c:pt idx="1157">
                  <c:v>4.4976849883613426</c:v>
                </c:pt>
                <c:pt idx="1158">
                  <c:v>4.4980846921445039</c:v>
                </c:pt>
                <c:pt idx="1159">
                  <c:v>4.4980846921445039</c:v>
                </c:pt>
                <c:pt idx="1160">
                  <c:v>4.4984965081635329</c:v>
                </c:pt>
                <c:pt idx="1161">
                  <c:v>4.4984965081635329</c:v>
                </c:pt>
                <c:pt idx="1162">
                  <c:v>4.4989083241825387</c:v>
                </c:pt>
                <c:pt idx="1163">
                  <c:v>4.4989083241825387</c:v>
                </c:pt>
                <c:pt idx="1164">
                  <c:v>4.4993080279657001</c:v>
                </c:pt>
                <c:pt idx="1165">
                  <c:v>4.4993080279657001</c:v>
                </c:pt>
                <c:pt idx="1166">
                  <c:v>4.4997198439847068</c:v>
                </c:pt>
                <c:pt idx="1167">
                  <c:v>4.4997198439847068</c:v>
                </c:pt>
                <c:pt idx="1168">
                  <c:v>4.5001316600037127</c:v>
                </c:pt>
                <c:pt idx="1169">
                  <c:v>4.5001316600037127</c:v>
                </c:pt>
                <c:pt idx="1170">
                  <c:v>4.5005313637868758</c:v>
                </c:pt>
                <c:pt idx="1171">
                  <c:v>4.5005313637868758</c:v>
                </c:pt>
                <c:pt idx="1172">
                  <c:v>4.500943179805903</c:v>
                </c:pt>
                <c:pt idx="1173">
                  <c:v>4.500943179805903</c:v>
                </c:pt>
                <c:pt idx="1174">
                  <c:v>4.5013549958249088</c:v>
                </c:pt>
                <c:pt idx="1175">
                  <c:v>4.501754699608072</c:v>
                </c:pt>
                <c:pt idx="1176">
                  <c:v>4.501754699608072</c:v>
                </c:pt>
                <c:pt idx="1177">
                  <c:v>4.5021665156270778</c:v>
                </c:pt>
                <c:pt idx="1178">
                  <c:v>4.5021665156270778</c:v>
                </c:pt>
                <c:pt idx="1179">
                  <c:v>4.5025783316461059</c:v>
                </c:pt>
                <c:pt idx="1180">
                  <c:v>4.5029780354292459</c:v>
                </c:pt>
                <c:pt idx="1181">
                  <c:v>4.5029780354292459</c:v>
                </c:pt>
                <c:pt idx="1182">
                  <c:v>4.503389851448274</c:v>
                </c:pt>
                <c:pt idx="1183">
                  <c:v>4.503389851448274</c:v>
                </c:pt>
                <c:pt idx="1184">
                  <c:v>4.5038016674672807</c:v>
                </c:pt>
                <c:pt idx="1185">
                  <c:v>4.5038016674672807</c:v>
                </c:pt>
                <c:pt idx="1186">
                  <c:v>4.5042013712504421</c:v>
                </c:pt>
                <c:pt idx="1187">
                  <c:v>4.5042013712504421</c:v>
                </c:pt>
                <c:pt idx="1188">
                  <c:v>4.5046131872694488</c:v>
                </c:pt>
                <c:pt idx="1189">
                  <c:v>4.5046131872694488</c:v>
                </c:pt>
                <c:pt idx="1190">
                  <c:v>4.5050250032884769</c:v>
                </c:pt>
                <c:pt idx="1191">
                  <c:v>4.5050250032884769</c:v>
                </c:pt>
                <c:pt idx="1192">
                  <c:v>4.5050250032884769</c:v>
                </c:pt>
                <c:pt idx="1193">
                  <c:v>4.5054247070716382</c:v>
                </c:pt>
                <c:pt idx="1194">
                  <c:v>4.5054247070716382</c:v>
                </c:pt>
                <c:pt idx="1195">
                  <c:v>4.505836523090645</c:v>
                </c:pt>
                <c:pt idx="1196">
                  <c:v>4.505836523090645</c:v>
                </c:pt>
                <c:pt idx="1197">
                  <c:v>4.5062362268738072</c:v>
                </c:pt>
                <c:pt idx="1198">
                  <c:v>4.5062362268738072</c:v>
                </c:pt>
                <c:pt idx="1199">
                  <c:v>4.5062362268738072</c:v>
                </c:pt>
                <c:pt idx="1200">
                  <c:v>4.5066480428928131</c:v>
                </c:pt>
                <c:pt idx="1201">
                  <c:v>4.5066480428928131</c:v>
                </c:pt>
                <c:pt idx="1202">
                  <c:v>4.5070598589118198</c:v>
                </c:pt>
                <c:pt idx="1203">
                  <c:v>4.5070598589118198</c:v>
                </c:pt>
                <c:pt idx="1204">
                  <c:v>4.5074595626949812</c:v>
                </c:pt>
                <c:pt idx="1205">
                  <c:v>4.5074595626949812</c:v>
                </c:pt>
                <c:pt idx="1206">
                  <c:v>4.5074595626949812</c:v>
                </c:pt>
                <c:pt idx="1207">
                  <c:v>4.5078713787140092</c:v>
                </c:pt>
                <c:pt idx="1208">
                  <c:v>4.5078713787140092</c:v>
                </c:pt>
                <c:pt idx="1209">
                  <c:v>4.508283194733016</c:v>
                </c:pt>
                <c:pt idx="1210">
                  <c:v>4.508283194733016</c:v>
                </c:pt>
                <c:pt idx="1211">
                  <c:v>4.5086828985161782</c:v>
                </c:pt>
                <c:pt idx="1212">
                  <c:v>4.5086828985161782</c:v>
                </c:pt>
                <c:pt idx="1213">
                  <c:v>4.5086828985161782</c:v>
                </c:pt>
                <c:pt idx="1214">
                  <c:v>4.5090947145351841</c:v>
                </c:pt>
                <c:pt idx="1215">
                  <c:v>4.5090947145351841</c:v>
                </c:pt>
                <c:pt idx="1216">
                  <c:v>4.5095065305542121</c:v>
                </c:pt>
                <c:pt idx="1217">
                  <c:v>4.5095065305542121</c:v>
                </c:pt>
                <c:pt idx="1218">
                  <c:v>4.509906234337353</c:v>
                </c:pt>
                <c:pt idx="1219">
                  <c:v>4.509906234337353</c:v>
                </c:pt>
                <c:pt idx="1220">
                  <c:v>4.5103180503563802</c:v>
                </c:pt>
                <c:pt idx="1221">
                  <c:v>4.5103180503563802</c:v>
                </c:pt>
                <c:pt idx="1222">
                  <c:v>4.510729866375387</c:v>
                </c:pt>
                <c:pt idx="1223">
                  <c:v>4.510729866375387</c:v>
                </c:pt>
                <c:pt idx="1224">
                  <c:v>4.5111295701585483</c:v>
                </c:pt>
                <c:pt idx="1225">
                  <c:v>4.5111295701585483</c:v>
                </c:pt>
                <c:pt idx="1226">
                  <c:v>4.5111295701585483</c:v>
                </c:pt>
                <c:pt idx="1227">
                  <c:v>4.5115413861775551</c:v>
                </c:pt>
                <c:pt idx="1228">
                  <c:v>4.5115413861775551</c:v>
                </c:pt>
                <c:pt idx="1229">
                  <c:v>4.5119532021965831</c:v>
                </c:pt>
                <c:pt idx="1230">
                  <c:v>4.5119532021965831</c:v>
                </c:pt>
                <c:pt idx="1231">
                  <c:v>4.5123529059797445</c:v>
                </c:pt>
                <c:pt idx="1232">
                  <c:v>4.5123529059797445</c:v>
                </c:pt>
                <c:pt idx="1233">
                  <c:v>4.5123529059797445</c:v>
                </c:pt>
                <c:pt idx="1234">
                  <c:v>4.5127647219987512</c:v>
                </c:pt>
                <c:pt idx="1235">
                  <c:v>4.5127647219987512</c:v>
                </c:pt>
                <c:pt idx="1236">
                  <c:v>4.5131765380177571</c:v>
                </c:pt>
                <c:pt idx="1237">
                  <c:v>4.5131765380177571</c:v>
                </c:pt>
                <c:pt idx="1238">
                  <c:v>4.5135762418009202</c:v>
                </c:pt>
                <c:pt idx="1239">
                  <c:v>4.5135762418009202</c:v>
                </c:pt>
                <c:pt idx="1240">
                  <c:v>4.5139880578199261</c:v>
                </c:pt>
                <c:pt idx="1241">
                  <c:v>4.5139880578199261</c:v>
                </c:pt>
                <c:pt idx="1242">
                  <c:v>4.5143998738389541</c:v>
                </c:pt>
                <c:pt idx="1243">
                  <c:v>4.5143998738389541</c:v>
                </c:pt>
                <c:pt idx="1244">
                  <c:v>4.5143998738389541</c:v>
                </c:pt>
                <c:pt idx="1245">
                  <c:v>4.5147995776221164</c:v>
                </c:pt>
                <c:pt idx="1246">
                  <c:v>4.5147995776221164</c:v>
                </c:pt>
                <c:pt idx="1247">
                  <c:v>4.5152113936411222</c:v>
                </c:pt>
                <c:pt idx="1248">
                  <c:v>4.5152113936411222</c:v>
                </c:pt>
                <c:pt idx="1249">
                  <c:v>4.5152113936411222</c:v>
                </c:pt>
                <c:pt idx="1250">
                  <c:v>4.515623209660129</c:v>
                </c:pt>
                <c:pt idx="1251">
                  <c:v>4.515623209660129</c:v>
                </c:pt>
                <c:pt idx="1252">
                  <c:v>4.5160229134432903</c:v>
                </c:pt>
                <c:pt idx="1253">
                  <c:v>4.5160229134432903</c:v>
                </c:pt>
                <c:pt idx="1254">
                  <c:v>4.5164347294623184</c:v>
                </c:pt>
                <c:pt idx="1255">
                  <c:v>4.5164347294623184</c:v>
                </c:pt>
                <c:pt idx="1256">
                  <c:v>4.5164347294623184</c:v>
                </c:pt>
                <c:pt idx="1257">
                  <c:v>4.5168465454813251</c:v>
                </c:pt>
                <c:pt idx="1258">
                  <c:v>4.5168465454813251</c:v>
                </c:pt>
                <c:pt idx="1259">
                  <c:v>4.5172462492644865</c:v>
                </c:pt>
                <c:pt idx="1260">
                  <c:v>4.5172462492644865</c:v>
                </c:pt>
                <c:pt idx="1261">
                  <c:v>4.5172462492644865</c:v>
                </c:pt>
                <c:pt idx="1262">
                  <c:v>4.5176580652834932</c:v>
                </c:pt>
                <c:pt idx="1263">
                  <c:v>4.5176580652834932</c:v>
                </c:pt>
                <c:pt idx="1264">
                  <c:v>4.5176580652834932</c:v>
                </c:pt>
                <c:pt idx="1265">
                  <c:v>4.5180698813024991</c:v>
                </c:pt>
                <c:pt idx="1266">
                  <c:v>4.5180698813024991</c:v>
                </c:pt>
                <c:pt idx="1267">
                  <c:v>4.5184695850856613</c:v>
                </c:pt>
                <c:pt idx="1268">
                  <c:v>4.5184695850856613</c:v>
                </c:pt>
                <c:pt idx="1269">
                  <c:v>4.5184695850856613</c:v>
                </c:pt>
                <c:pt idx="1270">
                  <c:v>4.5188814011046894</c:v>
                </c:pt>
                <c:pt idx="1271">
                  <c:v>4.5188814011046894</c:v>
                </c:pt>
                <c:pt idx="1272">
                  <c:v>4.5192811048878507</c:v>
                </c:pt>
                <c:pt idx="1273">
                  <c:v>4.5192811048878507</c:v>
                </c:pt>
                <c:pt idx="1274">
                  <c:v>4.5196929209068575</c:v>
                </c:pt>
                <c:pt idx="1275">
                  <c:v>4.5196929209068575</c:v>
                </c:pt>
                <c:pt idx="1276">
                  <c:v>4.5201047369258642</c:v>
                </c:pt>
                <c:pt idx="1277">
                  <c:v>4.5201047369258642</c:v>
                </c:pt>
                <c:pt idx="1278">
                  <c:v>4.5205044407090256</c:v>
                </c:pt>
                <c:pt idx="1279">
                  <c:v>4.5205044407090256</c:v>
                </c:pt>
                <c:pt idx="1280">
                  <c:v>4.5209162567280323</c:v>
                </c:pt>
                <c:pt idx="1281">
                  <c:v>4.5209162567280323</c:v>
                </c:pt>
                <c:pt idx="1282">
                  <c:v>4.5213280727470595</c:v>
                </c:pt>
                <c:pt idx="1283">
                  <c:v>4.5213280727470595</c:v>
                </c:pt>
                <c:pt idx="1284">
                  <c:v>4.5217277765302226</c:v>
                </c:pt>
                <c:pt idx="1285">
                  <c:v>4.5217277765302226</c:v>
                </c:pt>
                <c:pt idx="1286">
                  <c:v>4.5221395925492285</c:v>
                </c:pt>
                <c:pt idx="1287">
                  <c:v>4.5221395925492285</c:v>
                </c:pt>
                <c:pt idx="1288">
                  <c:v>4.5225514085682352</c:v>
                </c:pt>
                <c:pt idx="1289">
                  <c:v>4.5229511123513966</c:v>
                </c:pt>
                <c:pt idx="1290">
                  <c:v>4.5229511123513966</c:v>
                </c:pt>
                <c:pt idx="1291">
                  <c:v>4.5233629283704246</c:v>
                </c:pt>
                <c:pt idx="1292">
                  <c:v>4.5233629283704246</c:v>
                </c:pt>
                <c:pt idx="1293">
                  <c:v>4.5237747443894314</c:v>
                </c:pt>
                <c:pt idx="1294">
                  <c:v>4.5237747443894314</c:v>
                </c:pt>
                <c:pt idx="1295">
                  <c:v>4.5241744481725927</c:v>
                </c:pt>
                <c:pt idx="1296">
                  <c:v>4.5241744481725927</c:v>
                </c:pt>
                <c:pt idx="1297">
                  <c:v>4.5245862641915995</c:v>
                </c:pt>
                <c:pt idx="1298">
                  <c:v>4.5245862641915995</c:v>
                </c:pt>
                <c:pt idx="1299">
                  <c:v>4.5249980802106053</c:v>
                </c:pt>
                <c:pt idx="1300">
                  <c:v>4.5249980802106053</c:v>
                </c:pt>
                <c:pt idx="1301">
                  <c:v>4.5253977839937676</c:v>
                </c:pt>
                <c:pt idx="1302">
                  <c:v>4.5253977839937676</c:v>
                </c:pt>
                <c:pt idx="1303">
                  <c:v>4.5253977839937676</c:v>
                </c:pt>
                <c:pt idx="1304">
                  <c:v>4.5258096000127956</c:v>
                </c:pt>
                <c:pt idx="1305">
                  <c:v>4.5258096000127956</c:v>
                </c:pt>
                <c:pt idx="1306">
                  <c:v>4.5262214160318015</c:v>
                </c:pt>
                <c:pt idx="1307">
                  <c:v>4.5262214160318015</c:v>
                </c:pt>
                <c:pt idx="1308">
                  <c:v>4.5266211198149646</c:v>
                </c:pt>
                <c:pt idx="1309">
                  <c:v>4.5266211198149646</c:v>
                </c:pt>
                <c:pt idx="1310">
                  <c:v>4.5270329358339705</c:v>
                </c:pt>
                <c:pt idx="1311">
                  <c:v>4.5270329358339705</c:v>
                </c:pt>
                <c:pt idx="1312">
                  <c:v>4.5270329358339705</c:v>
                </c:pt>
                <c:pt idx="1313">
                  <c:v>4.5274447518529986</c:v>
                </c:pt>
                <c:pt idx="1314">
                  <c:v>4.5274447518529986</c:v>
                </c:pt>
                <c:pt idx="1315">
                  <c:v>4.5274447518529986</c:v>
                </c:pt>
                <c:pt idx="1316">
                  <c:v>4.5278444556361386</c:v>
                </c:pt>
                <c:pt idx="1317">
                  <c:v>4.5278444556361386</c:v>
                </c:pt>
                <c:pt idx="1318">
                  <c:v>4.5278444556361386</c:v>
                </c:pt>
                <c:pt idx="1319">
                  <c:v>4.5282562716551666</c:v>
                </c:pt>
                <c:pt idx="1320">
                  <c:v>4.5282562716551666</c:v>
                </c:pt>
                <c:pt idx="1321">
                  <c:v>4.5282562716551666</c:v>
                </c:pt>
                <c:pt idx="1322">
                  <c:v>4.5282562716551666</c:v>
                </c:pt>
                <c:pt idx="1323">
                  <c:v>4.5286680876741734</c:v>
                </c:pt>
                <c:pt idx="1324">
                  <c:v>4.5286680876741734</c:v>
                </c:pt>
                <c:pt idx="1325">
                  <c:v>4.5286680876741734</c:v>
                </c:pt>
                <c:pt idx="1326">
                  <c:v>4.5290677914573347</c:v>
                </c:pt>
                <c:pt idx="1327">
                  <c:v>4.5290677914573347</c:v>
                </c:pt>
                <c:pt idx="1328">
                  <c:v>4.5294796074763406</c:v>
                </c:pt>
                <c:pt idx="1329">
                  <c:v>4.5294796074763406</c:v>
                </c:pt>
                <c:pt idx="1330">
                  <c:v>4.5294796074763406</c:v>
                </c:pt>
                <c:pt idx="1331">
                  <c:v>4.5294796074763406</c:v>
                </c:pt>
                <c:pt idx="1332">
                  <c:v>4.5298914234953696</c:v>
                </c:pt>
                <c:pt idx="1333">
                  <c:v>4.5298914234953696</c:v>
                </c:pt>
                <c:pt idx="1334">
                  <c:v>4.5298914234953696</c:v>
                </c:pt>
                <c:pt idx="1335">
                  <c:v>4.5302911272785309</c:v>
                </c:pt>
                <c:pt idx="1336">
                  <c:v>4.5302911272785309</c:v>
                </c:pt>
                <c:pt idx="1337">
                  <c:v>4.5307029432975376</c:v>
                </c:pt>
                <c:pt idx="1338">
                  <c:v>4.5307029432975376</c:v>
                </c:pt>
                <c:pt idx="1339">
                  <c:v>4.5311147593165435</c:v>
                </c:pt>
                <c:pt idx="1340">
                  <c:v>4.5311147593165435</c:v>
                </c:pt>
                <c:pt idx="1341">
                  <c:v>4.5315144630997057</c:v>
                </c:pt>
                <c:pt idx="1342">
                  <c:v>4.5315144630997057</c:v>
                </c:pt>
                <c:pt idx="1343">
                  <c:v>4.5315144630997057</c:v>
                </c:pt>
                <c:pt idx="1344">
                  <c:v>4.5319262791187125</c:v>
                </c:pt>
                <c:pt idx="1345">
                  <c:v>4.5319262791187125</c:v>
                </c:pt>
                <c:pt idx="1346">
                  <c:v>4.5323259829018738</c:v>
                </c:pt>
                <c:pt idx="1347">
                  <c:v>4.5323259829018738</c:v>
                </c:pt>
                <c:pt idx="1348">
                  <c:v>4.5327377989209019</c:v>
                </c:pt>
                <c:pt idx="1349">
                  <c:v>4.5327377989209019</c:v>
                </c:pt>
                <c:pt idx="1350">
                  <c:v>4.5331496149399086</c:v>
                </c:pt>
                <c:pt idx="1351">
                  <c:v>4.5331496149399086</c:v>
                </c:pt>
                <c:pt idx="1352">
                  <c:v>4.53354931872307</c:v>
                </c:pt>
                <c:pt idx="1353">
                  <c:v>4.53354931872307</c:v>
                </c:pt>
                <c:pt idx="1354">
                  <c:v>4.5339611347420767</c:v>
                </c:pt>
                <c:pt idx="1355">
                  <c:v>4.5339611347420767</c:v>
                </c:pt>
                <c:pt idx="1356">
                  <c:v>4.5343729507611039</c:v>
                </c:pt>
                <c:pt idx="1357">
                  <c:v>4.5343729507611039</c:v>
                </c:pt>
                <c:pt idx="1358">
                  <c:v>4.5347726545442457</c:v>
                </c:pt>
                <c:pt idx="1359">
                  <c:v>4.5347726545442457</c:v>
                </c:pt>
                <c:pt idx="1360">
                  <c:v>4.5347726545442457</c:v>
                </c:pt>
                <c:pt idx="1361">
                  <c:v>4.5351844705632729</c:v>
                </c:pt>
                <c:pt idx="1362">
                  <c:v>4.5351844705632729</c:v>
                </c:pt>
                <c:pt idx="1363">
                  <c:v>4.5355962865822796</c:v>
                </c:pt>
                <c:pt idx="1364">
                  <c:v>4.5355962865822796</c:v>
                </c:pt>
                <c:pt idx="1365">
                  <c:v>4.535995990365441</c:v>
                </c:pt>
                <c:pt idx="1366">
                  <c:v>4.535995990365441</c:v>
                </c:pt>
                <c:pt idx="1367">
                  <c:v>4.5364078063844477</c:v>
                </c:pt>
                <c:pt idx="1368">
                  <c:v>4.5364078063844477</c:v>
                </c:pt>
                <c:pt idx="1369">
                  <c:v>4.5368196224034758</c:v>
                </c:pt>
                <c:pt idx="1370">
                  <c:v>4.5368196224034758</c:v>
                </c:pt>
                <c:pt idx="1371">
                  <c:v>4.5368196224034758</c:v>
                </c:pt>
                <c:pt idx="1372">
                  <c:v>4.5372193261866371</c:v>
                </c:pt>
                <c:pt idx="1373">
                  <c:v>4.5372193261866371</c:v>
                </c:pt>
                <c:pt idx="1374">
                  <c:v>4.5376311422056439</c:v>
                </c:pt>
                <c:pt idx="1375">
                  <c:v>4.5376311422056439</c:v>
                </c:pt>
                <c:pt idx="1376">
                  <c:v>4.5380429582246498</c:v>
                </c:pt>
                <c:pt idx="1377">
                  <c:v>4.5380429582246498</c:v>
                </c:pt>
                <c:pt idx="1378">
                  <c:v>4.5380429582246498</c:v>
                </c:pt>
                <c:pt idx="1379">
                  <c:v>4.538442662007812</c:v>
                </c:pt>
                <c:pt idx="1380">
                  <c:v>4.538442662007812</c:v>
                </c:pt>
                <c:pt idx="1381">
                  <c:v>4.538442662007812</c:v>
                </c:pt>
                <c:pt idx="1382">
                  <c:v>4.5388544780268187</c:v>
                </c:pt>
                <c:pt idx="1383">
                  <c:v>4.5388544780268187</c:v>
                </c:pt>
                <c:pt idx="1384">
                  <c:v>4.5392662940458459</c:v>
                </c:pt>
                <c:pt idx="1385">
                  <c:v>4.5392662940458459</c:v>
                </c:pt>
                <c:pt idx="1386">
                  <c:v>4.5392662940458459</c:v>
                </c:pt>
                <c:pt idx="1387">
                  <c:v>4.539665997829009</c:v>
                </c:pt>
                <c:pt idx="1388">
                  <c:v>4.539665997829009</c:v>
                </c:pt>
                <c:pt idx="1389">
                  <c:v>4.539665997829009</c:v>
                </c:pt>
                <c:pt idx="1390">
                  <c:v>4.539665997829009</c:v>
                </c:pt>
                <c:pt idx="1391">
                  <c:v>4.539665997829009</c:v>
                </c:pt>
                <c:pt idx="1392">
                  <c:v>4.5400778138480149</c:v>
                </c:pt>
                <c:pt idx="1393">
                  <c:v>4.5400778138480149</c:v>
                </c:pt>
                <c:pt idx="1394">
                  <c:v>4.5400778138480149</c:v>
                </c:pt>
                <c:pt idx="1395">
                  <c:v>4.5404896298670216</c:v>
                </c:pt>
                <c:pt idx="1396">
                  <c:v>4.5404896298670216</c:v>
                </c:pt>
                <c:pt idx="1397">
                  <c:v>4.5404896298670216</c:v>
                </c:pt>
                <c:pt idx="1398">
                  <c:v>4.540889333650183</c:v>
                </c:pt>
                <c:pt idx="1399">
                  <c:v>4.540889333650183</c:v>
                </c:pt>
                <c:pt idx="1400">
                  <c:v>4.540889333650183</c:v>
                </c:pt>
                <c:pt idx="1401">
                  <c:v>4.540889333650183</c:v>
                </c:pt>
                <c:pt idx="1402">
                  <c:v>4.5413011496692111</c:v>
                </c:pt>
                <c:pt idx="1403">
                  <c:v>4.5413011496692111</c:v>
                </c:pt>
                <c:pt idx="1404">
                  <c:v>4.5417129656882178</c:v>
                </c:pt>
                <c:pt idx="1405">
                  <c:v>4.5417129656882178</c:v>
                </c:pt>
                <c:pt idx="1406">
                  <c:v>4.5417129656882178</c:v>
                </c:pt>
                <c:pt idx="1407">
                  <c:v>4.5421126694713791</c:v>
                </c:pt>
                <c:pt idx="1408">
                  <c:v>4.5421126694713791</c:v>
                </c:pt>
                <c:pt idx="1409">
                  <c:v>4.5425244854903859</c:v>
                </c:pt>
                <c:pt idx="1410">
                  <c:v>4.5425244854903859</c:v>
                </c:pt>
                <c:pt idx="1411">
                  <c:v>4.5425244854903859</c:v>
                </c:pt>
                <c:pt idx="1412">
                  <c:v>4.5429363015093918</c:v>
                </c:pt>
                <c:pt idx="1413">
                  <c:v>4.5429363015093918</c:v>
                </c:pt>
                <c:pt idx="1414">
                  <c:v>4.543336005292554</c:v>
                </c:pt>
                <c:pt idx="1415">
                  <c:v>4.543336005292554</c:v>
                </c:pt>
                <c:pt idx="1416">
                  <c:v>4.5437478213115821</c:v>
                </c:pt>
                <c:pt idx="1417">
                  <c:v>4.5437478213115821</c:v>
                </c:pt>
                <c:pt idx="1418">
                  <c:v>4.5441596373305879</c:v>
                </c:pt>
                <c:pt idx="1419">
                  <c:v>4.5441596373305879</c:v>
                </c:pt>
                <c:pt idx="1420">
                  <c:v>4.5441596373305879</c:v>
                </c:pt>
                <c:pt idx="1421">
                  <c:v>4.5445593411137502</c:v>
                </c:pt>
                <c:pt idx="1422">
                  <c:v>4.5445593411137502</c:v>
                </c:pt>
                <c:pt idx="1423">
                  <c:v>4.5449711571327569</c:v>
                </c:pt>
                <c:pt idx="1424">
                  <c:v>4.5449711571327569</c:v>
                </c:pt>
                <c:pt idx="1425">
                  <c:v>4.5453829731517628</c:v>
                </c:pt>
                <c:pt idx="1426">
                  <c:v>4.545782676934925</c:v>
                </c:pt>
                <c:pt idx="1427">
                  <c:v>4.545782676934925</c:v>
                </c:pt>
                <c:pt idx="1428">
                  <c:v>4.5461944929539522</c:v>
                </c:pt>
                <c:pt idx="1429">
                  <c:v>4.5461944929539522</c:v>
                </c:pt>
                <c:pt idx="1430">
                  <c:v>4.5461944929539522</c:v>
                </c:pt>
                <c:pt idx="1431">
                  <c:v>4.5465941967371144</c:v>
                </c:pt>
                <c:pt idx="1432">
                  <c:v>4.5465941967371144</c:v>
                </c:pt>
                <c:pt idx="1433">
                  <c:v>4.5470060127561212</c:v>
                </c:pt>
                <c:pt idx="1434">
                  <c:v>4.5470060127561212</c:v>
                </c:pt>
                <c:pt idx="1435">
                  <c:v>4.5470060127561212</c:v>
                </c:pt>
                <c:pt idx="1436">
                  <c:v>4.547417828775127</c:v>
                </c:pt>
                <c:pt idx="1437">
                  <c:v>4.547417828775127</c:v>
                </c:pt>
                <c:pt idx="1438">
                  <c:v>4.5478175325582892</c:v>
                </c:pt>
                <c:pt idx="1439">
                  <c:v>4.5478175325582892</c:v>
                </c:pt>
                <c:pt idx="1440">
                  <c:v>4.5478175325582892</c:v>
                </c:pt>
                <c:pt idx="1441">
                  <c:v>4.5482293485773173</c:v>
                </c:pt>
                <c:pt idx="1442">
                  <c:v>4.5482293485773173</c:v>
                </c:pt>
                <c:pt idx="1443">
                  <c:v>4.5482293485773173</c:v>
                </c:pt>
                <c:pt idx="1444">
                  <c:v>4.5486411645963241</c:v>
                </c:pt>
                <c:pt idx="1445">
                  <c:v>4.5486411645963241</c:v>
                </c:pt>
                <c:pt idx="1446">
                  <c:v>4.5490408683794854</c:v>
                </c:pt>
                <c:pt idx="1447">
                  <c:v>4.5490408683794854</c:v>
                </c:pt>
                <c:pt idx="1448">
                  <c:v>4.5490408683794854</c:v>
                </c:pt>
                <c:pt idx="1449">
                  <c:v>4.5490408683794854</c:v>
                </c:pt>
                <c:pt idx="1450">
                  <c:v>4.5494526843984922</c:v>
                </c:pt>
                <c:pt idx="1451">
                  <c:v>4.5494526843984922</c:v>
                </c:pt>
                <c:pt idx="1452">
                  <c:v>4.5494526843984922</c:v>
                </c:pt>
                <c:pt idx="1453">
                  <c:v>4.5494526843984922</c:v>
                </c:pt>
                <c:pt idx="1454">
                  <c:v>4.5494526843984922</c:v>
                </c:pt>
                <c:pt idx="1455">
                  <c:v>4.549864500417498</c:v>
                </c:pt>
                <c:pt idx="1456">
                  <c:v>4.549864500417498</c:v>
                </c:pt>
                <c:pt idx="1457">
                  <c:v>4.549864500417498</c:v>
                </c:pt>
                <c:pt idx="1458">
                  <c:v>4.5502642042006602</c:v>
                </c:pt>
                <c:pt idx="1459">
                  <c:v>4.5502642042006602</c:v>
                </c:pt>
                <c:pt idx="1460">
                  <c:v>4.5502642042006602</c:v>
                </c:pt>
                <c:pt idx="1461">
                  <c:v>4.5506760202196883</c:v>
                </c:pt>
                <c:pt idx="1462">
                  <c:v>4.5506760202196883</c:v>
                </c:pt>
                <c:pt idx="1463">
                  <c:v>4.5506760202196883</c:v>
                </c:pt>
                <c:pt idx="1464">
                  <c:v>4.5510878362386942</c:v>
                </c:pt>
                <c:pt idx="1465">
                  <c:v>4.5510878362386942</c:v>
                </c:pt>
                <c:pt idx="1466">
                  <c:v>4.5510878362386942</c:v>
                </c:pt>
                <c:pt idx="1467">
                  <c:v>4.5514875400218564</c:v>
                </c:pt>
                <c:pt idx="1468">
                  <c:v>4.5514875400218564</c:v>
                </c:pt>
                <c:pt idx="1469">
                  <c:v>4.5518993560408632</c:v>
                </c:pt>
                <c:pt idx="1470">
                  <c:v>4.5518993560408632</c:v>
                </c:pt>
                <c:pt idx="1471">
                  <c:v>4.5518993560408632</c:v>
                </c:pt>
                <c:pt idx="1472">
                  <c:v>4.552311172059869</c:v>
                </c:pt>
                <c:pt idx="1473">
                  <c:v>4.552311172059869</c:v>
                </c:pt>
                <c:pt idx="1474">
                  <c:v>4.5527108758430312</c:v>
                </c:pt>
                <c:pt idx="1475">
                  <c:v>4.5527108758430312</c:v>
                </c:pt>
                <c:pt idx="1476">
                  <c:v>4.5527108758430312</c:v>
                </c:pt>
                <c:pt idx="1477">
                  <c:v>4.5531226918620593</c:v>
                </c:pt>
                <c:pt idx="1478">
                  <c:v>4.5531226918620593</c:v>
                </c:pt>
                <c:pt idx="1479">
                  <c:v>4.5535345078810661</c:v>
                </c:pt>
                <c:pt idx="1480">
                  <c:v>4.5535345078810661</c:v>
                </c:pt>
                <c:pt idx="1481">
                  <c:v>4.5539342116642274</c:v>
                </c:pt>
                <c:pt idx="1482">
                  <c:v>4.5539342116642274</c:v>
                </c:pt>
                <c:pt idx="1483">
                  <c:v>4.5539342116642274</c:v>
                </c:pt>
                <c:pt idx="1484">
                  <c:v>4.5543460276832333</c:v>
                </c:pt>
                <c:pt idx="1485">
                  <c:v>4.5543460276832333</c:v>
                </c:pt>
                <c:pt idx="1486">
                  <c:v>4.5547578437022622</c:v>
                </c:pt>
                <c:pt idx="1487">
                  <c:v>4.5547578437022622</c:v>
                </c:pt>
                <c:pt idx="1488">
                  <c:v>4.5547578437022622</c:v>
                </c:pt>
                <c:pt idx="1489">
                  <c:v>4.5551575474854022</c:v>
                </c:pt>
                <c:pt idx="1490">
                  <c:v>4.5551575474854022</c:v>
                </c:pt>
                <c:pt idx="1491">
                  <c:v>4.5551575474854022</c:v>
                </c:pt>
                <c:pt idx="1492">
                  <c:v>4.5555693635044303</c:v>
                </c:pt>
                <c:pt idx="1493">
                  <c:v>4.5555693635044303</c:v>
                </c:pt>
                <c:pt idx="1494">
                  <c:v>4.5555693635044303</c:v>
                </c:pt>
                <c:pt idx="1495">
                  <c:v>4.5559811795234362</c:v>
                </c:pt>
                <c:pt idx="1496">
                  <c:v>4.5559811795234362</c:v>
                </c:pt>
                <c:pt idx="1497">
                  <c:v>4.5559811795234362</c:v>
                </c:pt>
                <c:pt idx="1498">
                  <c:v>4.5563808833065984</c:v>
                </c:pt>
                <c:pt idx="1499">
                  <c:v>4.5563808833065984</c:v>
                </c:pt>
                <c:pt idx="1500">
                  <c:v>4.5563808833065984</c:v>
                </c:pt>
                <c:pt idx="1501">
                  <c:v>4.5567926993256052</c:v>
                </c:pt>
                <c:pt idx="1502">
                  <c:v>4.5567926993256052</c:v>
                </c:pt>
                <c:pt idx="1503">
                  <c:v>4.5572045153446323</c:v>
                </c:pt>
                <c:pt idx="1504">
                  <c:v>4.5572045153446323</c:v>
                </c:pt>
                <c:pt idx="1505">
                  <c:v>4.5572045153446323</c:v>
                </c:pt>
                <c:pt idx="1506">
                  <c:v>4.5576042191277946</c:v>
                </c:pt>
                <c:pt idx="1507">
                  <c:v>4.5576042191277946</c:v>
                </c:pt>
                <c:pt idx="1508">
                  <c:v>4.5576042191277946</c:v>
                </c:pt>
                <c:pt idx="1509">
                  <c:v>4.5580160351468013</c:v>
                </c:pt>
                <c:pt idx="1510">
                  <c:v>4.5580160351468013</c:v>
                </c:pt>
                <c:pt idx="1511">
                  <c:v>4.5580160351468013</c:v>
                </c:pt>
                <c:pt idx="1512">
                  <c:v>4.5584278511658072</c:v>
                </c:pt>
                <c:pt idx="1513">
                  <c:v>4.5584278511658072</c:v>
                </c:pt>
                <c:pt idx="1514">
                  <c:v>4.5584278511658072</c:v>
                </c:pt>
                <c:pt idx="1515">
                  <c:v>4.5588275549489694</c:v>
                </c:pt>
                <c:pt idx="1516">
                  <c:v>4.5588275549489694</c:v>
                </c:pt>
                <c:pt idx="1517">
                  <c:v>4.5588275549489694</c:v>
                </c:pt>
                <c:pt idx="1518">
                  <c:v>4.5588275549489694</c:v>
                </c:pt>
                <c:pt idx="1519">
                  <c:v>4.5592393709679753</c:v>
                </c:pt>
                <c:pt idx="1520">
                  <c:v>4.5592393709679753</c:v>
                </c:pt>
                <c:pt idx="1521">
                  <c:v>4.5592393709679753</c:v>
                </c:pt>
                <c:pt idx="1522">
                  <c:v>4.5592393709679753</c:v>
                </c:pt>
                <c:pt idx="1523">
                  <c:v>4.5596390747511375</c:v>
                </c:pt>
                <c:pt idx="1524">
                  <c:v>4.5596390747511375</c:v>
                </c:pt>
                <c:pt idx="1525">
                  <c:v>4.5596390747511375</c:v>
                </c:pt>
                <c:pt idx="1526">
                  <c:v>4.5600508907701656</c:v>
                </c:pt>
                <c:pt idx="1527">
                  <c:v>4.5600508907701656</c:v>
                </c:pt>
                <c:pt idx="1528">
                  <c:v>4.5600508907701656</c:v>
                </c:pt>
                <c:pt idx="1529">
                  <c:v>4.5604627067891714</c:v>
                </c:pt>
                <c:pt idx="1530">
                  <c:v>4.5604627067891714</c:v>
                </c:pt>
                <c:pt idx="1531">
                  <c:v>4.5608624105723337</c:v>
                </c:pt>
                <c:pt idx="1532">
                  <c:v>4.5608624105723337</c:v>
                </c:pt>
                <c:pt idx="1533">
                  <c:v>4.5608624105723337</c:v>
                </c:pt>
                <c:pt idx="1534">
                  <c:v>4.5612742265913404</c:v>
                </c:pt>
                <c:pt idx="1535">
                  <c:v>4.5612742265913404</c:v>
                </c:pt>
                <c:pt idx="1536">
                  <c:v>4.5612742265913404</c:v>
                </c:pt>
                <c:pt idx="1537">
                  <c:v>4.5616860426103685</c:v>
                </c:pt>
                <c:pt idx="1538">
                  <c:v>4.5616860426103685</c:v>
                </c:pt>
                <c:pt idx="1539">
                  <c:v>4.5616860426103685</c:v>
                </c:pt>
                <c:pt idx="1540">
                  <c:v>4.5620857463935085</c:v>
                </c:pt>
                <c:pt idx="1541">
                  <c:v>4.5620857463935085</c:v>
                </c:pt>
                <c:pt idx="1542">
                  <c:v>4.5620857463935085</c:v>
                </c:pt>
                <c:pt idx="1543">
                  <c:v>4.5624975624125357</c:v>
                </c:pt>
                <c:pt idx="1544">
                  <c:v>4.5624975624125357</c:v>
                </c:pt>
                <c:pt idx="1545">
                  <c:v>4.5629093784315424</c:v>
                </c:pt>
                <c:pt idx="1546">
                  <c:v>4.5629093784315424</c:v>
                </c:pt>
                <c:pt idx="1547">
                  <c:v>4.5629093784315424</c:v>
                </c:pt>
                <c:pt idx="1548">
                  <c:v>4.5633090822147047</c:v>
                </c:pt>
                <c:pt idx="1549">
                  <c:v>4.5633090822147047</c:v>
                </c:pt>
                <c:pt idx="1550">
                  <c:v>4.5633090822147047</c:v>
                </c:pt>
                <c:pt idx="1551">
                  <c:v>4.5633090822147047</c:v>
                </c:pt>
                <c:pt idx="1552">
                  <c:v>4.5637208982337114</c:v>
                </c:pt>
                <c:pt idx="1553">
                  <c:v>4.5637208982337114</c:v>
                </c:pt>
                <c:pt idx="1554">
                  <c:v>4.5637208982337114</c:v>
                </c:pt>
                <c:pt idx="1555">
                  <c:v>4.5637208982337114</c:v>
                </c:pt>
                <c:pt idx="1556">
                  <c:v>4.5637208982337114</c:v>
                </c:pt>
                <c:pt idx="1557">
                  <c:v>4.5641327142527386</c:v>
                </c:pt>
                <c:pt idx="1558">
                  <c:v>4.5641327142527386</c:v>
                </c:pt>
                <c:pt idx="1559">
                  <c:v>4.5641327142527386</c:v>
                </c:pt>
                <c:pt idx="1560">
                  <c:v>4.5641327142527386</c:v>
                </c:pt>
                <c:pt idx="1561">
                  <c:v>4.5645324180359008</c:v>
                </c:pt>
                <c:pt idx="1562">
                  <c:v>4.5645324180359008</c:v>
                </c:pt>
                <c:pt idx="1563">
                  <c:v>4.5645324180359008</c:v>
                </c:pt>
                <c:pt idx="1564">
                  <c:v>4.5649442340549076</c:v>
                </c:pt>
                <c:pt idx="1565">
                  <c:v>4.5649442340549076</c:v>
                </c:pt>
                <c:pt idx="1566">
                  <c:v>4.5653560500739134</c:v>
                </c:pt>
                <c:pt idx="1567">
                  <c:v>4.5653560500739134</c:v>
                </c:pt>
                <c:pt idx="1568">
                  <c:v>4.5653560500739134</c:v>
                </c:pt>
                <c:pt idx="1569">
                  <c:v>4.5657557538570757</c:v>
                </c:pt>
                <c:pt idx="1570">
                  <c:v>4.5657557538570757</c:v>
                </c:pt>
                <c:pt idx="1571">
                  <c:v>4.5661675698760815</c:v>
                </c:pt>
                <c:pt idx="1572">
                  <c:v>4.5661675698760815</c:v>
                </c:pt>
                <c:pt idx="1573">
                  <c:v>4.5661675698760815</c:v>
                </c:pt>
                <c:pt idx="1574">
                  <c:v>4.5661675698760815</c:v>
                </c:pt>
                <c:pt idx="1575">
                  <c:v>4.5665793858951105</c:v>
                </c:pt>
                <c:pt idx="1576">
                  <c:v>4.5665793858951105</c:v>
                </c:pt>
                <c:pt idx="1577">
                  <c:v>4.5665793858951105</c:v>
                </c:pt>
                <c:pt idx="1578">
                  <c:v>4.5669790896782718</c:v>
                </c:pt>
                <c:pt idx="1579">
                  <c:v>4.5669790896782718</c:v>
                </c:pt>
                <c:pt idx="1580">
                  <c:v>4.5669790896782718</c:v>
                </c:pt>
                <c:pt idx="1581">
                  <c:v>4.5669790896782718</c:v>
                </c:pt>
                <c:pt idx="1582">
                  <c:v>4.5673909056972777</c:v>
                </c:pt>
                <c:pt idx="1583">
                  <c:v>4.5673909056972777</c:v>
                </c:pt>
                <c:pt idx="1584">
                  <c:v>4.5673909056972777</c:v>
                </c:pt>
                <c:pt idx="1585">
                  <c:v>4.5678027217162844</c:v>
                </c:pt>
                <c:pt idx="1586">
                  <c:v>4.5678027217162844</c:v>
                </c:pt>
                <c:pt idx="1587">
                  <c:v>4.5678027217162844</c:v>
                </c:pt>
                <c:pt idx="1588">
                  <c:v>4.5682024254994467</c:v>
                </c:pt>
                <c:pt idx="1589">
                  <c:v>4.5682024254994467</c:v>
                </c:pt>
                <c:pt idx="1590">
                  <c:v>4.5682024254994467</c:v>
                </c:pt>
                <c:pt idx="1591">
                  <c:v>4.5686142415184747</c:v>
                </c:pt>
                <c:pt idx="1592">
                  <c:v>4.5686142415184747</c:v>
                </c:pt>
                <c:pt idx="1593">
                  <c:v>4.5686142415184747</c:v>
                </c:pt>
                <c:pt idx="1594">
                  <c:v>4.5686142415184747</c:v>
                </c:pt>
                <c:pt idx="1595">
                  <c:v>4.5690260575374806</c:v>
                </c:pt>
                <c:pt idx="1596">
                  <c:v>4.5690260575374806</c:v>
                </c:pt>
                <c:pt idx="1597">
                  <c:v>4.5690260575374806</c:v>
                </c:pt>
                <c:pt idx="1598">
                  <c:v>4.5694257613206428</c:v>
                </c:pt>
                <c:pt idx="1599">
                  <c:v>4.5694257613206428</c:v>
                </c:pt>
                <c:pt idx="1600">
                  <c:v>4.5694257613206428</c:v>
                </c:pt>
                <c:pt idx="1601">
                  <c:v>4.5694257613206428</c:v>
                </c:pt>
                <c:pt idx="1602">
                  <c:v>4.5698375773396496</c:v>
                </c:pt>
                <c:pt idx="1603">
                  <c:v>4.5698375773396496</c:v>
                </c:pt>
                <c:pt idx="1604">
                  <c:v>4.5698375773396496</c:v>
                </c:pt>
                <c:pt idx="1605">
                  <c:v>4.5702493933586554</c:v>
                </c:pt>
                <c:pt idx="1606">
                  <c:v>4.5702493933586554</c:v>
                </c:pt>
                <c:pt idx="1607">
                  <c:v>4.5706490971418168</c:v>
                </c:pt>
                <c:pt idx="1608">
                  <c:v>4.5706490971418168</c:v>
                </c:pt>
                <c:pt idx="1609">
                  <c:v>4.5706490971418168</c:v>
                </c:pt>
                <c:pt idx="1610">
                  <c:v>4.5710609131608448</c:v>
                </c:pt>
                <c:pt idx="1611">
                  <c:v>4.5710609131608448</c:v>
                </c:pt>
                <c:pt idx="1612">
                  <c:v>4.5714727291798516</c:v>
                </c:pt>
                <c:pt idx="1613">
                  <c:v>4.5714727291798516</c:v>
                </c:pt>
                <c:pt idx="1614">
                  <c:v>4.5714727291798516</c:v>
                </c:pt>
                <c:pt idx="1615">
                  <c:v>4.5718724329630138</c:v>
                </c:pt>
                <c:pt idx="1616">
                  <c:v>4.5718724329630138</c:v>
                </c:pt>
                <c:pt idx="1617">
                  <c:v>4.5718724329630138</c:v>
                </c:pt>
                <c:pt idx="1618">
                  <c:v>4.5722842489820197</c:v>
                </c:pt>
                <c:pt idx="1619">
                  <c:v>4.5722842489820197</c:v>
                </c:pt>
                <c:pt idx="1620">
                  <c:v>4.5722842489820197</c:v>
                </c:pt>
                <c:pt idx="1621">
                  <c:v>4.5726960650010477</c:v>
                </c:pt>
                <c:pt idx="1622">
                  <c:v>4.5726960650010477</c:v>
                </c:pt>
                <c:pt idx="1623">
                  <c:v>4.5730957687841887</c:v>
                </c:pt>
                <c:pt idx="1624">
                  <c:v>4.5730957687841887</c:v>
                </c:pt>
                <c:pt idx="1625">
                  <c:v>4.5730957687841887</c:v>
                </c:pt>
                <c:pt idx="1626">
                  <c:v>4.5735075848032158</c:v>
                </c:pt>
                <c:pt idx="1627">
                  <c:v>4.5735075848032158</c:v>
                </c:pt>
                <c:pt idx="1628">
                  <c:v>4.5739072885863781</c:v>
                </c:pt>
                <c:pt idx="1629">
                  <c:v>4.5739072885863781</c:v>
                </c:pt>
                <c:pt idx="1630">
                  <c:v>4.5743191046053848</c:v>
                </c:pt>
                <c:pt idx="1631">
                  <c:v>4.5743191046053848</c:v>
                </c:pt>
                <c:pt idx="1632">
                  <c:v>4.5743191046053848</c:v>
                </c:pt>
                <c:pt idx="1633">
                  <c:v>4.5743191046053848</c:v>
                </c:pt>
                <c:pt idx="1634">
                  <c:v>4.5747309206243907</c:v>
                </c:pt>
                <c:pt idx="1635">
                  <c:v>4.5747309206243907</c:v>
                </c:pt>
                <c:pt idx="1636">
                  <c:v>4.5747309206243907</c:v>
                </c:pt>
                <c:pt idx="1637">
                  <c:v>4.5747309206243907</c:v>
                </c:pt>
                <c:pt idx="1638">
                  <c:v>4.5751306244075529</c:v>
                </c:pt>
                <c:pt idx="1639">
                  <c:v>4.5751306244075529</c:v>
                </c:pt>
                <c:pt idx="1640">
                  <c:v>4.5751306244075529</c:v>
                </c:pt>
                <c:pt idx="1641">
                  <c:v>4.5755424404265801</c:v>
                </c:pt>
                <c:pt idx="1642">
                  <c:v>4.5755424404265801</c:v>
                </c:pt>
                <c:pt idx="1643">
                  <c:v>4.5755424404265801</c:v>
                </c:pt>
                <c:pt idx="1644">
                  <c:v>4.5755424404265801</c:v>
                </c:pt>
                <c:pt idx="1645">
                  <c:v>4.5755424404265801</c:v>
                </c:pt>
                <c:pt idx="1646">
                  <c:v>4.5759542564455868</c:v>
                </c:pt>
                <c:pt idx="1647">
                  <c:v>4.5759542564455868</c:v>
                </c:pt>
                <c:pt idx="1648">
                  <c:v>4.5759542564455868</c:v>
                </c:pt>
                <c:pt idx="1649">
                  <c:v>4.5759542564455868</c:v>
                </c:pt>
                <c:pt idx="1650">
                  <c:v>4.5763539602287491</c:v>
                </c:pt>
                <c:pt idx="1651">
                  <c:v>4.5763539602287491</c:v>
                </c:pt>
                <c:pt idx="1652">
                  <c:v>4.5763539602287491</c:v>
                </c:pt>
                <c:pt idx="1653">
                  <c:v>4.5763539602287491</c:v>
                </c:pt>
                <c:pt idx="1654">
                  <c:v>4.5763539602287491</c:v>
                </c:pt>
                <c:pt idx="1655">
                  <c:v>4.5767657762477558</c:v>
                </c:pt>
                <c:pt idx="1656">
                  <c:v>4.5767657762477558</c:v>
                </c:pt>
                <c:pt idx="1657">
                  <c:v>4.5767657762477558</c:v>
                </c:pt>
                <c:pt idx="1658">
                  <c:v>4.5767657762477558</c:v>
                </c:pt>
                <c:pt idx="1659">
                  <c:v>4.5771775922667617</c:v>
                </c:pt>
                <c:pt idx="1660">
                  <c:v>4.5771775922667617</c:v>
                </c:pt>
                <c:pt idx="1661">
                  <c:v>4.5771775922667617</c:v>
                </c:pt>
                <c:pt idx="1662">
                  <c:v>4.5775772960499239</c:v>
                </c:pt>
                <c:pt idx="1663">
                  <c:v>4.5775772960499239</c:v>
                </c:pt>
                <c:pt idx="1664">
                  <c:v>4.5775772960499239</c:v>
                </c:pt>
                <c:pt idx="1665">
                  <c:v>4.5775772960499239</c:v>
                </c:pt>
                <c:pt idx="1666">
                  <c:v>4.577989112068952</c:v>
                </c:pt>
                <c:pt idx="1667">
                  <c:v>4.577989112068952</c:v>
                </c:pt>
                <c:pt idx="1668">
                  <c:v>4.577989112068952</c:v>
                </c:pt>
                <c:pt idx="1669">
                  <c:v>4.577989112068952</c:v>
                </c:pt>
                <c:pt idx="1670">
                  <c:v>4.5784009280879578</c:v>
                </c:pt>
                <c:pt idx="1671">
                  <c:v>4.5784009280879578</c:v>
                </c:pt>
                <c:pt idx="1672">
                  <c:v>4.5784009280879578</c:v>
                </c:pt>
                <c:pt idx="1673">
                  <c:v>4.5788006318711201</c:v>
                </c:pt>
                <c:pt idx="1674">
                  <c:v>4.5788006318711201</c:v>
                </c:pt>
                <c:pt idx="1675">
                  <c:v>4.5788006318711201</c:v>
                </c:pt>
                <c:pt idx="1676">
                  <c:v>4.5792124478901259</c:v>
                </c:pt>
                <c:pt idx="1677">
                  <c:v>4.5792124478901259</c:v>
                </c:pt>
                <c:pt idx="1678">
                  <c:v>4.5796242639091549</c:v>
                </c:pt>
                <c:pt idx="1679">
                  <c:v>4.5796242639091549</c:v>
                </c:pt>
                <c:pt idx="1680">
                  <c:v>4.5800239676922949</c:v>
                </c:pt>
                <c:pt idx="1681">
                  <c:v>4.5800239676922949</c:v>
                </c:pt>
                <c:pt idx="1682">
                  <c:v>4.5800239676922949</c:v>
                </c:pt>
                <c:pt idx="1683">
                  <c:v>4.5804357837113221</c:v>
                </c:pt>
                <c:pt idx="1684">
                  <c:v>4.5804357837113221</c:v>
                </c:pt>
                <c:pt idx="1685">
                  <c:v>4.5804357837113221</c:v>
                </c:pt>
                <c:pt idx="1686">
                  <c:v>4.5804357837113221</c:v>
                </c:pt>
                <c:pt idx="1687">
                  <c:v>4.5808475997303288</c:v>
                </c:pt>
                <c:pt idx="1688">
                  <c:v>4.5808475997303288</c:v>
                </c:pt>
                <c:pt idx="1689">
                  <c:v>4.5808475997303288</c:v>
                </c:pt>
                <c:pt idx="1690">
                  <c:v>4.5812473035134911</c:v>
                </c:pt>
                <c:pt idx="1691">
                  <c:v>4.5812473035134911</c:v>
                </c:pt>
                <c:pt idx="1692">
                  <c:v>4.5816591195324978</c:v>
                </c:pt>
                <c:pt idx="1693">
                  <c:v>4.5816591195324978</c:v>
                </c:pt>
                <c:pt idx="1694">
                  <c:v>4.5816591195324978</c:v>
                </c:pt>
                <c:pt idx="1695">
                  <c:v>4.582070935551525</c:v>
                </c:pt>
                <c:pt idx="1696">
                  <c:v>4.582070935551525</c:v>
                </c:pt>
                <c:pt idx="1697">
                  <c:v>4.5824706393346872</c:v>
                </c:pt>
                <c:pt idx="1698">
                  <c:v>4.5824706393346872</c:v>
                </c:pt>
                <c:pt idx="1699">
                  <c:v>4.5824706393346872</c:v>
                </c:pt>
                <c:pt idx="1700">
                  <c:v>4.582882455353694</c:v>
                </c:pt>
                <c:pt idx="1701">
                  <c:v>4.582882455353694</c:v>
                </c:pt>
                <c:pt idx="1702">
                  <c:v>4.582882455353694</c:v>
                </c:pt>
                <c:pt idx="1703">
                  <c:v>4.582882455353694</c:v>
                </c:pt>
                <c:pt idx="1704">
                  <c:v>4.5832942713726998</c:v>
                </c:pt>
                <c:pt idx="1705">
                  <c:v>4.5832942713726998</c:v>
                </c:pt>
                <c:pt idx="1706">
                  <c:v>4.5832942713726998</c:v>
                </c:pt>
                <c:pt idx="1707">
                  <c:v>4.5836939751558621</c:v>
                </c:pt>
                <c:pt idx="1708">
                  <c:v>4.5836939751558621</c:v>
                </c:pt>
                <c:pt idx="1709">
                  <c:v>4.5836939751558621</c:v>
                </c:pt>
                <c:pt idx="1710">
                  <c:v>4.5841057911748679</c:v>
                </c:pt>
                <c:pt idx="1711">
                  <c:v>4.5841057911748679</c:v>
                </c:pt>
                <c:pt idx="1712">
                  <c:v>4.584517607193896</c:v>
                </c:pt>
                <c:pt idx="1713">
                  <c:v>4.584517607193896</c:v>
                </c:pt>
                <c:pt idx="1714">
                  <c:v>4.584517607193896</c:v>
                </c:pt>
                <c:pt idx="1715">
                  <c:v>4.5849173109770582</c:v>
                </c:pt>
                <c:pt idx="1716">
                  <c:v>4.5849173109770582</c:v>
                </c:pt>
                <c:pt idx="1717">
                  <c:v>4.5849173109770582</c:v>
                </c:pt>
                <c:pt idx="1718">
                  <c:v>4.5853291269960641</c:v>
                </c:pt>
                <c:pt idx="1719">
                  <c:v>4.5853291269960641</c:v>
                </c:pt>
                <c:pt idx="1720">
                  <c:v>4.5853291269960641</c:v>
                </c:pt>
                <c:pt idx="1721">
                  <c:v>4.5853291269960641</c:v>
                </c:pt>
                <c:pt idx="1722">
                  <c:v>4.5853291269960641</c:v>
                </c:pt>
                <c:pt idx="1723">
                  <c:v>4.5857409430150708</c:v>
                </c:pt>
                <c:pt idx="1724">
                  <c:v>4.5857409430150708</c:v>
                </c:pt>
                <c:pt idx="1725">
                  <c:v>4.5857409430150708</c:v>
                </c:pt>
                <c:pt idx="1726">
                  <c:v>4.5857409430150708</c:v>
                </c:pt>
                <c:pt idx="1727">
                  <c:v>4.5857409430150708</c:v>
                </c:pt>
                <c:pt idx="1728">
                  <c:v>4.5861406467982331</c:v>
                </c:pt>
                <c:pt idx="1729">
                  <c:v>4.5861406467982331</c:v>
                </c:pt>
                <c:pt idx="1730">
                  <c:v>4.5861406467982331</c:v>
                </c:pt>
                <c:pt idx="1731">
                  <c:v>4.5865524628172603</c:v>
                </c:pt>
                <c:pt idx="1732">
                  <c:v>4.5865524628172603</c:v>
                </c:pt>
                <c:pt idx="1733">
                  <c:v>4.5865524628172603</c:v>
                </c:pt>
                <c:pt idx="1734">
                  <c:v>4.5865524628172603</c:v>
                </c:pt>
                <c:pt idx="1735">
                  <c:v>4.5869521666004012</c:v>
                </c:pt>
                <c:pt idx="1736">
                  <c:v>4.5869521666004012</c:v>
                </c:pt>
                <c:pt idx="1737">
                  <c:v>4.5869521666004012</c:v>
                </c:pt>
                <c:pt idx="1738">
                  <c:v>4.5869521666004012</c:v>
                </c:pt>
                <c:pt idx="1739">
                  <c:v>4.5873639826194283</c:v>
                </c:pt>
                <c:pt idx="1740">
                  <c:v>4.5873639826194283</c:v>
                </c:pt>
                <c:pt idx="1741">
                  <c:v>4.5873639826194283</c:v>
                </c:pt>
                <c:pt idx="1742">
                  <c:v>4.5873639826194283</c:v>
                </c:pt>
                <c:pt idx="1743">
                  <c:v>4.5877757986384351</c:v>
                </c:pt>
                <c:pt idx="1744">
                  <c:v>4.5877757986384351</c:v>
                </c:pt>
                <c:pt idx="1745">
                  <c:v>4.5877757986384351</c:v>
                </c:pt>
                <c:pt idx="1746">
                  <c:v>4.5877757986384351</c:v>
                </c:pt>
                <c:pt idx="1747">
                  <c:v>4.5881755024215973</c:v>
                </c:pt>
                <c:pt idx="1748">
                  <c:v>4.5881755024215973</c:v>
                </c:pt>
                <c:pt idx="1749">
                  <c:v>4.5881755024215973</c:v>
                </c:pt>
                <c:pt idx="1750">
                  <c:v>4.5881755024215973</c:v>
                </c:pt>
                <c:pt idx="1751">
                  <c:v>4.5885873184406032</c:v>
                </c:pt>
                <c:pt idx="1752">
                  <c:v>4.5885873184406032</c:v>
                </c:pt>
                <c:pt idx="1753">
                  <c:v>4.5885873184406032</c:v>
                </c:pt>
                <c:pt idx="1754">
                  <c:v>4.5885873184406032</c:v>
                </c:pt>
                <c:pt idx="1755">
                  <c:v>4.5885873184406032</c:v>
                </c:pt>
                <c:pt idx="1756">
                  <c:v>4.5885873184406032</c:v>
                </c:pt>
                <c:pt idx="1757">
                  <c:v>4.5885873184406032</c:v>
                </c:pt>
                <c:pt idx="1758">
                  <c:v>4.5885873184406032</c:v>
                </c:pt>
                <c:pt idx="1759">
                  <c:v>4.5885873184406032</c:v>
                </c:pt>
                <c:pt idx="1760">
                  <c:v>4.5885873184406032</c:v>
                </c:pt>
                <c:pt idx="1761">
                  <c:v>4.5885873184406032</c:v>
                </c:pt>
                <c:pt idx="1762">
                  <c:v>4.5885873184406032</c:v>
                </c:pt>
                <c:pt idx="1763">
                  <c:v>4.5885873184406032</c:v>
                </c:pt>
                <c:pt idx="1764">
                  <c:v>4.5889991344596313</c:v>
                </c:pt>
                <c:pt idx="1765">
                  <c:v>4.5889991344596313</c:v>
                </c:pt>
                <c:pt idx="1766">
                  <c:v>4.5889991344596313</c:v>
                </c:pt>
                <c:pt idx="1767">
                  <c:v>4.5889991344596313</c:v>
                </c:pt>
                <c:pt idx="1768">
                  <c:v>4.5889991344596313</c:v>
                </c:pt>
                <c:pt idx="1769">
                  <c:v>4.5889991344596313</c:v>
                </c:pt>
                <c:pt idx="1770">
                  <c:v>4.5893988382427935</c:v>
                </c:pt>
                <c:pt idx="1771">
                  <c:v>4.5893988382427935</c:v>
                </c:pt>
                <c:pt idx="1772">
                  <c:v>4.5893988382427935</c:v>
                </c:pt>
                <c:pt idx="1773">
                  <c:v>4.5893988382427935</c:v>
                </c:pt>
                <c:pt idx="1774">
                  <c:v>4.5893988382427935</c:v>
                </c:pt>
                <c:pt idx="1775">
                  <c:v>4.5893988382427935</c:v>
                </c:pt>
                <c:pt idx="1776">
                  <c:v>4.5898106542618002</c:v>
                </c:pt>
                <c:pt idx="1777">
                  <c:v>4.5898106542618002</c:v>
                </c:pt>
                <c:pt idx="1778">
                  <c:v>4.5898106542618002</c:v>
                </c:pt>
                <c:pt idx="1779">
                  <c:v>4.5902224702808061</c:v>
                </c:pt>
                <c:pt idx="1780">
                  <c:v>4.5902224702808061</c:v>
                </c:pt>
                <c:pt idx="1781">
                  <c:v>4.5902224702808061</c:v>
                </c:pt>
                <c:pt idx="1782">
                  <c:v>4.5906221740639674</c:v>
                </c:pt>
                <c:pt idx="1783">
                  <c:v>4.5906221740639674</c:v>
                </c:pt>
                <c:pt idx="1784">
                  <c:v>4.5906221740639674</c:v>
                </c:pt>
                <c:pt idx="1785">
                  <c:v>4.5910339900829742</c:v>
                </c:pt>
                <c:pt idx="1786">
                  <c:v>4.5910339900829742</c:v>
                </c:pt>
                <c:pt idx="1787">
                  <c:v>4.5910339900829742</c:v>
                </c:pt>
                <c:pt idx="1788">
                  <c:v>4.5914458061020023</c:v>
                </c:pt>
                <c:pt idx="1789">
                  <c:v>4.5914458061020023</c:v>
                </c:pt>
                <c:pt idx="1790">
                  <c:v>4.5914458061020023</c:v>
                </c:pt>
                <c:pt idx="1791">
                  <c:v>4.5914458061020023</c:v>
                </c:pt>
                <c:pt idx="1792">
                  <c:v>4.5918455098851645</c:v>
                </c:pt>
                <c:pt idx="1793">
                  <c:v>4.5918455098851645</c:v>
                </c:pt>
                <c:pt idx="1794">
                  <c:v>4.5918455098851645</c:v>
                </c:pt>
                <c:pt idx="1795">
                  <c:v>4.5918455098851645</c:v>
                </c:pt>
                <c:pt idx="1796">
                  <c:v>4.5918455098851645</c:v>
                </c:pt>
                <c:pt idx="1797">
                  <c:v>4.5922573259041704</c:v>
                </c:pt>
                <c:pt idx="1798">
                  <c:v>4.5922573259041704</c:v>
                </c:pt>
                <c:pt idx="1799">
                  <c:v>4.5922573259041704</c:v>
                </c:pt>
                <c:pt idx="1800">
                  <c:v>4.5926691419231771</c:v>
                </c:pt>
                <c:pt idx="1801">
                  <c:v>4.5926691419231771</c:v>
                </c:pt>
                <c:pt idx="1802">
                  <c:v>4.5926691419231771</c:v>
                </c:pt>
                <c:pt idx="1803">
                  <c:v>4.5930688457063393</c:v>
                </c:pt>
                <c:pt idx="1804">
                  <c:v>4.5930688457063393</c:v>
                </c:pt>
                <c:pt idx="1805">
                  <c:v>4.5930688457063393</c:v>
                </c:pt>
                <c:pt idx="1806">
                  <c:v>4.5930688457063393</c:v>
                </c:pt>
                <c:pt idx="1807">
                  <c:v>4.5930688457063393</c:v>
                </c:pt>
                <c:pt idx="1808">
                  <c:v>4.5934806617253665</c:v>
                </c:pt>
                <c:pt idx="1809">
                  <c:v>4.5934806617253665</c:v>
                </c:pt>
                <c:pt idx="1810">
                  <c:v>4.5934806617253665</c:v>
                </c:pt>
                <c:pt idx="1811">
                  <c:v>4.5934806617253665</c:v>
                </c:pt>
                <c:pt idx="1812">
                  <c:v>4.5934806617253665</c:v>
                </c:pt>
                <c:pt idx="1813">
                  <c:v>4.5934806617253665</c:v>
                </c:pt>
                <c:pt idx="1814">
                  <c:v>4.5934806617253665</c:v>
                </c:pt>
                <c:pt idx="1815">
                  <c:v>4.5934806617253665</c:v>
                </c:pt>
                <c:pt idx="1816">
                  <c:v>4.5934806617253665</c:v>
                </c:pt>
                <c:pt idx="1817">
                  <c:v>4.5934806617253665</c:v>
                </c:pt>
                <c:pt idx="1818">
                  <c:v>4.5934806617253665</c:v>
                </c:pt>
                <c:pt idx="1819">
                  <c:v>4.5934806617253665</c:v>
                </c:pt>
                <c:pt idx="1820">
                  <c:v>4.5938924777443733</c:v>
                </c:pt>
                <c:pt idx="1821">
                  <c:v>4.5942921815275355</c:v>
                </c:pt>
                <c:pt idx="1822">
                  <c:v>4.5947039975465422</c:v>
                </c:pt>
                <c:pt idx="1823">
                  <c:v>4.5959273333677375</c:v>
                </c:pt>
                <c:pt idx="1824">
                  <c:v>4.5971506691889124</c:v>
                </c:pt>
                <c:pt idx="1825">
                  <c:v>4.5987858210291153</c:v>
                </c:pt>
                <c:pt idx="1826">
                  <c:v>4.6000091568503114</c:v>
                </c:pt>
                <c:pt idx="1827">
                  <c:v>4.6016321964546476</c:v>
                </c:pt>
                <c:pt idx="1828">
                  <c:v>4.6032673482948505</c:v>
                </c:pt>
                <c:pt idx="1829">
                  <c:v>4.6048903878991876</c:v>
                </c:pt>
                <c:pt idx="1830">
                  <c:v>4.6065255397393896</c:v>
                </c:pt>
                <c:pt idx="1831">
                  <c:v>4.6077488755605867</c:v>
                </c:pt>
                <c:pt idx="1832">
                  <c:v>4.6089722113817606</c:v>
                </c:pt>
                <c:pt idx="1833">
                  <c:v>4.6101955472029568</c:v>
                </c:pt>
                <c:pt idx="1834">
                  <c:v>4.6110070670051257</c:v>
                </c:pt>
                <c:pt idx="1835">
                  <c:v>4.6114188830241316</c:v>
                </c:pt>
                <c:pt idx="1836">
                  <c:v>4.612230402826321</c:v>
                </c:pt>
                <c:pt idx="1837">
                  <c:v>4.612230402826321</c:v>
                </c:pt>
                <c:pt idx="1838">
                  <c:v>4.612230402826321</c:v>
                </c:pt>
                <c:pt idx="1839">
                  <c:v>4.612230402826321</c:v>
                </c:pt>
                <c:pt idx="1840">
                  <c:v>4.6118306990431597</c:v>
                </c:pt>
                <c:pt idx="1841">
                  <c:v>4.6110070670051257</c:v>
                </c:pt>
                <c:pt idx="1842">
                  <c:v>4.6097837311839509</c:v>
                </c:pt>
                <c:pt idx="1843">
                  <c:v>4.6081606915795925</c:v>
                </c:pt>
                <c:pt idx="1844">
                  <c:v>4.6061137237203837</c:v>
                </c:pt>
                <c:pt idx="1845">
                  <c:v>4.6036670520780119</c:v>
                </c:pt>
                <c:pt idx="1846">
                  <c:v>4.6008206766524795</c:v>
                </c:pt>
                <c:pt idx="1847">
                  <c:v>4.5971506691889124</c:v>
                </c:pt>
                <c:pt idx="1848">
                  <c:v>4.5926691419231771</c:v>
                </c:pt>
                <c:pt idx="1849">
                  <c:v>4.5873639826194283</c:v>
                </c:pt>
                <c:pt idx="1850">
                  <c:v>4.5816591195324978</c:v>
                </c:pt>
                <c:pt idx="1851">
                  <c:v>4.5755424404265801</c:v>
                </c:pt>
                <c:pt idx="1852">
                  <c:v>4.5686142415184747</c:v>
                </c:pt>
                <c:pt idx="1853">
                  <c:v>4.5592393709679753</c:v>
                </c:pt>
                <c:pt idx="1854">
                  <c:v>4.5449711571327569</c:v>
                </c:pt>
                <c:pt idx="1855">
                  <c:v>4.5319262791187125</c:v>
                </c:pt>
                <c:pt idx="1856">
                  <c:v>4.5192811048878507</c:v>
                </c:pt>
                <c:pt idx="1857">
                  <c:v>4.5074595626949812</c:v>
                </c:pt>
                <c:pt idx="1858">
                  <c:v>4.4956380205021338</c:v>
                </c:pt>
                <c:pt idx="1859">
                  <c:v>4.4842282943282914</c:v>
                </c:pt>
                <c:pt idx="1860">
                  <c:v>4.4728185681544499</c:v>
                </c:pt>
                <c:pt idx="1861">
                  <c:v>4.4613967297447639</c:v>
                </c:pt>
                <c:pt idx="1862">
                  <c:v>4.4495751875519156</c:v>
                </c:pt>
                <c:pt idx="1863">
                  <c:v>4.4381654613780732</c:v>
                </c:pt>
                <c:pt idx="1864">
                  <c:v>4.4259321031662191</c:v>
                </c:pt>
                <c:pt idx="1865">
                  <c:v>4.4141105609733495</c:v>
                </c:pt>
                <c:pt idx="1866">
                  <c:v>4.4014774989783332</c:v>
                </c:pt>
                <c:pt idx="1867">
                  <c:v>4.388832324747451</c:v>
                </c:pt>
                <c:pt idx="1868">
                  <c:v>4.3761992627524346</c:v>
                </c:pt>
                <c:pt idx="1869">
                  <c:v>4.3627425687193835</c:v>
                </c:pt>
                <c:pt idx="1870">
                  <c:v>4.3496976907053391</c:v>
                </c:pt>
                <c:pt idx="1871">
                  <c:v>4.3358412928891266</c:v>
                </c:pt>
                <c:pt idx="1872">
                  <c:v>4.3219848950729141</c:v>
                </c:pt>
                <c:pt idx="1873">
                  <c:v>4.3077166812376948</c:v>
                </c:pt>
                <c:pt idx="1874">
                  <c:v>4.2934484674024542</c:v>
                </c:pt>
                <c:pt idx="1875">
                  <c:v>4.2787684375482282</c:v>
                </c:pt>
                <c:pt idx="1876">
                  <c:v>4.2636887039108196</c:v>
                </c:pt>
                <c:pt idx="1877">
                  <c:v>4.2485968580375664</c:v>
                </c:pt>
                <c:pt idx="1878">
                  <c:v>4.2331174206170168</c:v>
                </c:pt>
                <c:pt idx="1879">
                  <c:v>4.2176258709606023</c:v>
                </c:pt>
                <c:pt idx="1880">
                  <c:v>4.2017225052851801</c:v>
                </c:pt>
                <c:pt idx="1881">
                  <c:v>4.1854194358265966</c:v>
                </c:pt>
                <c:pt idx="1882">
                  <c:v>4.1691042541321472</c:v>
                </c:pt>
                <c:pt idx="1883">
                  <c:v>4.152389368654557</c:v>
                </c:pt>
                <c:pt idx="1884">
                  <c:v>4.1356865954128113</c:v>
                </c:pt>
                <c:pt idx="1885">
                  <c:v>4.1185598939161938</c:v>
                </c:pt>
                <c:pt idx="1886">
                  <c:v>4.1010334886364141</c:v>
                </c:pt>
                <c:pt idx="1887">
                  <c:v>4.0835070833566558</c:v>
                </c:pt>
                <c:pt idx="1888">
                  <c:v>4.0659685658410316</c:v>
                </c:pt>
                <c:pt idx="1889">
                  <c:v>4.047630640759083</c:v>
                </c:pt>
                <c:pt idx="1890">
                  <c:v>4.0296924194602974</c:v>
                </c:pt>
                <c:pt idx="1891">
                  <c:v>4.010942678359342</c:v>
                </c:pt>
                <c:pt idx="1892">
                  <c:v>3.9925926410415284</c:v>
                </c:pt>
                <c:pt idx="1893">
                  <c:v>3.9734310839215676</c:v>
                </c:pt>
                <c:pt idx="1894">
                  <c:v>3.9546813428206131</c:v>
                </c:pt>
                <c:pt idx="1895">
                  <c:v>3.9351079696816247</c:v>
                </c:pt>
                <c:pt idx="1896">
                  <c:v>3.9159585247975084</c:v>
                </c:pt>
                <c:pt idx="1897">
                  <c:v>3.8963851516585191</c:v>
                </c:pt>
                <c:pt idx="1898">
                  <c:v>3.8768238907553751</c:v>
                </c:pt>
                <c:pt idx="1899">
                  <c:v>3.85683870159738</c:v>
                </c:pt>
                <c:pt idx="1900">
                  <c:v>3.8368656246752293</c:v>
                </c:pt>
                <c:pt idx="1901">
                  <c:v>3.8168925477530999</c:v>
                </c:pt>
                <c:pt idx="1902">
                  <c:v>3.7969194708309493</c:v>
                </c:pt>
                <c:pt idx="1903">
                  <c:v>3.7765345778897923</c:v>
                </c:pt>
                <c:pt idx="1904">
                  <c:v>3.7561496849486349</c:v>
                </c:pt>
                <c:pt idx="1905">
                  <c:v>3.7353650882243161</c:v>
                </c:pt>
                <c:pt idx="1906">
                  <c:v>3.7145683792641311</c:v>
                </c:pt>
                <c:pt idx="1907">
                  <c:v>3.6941834863229746</c:v>
                </c:pt>
                <c:pt idx="1908">
                  <c:v>3.6729870735796486</c:v>
                </c:pt>
                <c:pt idx="1909">
                  <c:v>3.6522024768553298</c:v>
                </c:pt>
                <c:pt idx="1910">
                  <c:v>3.6310060641120043</c:v>
                </c:pt>
                <c:pt idx="1911">
                  <c:v>3.6102093551518193</c:v>
                </c:pt>
                <c:pt idx="1912">
                  <c:v>3.5890129424084942</c:v>
                </c:pt>
                <c:pt idx="1913">
                  <c:v>3.567404713646162</c:v>
                </c:pt>
                <c:pt idx="1914">
                  <c:v>3.5462083009028151</c:v>
                </c:pt>
                <c:pt idx="1915">
                  <c:v>3.5250118881594896</c:v>
                </c:pt>
                <c:pt idx="1916">
                  <c:v>3.5034036593971365</c:v>
                </c:pt>
                <c:pt idx="1917">
                  <c:v>3.482207246653811</c:v>
                </c:pt>
                <c:pt idx="1918">
                  <c:v>3.4605990178914583</c:v>
                </c:pt>
                <c:pt idx="1919">
                  <c:v>3.4394026051481328</c:v>
                </c:pt>
                <c:pt idx="1920">
                  <c:v>3.4177943763857792</c:v>
                </c:pt>
                <c:pt idx="1921">
                  <c:v>3.3961861476234469</c:v>
                </c:pt>
                <c:pt idx="1922">
                  <c:v>3.3745900310969601</c:v>
                </c:pt>
                <c:pt idx="1923">
                  <c:v>3.3529818023346065</c:v>
                </c:pt>
                <c:pt idx="1924">
                  <c:v>3.3313735735722534</c:v>
                </c:pt>
                <c:pt idx="1925">
                  <c:v>3.3097653448099216</c:v>
                </c:pt>
                <c:pt idx="1926">
                  <c:v>3.2881571160475689</c:v>
                </c:pt>
                <c:pt idx="1927">
                  <c:v>3.2665609995210807</c:v>
                </c:pt>
                <c:pt idx="1928">
                  <c:v>3.244952770758728</c:v>
                </c:pt>
                <c:pt idx="1929">
                  <c:v>3.2233445419963958</c:v>
                </c:pt>
                <c:pt idx="1930">
                  <c:v>3.2017363132340431</c:v>
                </c:pt>
                <c:pt idx="1931">
                  <c:v>3.1801280844716895</c:v>
                </c:pt>
                <c:pt idx="1932">
                  <c:v>3.1585319679452022</c:v>
                </c:pt>
                <c:pt idx="1933">
                  <c:v>3.1369237391828704</c:v>
                </c:pt>
                <c:pt idx="1934">
                  <c:v>3.1153155104205172</c:v>
                </c:pt>
                <c:pt idx="1935">
                  <c:v>3.0937072816581637</c:v>
                </c:pt>
                <c:pt idx="1936">
                  <c:v>3.0720990528958318</c:v>
                </c:pt>
                <c:pt idx="1937">
                  <c:v>3.0505029363693446</c:v>
                </c:pt>
                <c:pt idx="1938">
                  <c:v>3.028894707606991</c:v>
                </c:pt>
                <c:pt idx="1939">
                  <c:v>3.0072864788446378</c:v>
                </c:pt>
                <c:pt idx="1940">
                  <c:v>2.985678250082306</c:v>
                </c:pt>
                <c:pt idx="1941">
                  <c:v>2.9640700213199529</c:v>
                </c:pt>
                <c:pt idx="1942">
                  <c:v>2.9424739047934656</c:v>
                </c:pt>
                <c:pt idx="1943">
                  <c:v>2.9208656760311125</c:v>
                </c:pt>
                <c:pt idx="1944">
                  <c:v>2.8992574472687807</c:v>
                </c:pt>
                <c:pt idx="1945">
                  <c:v>2.8776492185064275</c:v>
                </c:pt>
                <c:pt idx="1946">
                  <c:v>2.8564528057631016</c:v>
                </c:pt>
                <c:pt idx="1947">
                  <c:v>2.8348445770007484</c:v>
                </c:pt>
                <c:pt idx="1948">
                  <c:v>2.8132363482384166</c:v>
                </c:pt>
                <c:pt idx="1949">
                  <c:v>2.7920399354950698</c:v>
                </c:pt>
                <c:pt idx="1950">
                  <c:v>2.7704317067327384</c:v>
                </c:pt>
                <c:pt idx="1951">
                  <c:v>2.7488355902062294</c:v>
                </c:pt>
                <c:pt idx="1952">
                  <c:v>2.7272273614438975</c:v>
                </c:pt>
                <c:pt idx="1953">
                  <c:v>2.7056191326815444</c:v>
                </c:pt>
                <c:pt idx="1954">
                  <c:v>2.6844227199382185</c:v>
                </c:pt>
                <c:pt idx="1955">
                  <c:v>2.6628144911758653</c:v>
                </c:pt>
                <c:pt idx="1956">
                  <c:v>2.6412062624135335</c:v>
                </c:pt>
                <c:pt idx="1957">
                  <c:v>2.6200098496701867</c:v>
                </c:pt>
                <c:pt idx="1958">
                  <c:v>2.5984016209078553</c:v>
                </c:pt>
                <c:pt idx="1959">
                  <c:v>2.5772052081645085</c:v>
                </c:pt>
                <c:pt idx="1960">
                  <c:v>2.5555969794021762</c:v>
                </c:pt>
                <c:pt idx="1961">
                  <c:v>2.5344005666588294</c:v>
                </c:pt>
                <c:pt idx="1962">
                  <c:v>2.5127923378964976</c:v>
                </c:pt>
                <c:pt idx="1963">
                  <c:v>2.4915959251531725</c:v>
                </c:pt>
                <c:pt idx="1964">
                  <c:v>2.4703995124098257</c:v>
                </c:pt>
                <c:pt idx="1965">
                  <c:v>2.4487912836474934</c:v>
                </c:pt>
                <c:pt idx="1966">
                  <c:v>2.4275948709041466</c:v>
                </c:pt>
                <c:pt idx="1967">
                  <c:v>2.4063984581608211</c:v>
                </c:pt>
                <c:pt idx="1968">
                  <c:v>2.384790229398468</c:v>
                </c:pt>
                <c:pt idx="1969">
                  <c:v>2.3635938166551429</c:v>
                </c:pt>
                <c:pt idx="1970">
                  <c:v>2.3423974039118169</c:v>
                </c:pt>
                <c:pt idx="1971">
                  <c:v>2.3212009911684919</c:v>
                </c:pt>
                <c:pt idx="1972">
                  <c:v>2.3000045784251451</c:v>
                </c:pt>
                <c:pt idx="1973">
                  <c:v>2.278796053445975</c:v>
                </c:pt>
                <c:pt idx="1974">
                  <c:v>2.2575996407026282</c:v>
                </c:pt>
                <c:pt idx="1975">
                  <c:v>2.2364032279593027</c:v>
                </c:pt>
                <c:pt idx="1976">
                  <c:v>2.2152068152159776</c:v>
                </c:pt>
                <c:pt idx="1977">
                  <c:v>2.1940104024726303</c:v>
                </c:pt>
                <c:pt idx="1978">
                  <c:v>2.1728139897293048</c:v>
                </c:pt>
                <c:pt idx="1979">
                  <c:v>2.1516175769859798</c:v>
                </c:pt>
                <c:pt idx="1980">
                  <c:v>2.1304090520067884</c:v>
                </c:pt>
                <c:pt idx="1981">
                  <c:v>2.1092126392634629</c:v>
                </c:pt>
                <c:pt idx="1982">
                  <c:v>2.0880162265201161</c:v>
                </c:pt>
                <c:pt idx="1983">
                  <c:v>2.0668198137767906</c:v>
                </c:pt>
                <c:pt idx="1984">
                  <c:v>2.0456234010334655</c:v>
                </c:pt>
                <c:pt idx="1985">
                  <c:v>2.0244269882901396</c:v>
                </c:pt>
                <c:pt idx="1986">
                  <c:v>2.0032305755467927</c:v>
                </c:pt>
                <c:pt idx="1987">
                  <c:v>1.9824338665866292</c:v>
                </c:pt>
                <c:pt idx="1988">
                  <c:v>1.9612374538433039</c:v>
                </c:pt>
                <c:pt idx="1989">
                  <c:v>1.9400410410999571</c:v>
                </c:pt>
                <c:pt idx="1990">
                  <c:v>1.9192443321397936</c:v>
                </c:pt>
                <c:pt idx="1991">
                  <c:v>1.8980479193964683</c:v>
                </c:pt>
                <c:pt idx="1992">
                  <c:v>1.8772633226721493</c:v>
                </c:pt>
                <c:pt idx="1993">
                  <c:v>1.8560669099288023</c:v>
                </c:pt>
                <c:pt idx="1994">
                  <c:v>1.835270200968639</c:v>
                </c:pt>
                <c:pt idx="1995">
                  <c:v>1.8140737882253135</c:v>
                </c:pt>
                <c:pt idx="1996">
                  <c:v>1.7932770792651285</c:v>
                </c:pt>
                <c:pt idx="1997">
                  <c:v>1.7724924825408095</c:v>
                </c:pt>
                <c:pt idx="1998">
                  <c:v>1.751695773580646</c:v>
                </c:pt>
                <c:pt idx="1999">
                  <c:v>1.730911176856327</c:v>
                </c:pt>
                <c:pt idx="2000">
                  <c:v>1.7101144678961635</c:v>
                </c:pt>
                <c:pt idx="2001">
                  <c:v>1.6893298711718445</c:v>
                </c:pt>
                <c:pt idx="2002">
                  <c:v>1.6685331622116595</c:v>
                </c:pt>
                <c:pt idx="2003">
                  <c:v>1.6477485654873405</c:v>
                </c:pt>
                <c:pt idx="2004">
                  <c:v>1.626951856527177</c:v>
                </c:pt>
                <c:pt idx="2005">
                  <c:v>1.6065790758218643</c:v>
                </c:pt>
                <c:pt idx="2006">
                  <c:v>1.5857823668617008</c:v>
                </c:pt>
                <c:pt idx="2007">
                  <c:v>1.5653974739205441</c:v>
                </c:pt>
                <c:pt idx="2008">
                  <c:v>1.5450125809793869</c:v>
                </c:pt>
                <c:pt idx="2009">
                  <c:v>1.5246398002740742</c:v>
                </c:pt>
                <c:pt idx="2010">
                  <c:v>1.5046546111160792</c:v>
                </c:pt>
                <c:pt idx="2011">
                  <c:v>1.4842818304107663</c:v>
                </c:pt>
                <c:pt idx="2012">
                  <c:v>1.4642966412527714</c:v>
                </c:pt>
                <c:pt idx="2013">
                  <c:v>1.4439238605474585</c:v>
                </c:pt>
                <c:pt idx="2014">
                  <c:v>1.4239386713894635</c:v>
                </c:pt>
                <c:pt idx="2015">
                  <c:v>1.4039655944673128</c:v>
                </c:pt>
                <c:pt idx="2016">
                  <c:v>1.38440433356419</c:v>
                </c:pt>
                <c:pt idx="2017">
                  <c:v>1.3644312566420391</c:v>
                </c:pt>
                <c:pt idx="2018">
                  <c:v>1.3448578835030505</c:v>
                </c:pt>
                <c:pt idx="2019">
                  <c:v>1.3252966225999276</c:v>
                </c:pt>
                <c:pt idx="2020">
                  <c:v>1.305723249460939</c:v>
                </c:pt>
                <c:pt idx="2021">
                  <c:v>1.2865616923409782</c:v>
                </c:pt>
                <c:pt idx="2022">
                  <c:v>1.2670004314378338</c:v>
                </c:pt>
                <c:pt idx="2023">
                  <c:v>1.2478388743178728</c:v>
                </c:pt>
                <c:pt idx="2024">
                  <c:v>1.2286773171978906</c:v>
                </c:pt>
                <c:pt idx="2025">
                  <c:v>1.2095157600779296</c:v>
                </c:pt>
                <c:pt idx="2026">
                  <c:v>1.1903542029579475</c:v>
                </c:pt>
                <c:pt idx="2027">
                  <c:v>1.1716044618569927</c:v>
                </c:pt>
                <c:pt idx="2028">
                  <c:v>1.1524429047370104</c:v>
                </c:pt>
                <c:pt idx="2029">
                  <c:v>1.1336931636360559</c:v>
                </c:pt>
                <c:pt idx="2030">
                  <c:v>1.1149434225351014</c:v>
                </c:pt>
                <c:pt idx="2031">
                  <c:v>1.0965933852173089</c:v>
                </c:pt>
                <c:pt idx="2032">
                  <c:v>1.0778436441163544</c:v>
                </c:pt>
                <c:pt idx="2033">
                  <c:v>1.0594936067985403</c:v>
                </c:pt>
                <c:pt idx="2034">
                  <c:v>1.0411556817165923</c:v>
                </c:pt>
                <c:pt idx="2035">
                  <c:v>1.0228056443987996</c:v>
                </c:pt>
                <c:pt idx="2036">
                  <c:v>1.0048674231000136</c:v>
                </c:pt>
                <c:pt idx="2037">
                  <c:v>0.98694131403709329</c:v>
                </c:pt>
                <c:pt idx="2038">
                  <c:v>0.96859127671927914</c:v>
                </c:pt>
                <c:pt idx="2039">
                  <c:v>0.95065305542049305</c:v>
                </c:pt>
                <c:pt idx="2040">
                  <c:v>0.9331266501407347</c:v>
                </c:pt>
                <c:pt idx="2041">
                  <c:v>0.91518842884194851</c:v>
                </c:pt>
                <c:pt idx="2042">
                  <c:v>0.89766202356216862</c:v>
                </c:pt>
                <c:pt idx="2043">
                  <c:v>0.88012350604654466</c:v>
                </c:pt>
                <c:pt idx="2044">
                  <c:v>0.86259710076676477</c:v>
                </c:pt>
                <c:pt idx="2045">
                  <c:v>0.84507069548700642</c:v>
                </c:pt>
                <c:pt idx="2046">
                  <c:v>0.82794399399038865</c:v>
                </c:pt>
                <c:pt idx="2047">
                  <c:v>0.81041758871060887</c:v>
                </c:pt>
                <c:pt idx="2048">
                  <c:v>0.79330299944985683</c:v>
                </c:pt>
                <c:pt idx="2049">
                  <c:v>0.77617629795323906</c:v>
                </c:pt>
                <c:pt idx="2050">
                  <c:v>0.75904959645664272</c:v>
                </c:pt>
                <c:pt idx="2051">
                  <c:v>0.74234682321489709</c:v>
                </c:pt>
                <c:pt idx="2052">
                  <c:v>0.72522012171827932</c:v>
                </c:pt>
                <c:pt idx="2053">
                  <c:v>0.7085052362406894</c:v>
                </c:pt>
                <c:pt idx="2054">
                  <c:v>0.69179035076307793</c:v>
                </c:pt>
                <c:pt idx="2055">
                  <c:v>0.67507546528548801</c:v>
                </c:pt>
                <c:pt idx="2056">
                  <c:v>0.65877239582690428</c:v>
                </c:pt>
                <c:pt idx="2057">
                  <c:v>0.64205751034929281</c:v>
                </c:pt>
                <c:pt idx="2058">
                  <c:v>0.6257544408907092</c:v>
                </c:pt>
                <c:pt idx="2059">
                  <c:v>0.60943925919628139</c:v>
                </c:pt>
                <c:pt idx="2060">
                  <c:v>0.59313618973769766</c:v>
                </c:pt>
                <c:pt idx="2061">
                  <c:v>0.5768331202790925</c:v>
                </c:pt>
                <c:pt idx="2062">
                  <c:v>0.560929754603671</c:v>
                </c:pt>
                <c:pt idx="2063">
                  <c:v>0.54503850116411523</c:v>
                </c:pt>
                <c:pt idx="2064">
                  <c:v>0.52913513548867208</c:v>
                </c:pt>
                <c:pt idx="2065">
                  <c:v>0.51323176981325047</c:v>
                </c:pt>
                <c:pt idx="2066">
                  <c:v>0.49734051637367316</c:v>
                </c:pt>
                <c:pt idx="2067">
                  <c:v>0.48143715069825166</c:v>
                </c:pt>
                <c:pt idx="2068">
                  <c:v>0.46554589725867435</c:v>
                </c:pt>
                <c:pt idx="2069">
                  <c:v>0.45005434760228052</c:v>
                </c:pt>
                <c:pt idx="2070">
                  <c:v>0.43456279794586533</c:v>
                </c:pt>
                <c:pt idx="2071">
                  <c:v>0.41947095207261209</c:v>
                </c:pt>
                <c:pt idx="2072">
                  <c:v>0.40397940241619684</c:v>
                </c:pt>
                <c:pt idx="2073">
                  <c:v>0.38849996499562583</c:v>
                </c:pt>
                <c:pt idx="2074">
                  <c:v>0.37300841533923207</c:v>
                </c:pt>
                <c:pt idx="2075">
                  <c:v>0.35791656946597888</c:v>
                </c:pt>
                <c:pt idx="2076">
                  <c:v>0.34242501980956364</c:v>
                </c:pt>
                <c:pt idx="2077">
                  <c:v>0.32693347015314833</c:v>
                </c:pt>
                <c:pt idx="2078">
                  <c:v>0.31185373651573944</c:v>
                </c:pt>
                <c:pt idx="2079">
                  <c:v>0.29636218685934568</c:v>
                </c:pt>
                <c:pt idx="2080">
                  <c:v>0.28128245322193673</c:v>
                </c:pt>
                <c:pt idx="2081">
                  <c:v>0.26579090356552149</c:v>
                </c:pt>
                <c:pt idx="2082">
                  <c:v>0.25071116992813403</c:v>
                </c:pt>
                <c:pt idx="2083">
                  <c:v>0.2352196202717188</c:v>
                </c:pt>
                <c:pt idx="2084">
                  <c:v>0.22012777439846562</c:v>
                </c:pt>
                <c:pt idx="2085">
                  <c:v>0.20504804076105668</c:v>
                </c:pt>
                <c:pt idx="2086">
                  <c:v>0.19036801090683128</c:v>
                </c:pt>
                <c:pt idx="2087">
                  <c:v>0.17570009328842867</c:v>
                </c:pt>
                <c:pt idx="2088">
                  <c:v>0.16143187945320961</c:v>
                </c:pt>
                <c:pt idx="2089">
                  <c:v>0.14716366561799057</c:v>
                </c:pt>
                <c:pt idx="2090">
                  <c:v>0.13329515556591204</c:v>
                </c:pt>
                <c:pt idx="2091">
                  <c:v>0.11943875774969931</c:v>
                </c:pt>
                <c:pt idx="2092">
                  <c:v>0.10598206371664862</c:v>
                </c:pt>
                <c:pt idx="2093">
                  <c:v>9.2937185702625769E-2</c:v>
                </c:pt>
                <c:pt idx="2094">
                  <c:v>7.989230768858141E-2</c:v>
                </c:pt>
                <c:pt idx="2095">
                  <c:v>6.7259245693543371E-2</c:v>
                </c:pt>
                <c:pt idx="2096">
                  <c:v>5.5025887481688886E-2</c:v>
                </c:pt>
                <c:pt idx="2097">
                  <c:v>4.2804641505678677E-2</c:v>
                </c:pt>
                <c:pt idx="2098">
                  <c:v>3.1382803095992569E-2</c:v>
                </c:pt>
                <c:pt idx="2099">
                  <c:v>1.9561260903122896E-2</c:v>
                </c:pt>
                <c:pt idx="2100">
                  <c:v>8.5633507483088914E-3</c:v>
                </c:pt>
                <c:pt idx="2101">
                  <c:v>-2.4466716423708953E-3</c:v>
                </c:pt>
                <c:pt idx="2102">
                  <c:v>-1.3044878014044364E-2</c:v>
                </c:pt>
                <c:pt idx="2103">
                  <c:v>-2.3243380602555781E-2</c:v>
                </c:pt>
                <c:pt idx="2104">
                  <c:v>-3.3017954936195096E-2</c:v>
                </c:pt>
                <c:pt idx="2105">
                  <c:v>-4.2804641505678677E-2</c:v>
                </c:pt>
                <c:pt idx="2106">
                  <c:v>-5.2179512056155938E-2</c:v>
                </c:pt>
                <c:pt idx="2107">
                  <c:v>-6.1154678823471149E-2</c:v>
                </c:pt>
                <c:pt idx="2108">
                  <c:v>-6.9718029571780041E-2</c:v>
                </c:pt>
                <c:pt idx="2109">
                  <c:v>-7.826926808424467E-2</c:v>
                </c:pt>
                <c:pt idx="2110">
                  <c:v>-8.6420802813525724E-2</c:v>
                </c:pt>
                <c:pt idx="2111">
                  <c:v>-9.4584449778672558E-2</c:v>
                </c:pt>
                <c:pt idx="2112">
                  <c:v>-0.10232416848894731</c:v>
                </c:pt>
                <c:pt idx="2113">
                  <c:v>-0.1096641834160815</c:v>
                </c:pt>
                <c:pt idx="2114">
                  <c:v>-0.1170041983431942</c:v>
                </c:pt>
                <c:pt idx="2115">
                  <c:v>-0.12393239725130055</c:v>
                </c:pt>
                <c:pt idx="2116">
                  <c:v>-0.13086059615940693</c:v>
                </c:pt>
                <c:pt idx="2117">
                  <c:v>-0.13778879506751329</c:v>
                </c:pt>
                <c:pt idx="2118">
                  <c:v>-0.14431729019245762</c:v>
                </c:pt>
                <c:pt idx="2119">
                  <c:v>-0.15043396929839559</c:v>
                </c:pt>
                <c:pt idx="2120">
                  <c:v>-0.15653853616846783</c:v>
                </c:pt>
                <c:pt idx="2121">
                  <c:v>-0.16265521527440582</c:v>
                </c:pt>
                <c:pt idx="2122">
                  <c:v>-0.16836007836131597</c:v>
                </c:pt>
                <c:pt idx="2123">
                  <c:v>-0.1736652376650856</c:v>
                </c:pt>
                <c:pt idx="2124">
                  <c:v>-0.17937010075199578</c:v>
                </c:pt>
                <c:pt idx="2125">
                  <c:v>-0.18467526005576537</c:v>
                </c:pt>
                <c:pt idx="2126">
                  <c:v>-0.18956860334050718</c:v>
                </c:pt>
                <c:pt idx="2127">
                  <c:v>-0.19444983438940472</c:v>
                </c:pt>
                <c:pt idx="2128">
                  <c:v>-0.1993431776741465</c:v>
                </c:pt>
                <c:pt idx="2129">
                  <c:v>-0.20423652095888828</c:v>
                </c:pt>
                <c:pt idx="2130">
                  <c:v>-0.20871804822462375</c:v>
                </c:pt>
                <c:pt idx="2131">
                  <c:v>-0.2132116877262035</c:v>
                </c:pt>
                <c:pt idx="2132">
                  <c:v>-0.21728139897293267</c:v>
                </c:pt>
                <c:pt idx="2133">
                  <c:v>-0.22176292623866814</c:v>
                </c:pt>
                <c:pt idx="2134">
                  <c:v>-0.22584474972124155</c:v>
                </c:pt>
                <c:pt idx="2135">
                  <c:v>-0.22951475718480865</c:v>
                </c:pt>
                <c:pt idx="2136">
                  <c:v>-0.23359658066738209</c:v>
                </c:pt>
                <c:pt idx="2137">
                  <c:v>-0.23725447589508339</c:v>
                </c:pt>
                <c:pt idx="2138">
                  <c:v>-0.24092448335862898</c:v>
                </c:pt>
                <c:pt idx="2139">
                  <c:v>-0.24459449082219606</c:v>
                </c:pt>
                <c:pt idx="2140">
                  <c:v>-0.24826449828576316</c:v>
                </c:pt>
                <c:pt idx="2141">
                  <c:v>-0.2515226897303024</c:v>
                </c:pt>
                <c:pt idx="2142">
                  <c:v>-0.2551926971938695</c:v>
                </c:pt>
                <c:pt idx="2143">
                  <c:v>-0.25846300087425306</c:v>
                </c:pt>
                <c:pt idx="2144">
                  <c:v>-0.26172119231881386</c:v>
                </c:pt>
                <c:pt idx="2145">
                  <c:v>-0.26456756774434681</c:v>
                </c:pt>
                <c:pt idx="2146">
                  <c:v>-0.26783787142475185</c:v>
                </c:pt>
                <c:pt idx="2147">
                  <c:v>-0.2706842468502848</c:v>
                </c:pt>
                <c:pt idx="2148">
                  <c:v>-0.273542734511662</c:v>
                </c:pt>
                <c:pt idx="2149">
                  <c:v>-0.27557759013502658</c:v>
                </c:pt>
                <c:pt idx="2150">
                  <c:v>-0.27761244575839117</c:v>
                </c:pt>
                <c:pt idx="2151">
                  <c:v>-0.27924759759857221</c:v>
                </c:pt>
                <c:pt idx="2152">
                  <c:v>-0.28128245322193673</c:v>
                </c:pt>
                <c:pt idx="2153">
                  <c:v>-0.28332942108114562</c:v>
                </c:pt>
                <c:pt idx="2154">
                  <c:v>-0.2853642767045102</c:v>
                </c:pt>
                <c:pt idx="2155">
                  <c:v>-0.28739913232787473</c:v>
                </c:pt>
                <c:pt idx="2156">
                  <c:v>-0.28903428416807725</c:v>
                </c:pt>
                <c:pt idx="2157">
                  <c:v>-0.29106913979144183</c:v>
                </c:pt>
                <c:pt idx="2158">
                  <c:v>-0.29310399541478493</c:v>
                </c:pt>
                <c:pt idx="2159">
                  <c:v>-0.29555066705717731</c:v>
                </c:pt>
                <c:pt idx="2160">
                  <c:v>-0.29759763491638613</c:v>
                </c:pt>
                <c:pt idx="2161">
                  <c:v>-0.29963249053975072</c:v>
                </c:pt>
                <c:pt idx="2162">
                  <c:v>-0.30166734616309382</c:v>
                </c:pt>
                <c:pt idx="2163">
                  <c:v>-0.3037022017864584</c:v>
                </c:pt>
                <c:pt idx="2164">
                  <c:v>-0.30574916964566723</c:v>
                </c:pt>
                <c:pt idx="2165">
                  <c:v>-0.30737220925002551</c:v>
                </c:pt>
                <c:pt idx="2166">
                  <c:v>-0.30941917710923433</c:v>
                </c:pt>
                <c:pt idx="2167">
                  <c:v>-0.31145403273259892</c:v>
                </c:pt>
                <c:pt idx="2168">
                  <c:v>-0.31308918457280144</c:v>
                </c:pt>
                <c:pt idx="2169">
                  <c:v>-0.31512404019614448</c:v>
                </c:pt>
                <c:pt idx="2170">
                  <c:v>-0.31674707980050276</c:v>
                </c:pt>
                <c:pt idx="2171">
                  <c:v>-0.31838223164070528</c:v>
                </c:pt>
                <c:pt idx="2172">
                  <c:v>-0.32041708726404833</c:v>
                </c:pt>
                <c:pt idx="2173">
                  <c:v>-0.32205223910425085</c:v>
                </c:pt>
                <c:pt idx="2174">
                  <c:v>-0.32368739094445337</c:v>
                </c:pt>
                <c:pt idx="2175">
                  <c:v>-0.32531043054881165</c:v>
                </c:pt>
                <c:pt idx="2176">
                  <c:v>-0.32694558238901417</c:v>
                </c:pt>
                <c:pt idx="2177">
                  <c:v>-0.32858073422919515</c:v>
                </c:pt>
                <c:pt idx="2178">
                  <c:v>-0.33020377383355343</c:v>
                </c:pt>
                <c:pt idx="2179">
                  <c:v>-0.3314271096547281</c:v>
                </c:pt>
                <c:pt idx="2180">
                  <c:v>-0.33306226149493062</c:v>
                </c:pt>
                <c:pt idx="2181">
                  <c:v>-0.3346853010992889</c:v>
                </c:pt>
                <c:pt idx="2182">
                  <c:v>-0.33590863692046358</c:v>
                </c:pt>
                <c:pt idx="2183">
                  <c:v>-0.3375437887606661</c:v>
                </c:pt>
                <c:pt idx="2184">
                  <c:v>-0.33876712458186231</c:v>
                </c:pt>
                <c:pt idx="2185">
                  <c:v>-0.33999046040303699</c:v>
                </c:pt>
                <c:pt idx="2186">
                  <c:v>-0.3412137962242332</c:v>
                </c:pt>
                <c:pt idx="2187">
                  <c:v>-0.34243713204540788</c:v>
                </c:pt>
                <c:pt idx="2188">
                  <c:v>-0.34366046786660409</c:v>
                </c:pt>
                <c:pt idx="2189">
                  <c:v>-0.34488380368780036</c:v>
                </c:pt>
                <c:pt idx="2190">
                  <c:v>-0.34610713950897498</c:v>
                </c:pt>
                <c:pt idx="2191">
                  <c:v>-0.3473304753301712</c:v>
                </c:pt>
                <c:pt idx="2192">
                  <c:v>-0.34855381115134587</c:v>
                </c:pt>
                <c:pt idx="2193">
                  <c:v>-0.34936533095351424</c:v>
                </c:pt>
                <c:pt idx="2194">
                  <c:v>-0.35058866677471046</c:v>
                </c:pt>
                <c:pt idx="2195">
                  <c:v>-0.35140018657687883</c:v>
                </c:pt>
                <c:pt idx="2196">
                  <c:v>-0.35262352239807504</c:v>
                </c:pt>
                <c:pt idx="2197">
                  <c:v>-0.35344715443608771</c:v>
                </c:pt>
                <c:pt idx="2198">
                  <c:v>-0.35467049025728387</c:v>
                </c:pt>
                <c:pt idx="2199">
                  <c:v>-0.35548201005945224</c:v>
                </c:pt>
                <c:pt idx="2200">
                  <c:v>-0.35629352986162066</c:v>
                </c:pt>
                <c:pt idx="2201">
                  <c:v>-0.35711716189965476</c:v>
                </c:pt>
                <c:pt idx="2202">
                  <c:v>-0.35792868170182318</c:v>
                </c:pt>
                <c:pt idx="2203">
                  <c:v>-0.35874020150401303</c:v>
                </c:pt>
                <c:pt idx="2204">
                  <c:v>-0.3595517213061814</c:v>
                </c:pt>
                <c:pt idx="2205">
                  <c:v>-0.36037535334419407</c:v>
                </c:pt>
                <c:pt idx="2206">
                  <c:v>-0.36118687314638392</c:v>
                </c:pt>
                <c:pt idx="2207">
                  <c:v>-0.36199839294855229</c:v>
                </c:pt>
                <c:pt idx="2208">
                  <c:v>-0.36282202498656496</c:v>
                </c:pt>
                <c:pt idx="2209">
                  <c:v>-0.36363354478875481</c:v>
                </c:pt>
                <c:pt idx="2210">
                  <c:v>-0.36444506459092318</c:v>
                </c:pt>
                <c:pt idx="2211">
                  <c:v>-0.36526869662895733</c:v>
                </c:pt>
                <c:pt idx="2212">
                  <c:v>-0.3660802164311257</c:v>
                </c:pt>
                <c:pt idx="2213">
                  <c:v>-0.36689173623329407</c:v>
                </c:pt>
                <c:pt idx="2214">
                  <c:v>-0.36771536827132822</c:v>
                </c:pt>
                <c:pt idx="2215">
                  <c:v>-0.36811507205449029</c:v>
                </c:pt>
                <c:pt idx="2216">
                  <c:v>-0.36893870409250296</c:v>
                </c:pt>
                <c:pt idx="2217">
                  <c:v>-0.36975022389467133</c:v>
                </c:pt>
                <c:pt idx="2218">
                  <c:v>-0.37056174369686118</c:v>
                </c:pt>
                <c:pt idx="2219">
                  <c:v>-0.37097355971586754</c:v>
                </c:pt>
                <c:pt idx="2220">
                  <c:v>-0.37178507951803591</c:v>
                </c:pt>
                <c:pt idx="2221">
                  <c:v>-0.37259659932020428</c:v>
                </c:pt>
                <c:pt idx="2222">
                  <c:v>-0.37300841533923207</c:v>
                </c:pt>
                <c:pt idx="2223">
                  <c:v>-0.37381993514140049</c:v>
                </c:pt>
                <c:pt idx="2224">
                  <c:v>-0.37464356717943459</c:v>
                </c:pt>
                <c:pt idx="2225">
                  <c:v>-0.37504327096259665</c:v>
                </c:pt>
                <c:pt idx="2226">
                  <c:v>-0.37586690300060932</c:v>
                </c:pt>
                <c:pt idx="2227">
                  <c:v>-0.37667842280277769</c:v>
                </c:pt>
                <c:pt idx="2228">
                  <c:v>-0.37748994260496754</c:v>
                </c:pt>
                <c:pt idx="2229">
                  <c:v>-0.3779017586239739</c:v>
                </c:pt>
                <c:pt idx="2230">
                  <c:v>-0.37871327842614227</c:v>
                </c:pt>
                <c:pt idx="2231">
                  <c:v>-0.37912509444517006</c:v>
                </c:pt>
                <c:pt idx="2232">
                  <c:v>-0.37993661424733849</c:v>
                </c:pt>
                <c:pt idx="2233">
                  <c:v>-0.38034843026634479</c:v>
                </c:pt>
                <c:pt idx="2234">
                  <c:v>-0.3807602462853511</c:v>
                </c:pt>
                <c:pt idx="2235">
                  <c:v>-0.38157176608754101</c:v>
                </c:pt>
                <c:pt idx="2236">
                  <c:v>-0.38198358210654731</c:v>
                </c:pt>
                <c:pt idx="2237">
                  <c:v>-0.38238328588970938</c:v>
                </c:pt>
                <c:pt idx="2238">
                  <c:v>-0.38320691792774353</c:v>
                </c:pt>
                <c:pt idx="2239">
                  <c:v>-0.38360662171088405</c:v>
                </c:pt>
                <c:pt idx="2240">
                  <c:v>-0.3840184377299119</c:v>
                </c:pt>
                <c:pt idx="2241">
                  <c:v>-0.38441814151307396</c:v>
                </c:pt>
                <c:pt idx="2242">
                  <c:v>-0.38482995753208027</c:v>
                </c:pt>
                <c:pt idx="2243">
                  <c:v>-0.38524177355108657</c:v>
                </c:pt>
                <c:pt idx="2244">
                  <c:v>-0.38605329335327648</c:v>
                </c:pt>
                <c:pt idx="2245">
                  <c:v>-0.38646510937228279</c:v>
                </c:pt>
                <c:pt idx="2246">
                  <c:v>-0.38686481315544485</c:v>
                </c:pt>
                <c:pt idx="2247">
                  <c:v>-0.38727662917445116</c:v>
                </c:pt>
                <c:pt idx="2248">
                  <c:v>-0.38768844519345746</c:v>
                </c:pt>
                <c:pt idx="2249">
                  <c:v>-0.38808814897661953</c:v>
                </c:pt>
                <c:pt idx="2250">
                  <c:v>-0.38849996499564737</c:v>
                </c:pt>
                <c:pt idx="2251">
                  <c:v>-0.38891178101465368</c:v>
                </c:pt>
                <c:pt idx="2252">
                  <c:v>-0.38931148479781574</c:v>
                </c:pt>
                <c:pt idx="2253">
                  <c:v>-0.38972330081682205</c:v>
                </c:pt>
                <c:pt idx="2254">
                  <c:v>-0.39013511683584989</c:v>
                </c:pt>
                <c:pt idx="2255">
                  <c:v>-0.39053482061899042</c:v>
                </c:pt>
                <c:pt idx="2256">
                  <c:v>-0.39094663663801826</c:v>
                </c:pt>
                <c:pt idx="2257">
                  <c:v>-0.39094663663801826</c:v>
                </c:pt>
                <c:pt idx="2258">
                  <c:v>-0.39135845265702462</c:v>
                </c:pt>
                <c:pt idx="2259">
                  <c:v>-0.39175815644018663</c:v>
                </c:pt>
                <c:pt idx="2260">
                  <c:v>-0.39216997245919299</c:v>
                </c:pt>
                <c:pt idx="2261">
                  <c:v>-0.39258178847822073</c:v>
                </c:pt>
                <c:pt idx="2262">
                  <c:v>-0.39298149226138285</c:v>
                </c:pt>
                <c:pt idx="2263">
                  <c:v>-0.39339330828038921</c:v>
                </c:pt>
                <c:pt idx="2264">
                  <c:v>-0.39380512429939546</c:v>
                </c:pt>
                <c:pt idx="2265">
                  <c:v>-0.39380512429939546</c:v>
                </c:pt>
                <c:pt idx="2266">
                  <c:v>-0.39420482808255758</c:v>
                </c:pt>
                <c:pt idx="2267">
                  <c:v>-0.39461664410156383</c:v>
                </c:pt>
                <c:pt idx="2268">
                  <c:v>-0.39502846012059167</c:v>
                </c:pt>
                <c:pt idx="2269">
                  <c:v>-0.39542816390375368</c:v>
                </c:pt>
                <c:pt idx="2270">
                  <c:v>-0.39583997992276004</c:v>
                </c:pt>
                <c:pt idx="2271">
                  <c:v>-0.3962517959417664</c:v>
                </c:pt>
                <c:pt idx="2272">
                  <c:v>-0.3962517959417664</c:v>
                </c:pt>
                <c:pt idx="2273">
                  <c:v>-0.39665149972492841</c:v>
                </c:pt>
                <c:pt idx="2274">
                  <c:v>-0.39706331574395626</c:v>
                </c:pt>
                <c:pt idx="2275">
                  <c:v>-0.39706331574395626</c:v>
                </c:pt>
                <c:pt idx="2276">
                  <c:v>-0.39706331574395626</c:v>
                </c:pt>
                <c:pt idx="2277">
                  <c:v>-0.39747513176296262</c:v>
                </c:pt>
                <c:pt idx="2278">
                  <c:v>-0.39787483554612463</c:v>
                </c:pt>
                <c:pt idx="2279">
                  <c:v>-0.39787483554612463</c:v>
                </c:pt>
                <c:pt idx="2280">
                  <c:v>-0.39828665156513099</c:v>
                </c:pt>
                <c:pt idx="2281">
                  <c:v>-0.39828665156513099</c:v>
                </c:pt>
                <c:pt idx="2282">
                  <c:v>-0.398686355348293</c:v>
                </c:pt>
                <c:pt idx="2283">
                  <c:v>-0.3990981713672993</c:v>
                </c:pt>
                <c:pt idx="2284">
                  <c:v>-0.3990981713672993</c:v>
                </c:pt>
                <c:pt idx="2285">
                  <c:v>-0.3995099873863272</c:v>
                </c:pt>
                <c:pt idx="2286">
                  <c:v>-0.39990969116948921</c:v>
                </c:pt>
                <c:pt idx="2287">
                  <c:v>-0.39990969116948921</c:v>
                </c:pt>
                <c:pt idx="2288">
                  <c:v>-0.40032150718849557</c:v>
                </c:pt>
                <c:pt idx="2289">
                  <c:v>-0.40032150718849557</c:v>
                </c:pt>
                <c:pt idx="2290">
                  <c:v>-0.40073332320750182</c:v>
                </c:pt>
                <c:pt idx="2291">
                  <c:v>-0.40113302699066389</c:v>
                </c:pt>
                <c:pt idx="2292">
                  <c:v>-0.40113302699066389</c:v>
                </c:pt>
                <c:pt idx="2293">
                  <c:v>-0.40154484300967019</c:v>
                </c:pt>
                <c:pt idx="2294">
                  <c:v>-0.40154484300967019</c:v>
                </c:pt>
                <c:pt idx="2295">
                  <c:v>-0.40195665902869804</c:v>
                </c:pt>
                <c:pt idx="2296">
                  <c:v>-0.40235636281186016</c:v>
                </c:pt>
                <c:pt idx="2297">
                  <c:v>-0.40235636281186016</c:v>
                </c:pt>
                <c:pt idx="2298">
                  <c:v>-0.40276817883086641</c:v>
                </c:pt>
                <c:pt idx="2299">
                  <c:v>-0.40317999484987277</c:v>
                </c:pt>
                <c:pt idx="2300">
                  <c:v>-0.40357969863303478</c:v>
                </c:pt>
                <c:pt idx="2301">
                  <c:v>-0.40399151465206262</c:v>
                </c:pt>
                <c:pt idx="2302">
                  <c:v>-0.40440333067106898</c:v>
                </c:pt>
                <c:pt idx="2303">
                  <c:v>-0.40440333067106898</c:v>
                </c:pt>
                <c:pt idx="2304">
                  <c:v>-0.40480303445423099</c:v>
                </c:pt>
                <c:pt idx="2305">
                  <c:v>-0.40521485047323735</c:v>
                </c:pt>
                <c:pt idx="2306">
                  <c:v>-0.4056266664922436</c:v>
                </c:pt>
                <c:pt idx="2307">
                  <c:v>-0.4056266664922436</c:v>
                </c:pt>
                <c:pt idx="2308">
                  <c:v>-0.40602637027540567</c:v>
                </c:pt>
                <c:pt idx="2309">
                  <c:v>-0.40643818629443357</c:v>
                </c:pt>
                <c:pt idx="2310">
                  <c:v>-0.40643818629443357</c:v>
                </c:pt>
                <c:pt idx="2311">
                  <c:v>-0.40685000231343982</c:v>
                </c:pt>
                <c:pt idx="2312">
                  <c:v>-0.40685000231343982</c:v>
                </c:pt>
                <c:pt idx="2313">
                  <c:v>-0.40724970609660194</c:v>
                </c:pt>
                <c:pt idx="2314">
                  <c:v>-0.40724970609660194</c:v>
                </c:pt>
                <c:pt idx="2315">
                  <c:v>-0.40766152211560819</c:v>
                </c:pt>
                <c:pt idx="2316">
                  <c:v>-0.40766152211560819</c:v>
                </c:pt>
                <c:pt idx="2317">
                  <c:v>-0.40807333813463603</c:v>
                </c:pt>
                <c:pt idx="2318">
                  <c:v>-0.40847304191777656</c:v>
                </c:pt>
                <c:pt idx="2319">
                  <c:v>-0.40847304191777656</c:v>
                </c:pt>
                <c:pt idx="2320">
                  <c:v>-0.40847304191777656</c:v>
                </c:pt>
                <c:pt idx="2321">
                  <c:v>-0.4088848579368044</c:v>
                </c:pt>
                <c:pt idx="2322">
                  <c:v>-0.4088848579368044</c:v>
                </c:pt>
                <c:pt idx="2323">
                  <c:v>-0.40929667395581076</c:v>
                </c:pt>
                <c:pt idx="2324">
                  <c:v>-0.40929667395581076</c:v>
                </c:pt>
                <c:pt idx="2325">
                  <c:v>-0.40969637773897277</c:v>
                </c:pt>
                <c:pt idx="2326">
                  <c:v>-0.40969637773897277</c:v>
                </c:pt>
                <c:pt idx="2327">
                  <c:v>-0.40969637773897277</c:v>
                </c:pt>
                <c:pt idx="2328">
                  <c:v>-0.41010819375797913</c:v>
                </c:pt>
                <c:pt idx="2329">
                  <c:v>-0.41010819375797913</c:v>
                </c:pt>
                <c:pt idx="2330">
                  <c:v>-0.41052000977700698</c:v>
                </c:pt>
                <c:pt idx="2331">
                  <c:v>-0.41052000977700698</c:v>
                </c:pt>
                <c:pt idx="2332">
                  <c:v>-0.41052000977700698</c:v>
                </c:pt>
                <c:pt idx="2333">
                  <c:v>-0.41091971356016899</c:v>
                </c:pt>
                <c:pt idx="2334">
                  <c:v>-0.41091971356016899</c:v>
                </c:pt>
                <c:pt idx="2335">
                  <c:v>-0.41133152957917535</c:v>
                </c:pt>
                <c:pt idx="2336">
                  <c:v>-0.41133152957917535</c:v>
                </c:pt>
                <c:pt idx="2337">
                  <c:v>-0.41173123336233736</c:v>
                </c:pt>
                <c:pt idx="2338">
                  <c:v>-0.41173123336233736</c:v>
                </c:pt>
                <c:pt idx="2339">
                  <c:v>-0.41173123336233736</c:v>
                </c:pt>
                <c:pt idx="2340">
                  <c:v>-0.41214304938134372</c:v>
                </c:pt>
                <c:pt idx="2341">
                  <c:v>-0.41214304938134372</c:v>
                </c:pt>
                <c:pt idx="2342">
                  <c:v>-0.41255486540035002</c:v>
                </c:pt>
                <c:pt idx="2343">
                  <c:v>-0.41255486540035002</c:v>
                </c:pt>
                <c:pt idx="2344">
                  <c:v>-0.41295456918351203</c:v>
                </c:pt>
                <c:pt idx="2345">
                  <c:v>-0.41295456918351203</c:v>
                </c:pt>
                <c:pt idx="2346">
                  <c:v>-0.41295456918351203</c:v>
                </c:pt>
                <c:pt idx="2347">
                  <c:v>-0.41336638520253993</c:v>
                </c:pt>
                <c:pt idx="2348">
                  <c:v>-0.41377820122154618</c:v>
                </c:pt>
                <c:pt idx="2349">
                  <c:v>-0.41377820122154618</c:v>
                </c:pt>
                <c:pt idx="2350">
                  <c:v>-0.4141779050047083</c:v>
                </c:pt>
                <c:pt idx="2351">
                  <c:v>-0.4141779050047083</c:v>
                </c:pt>
                <c:pt idx="2352">
                  <c:v>-0.41458972102371455</c:v>
                </c:pt>
                <c:pt idx="2353">
                  <c:v>-0.41458972102371455</c:v>
                </c:pt>
                <c:pt idx="2354">
                  <c:v>-0.4150015370427424</c:v>
                </c:pt>
                <c:pt idx="2355">
                  <c:v>-0.4150015370427424</c:v>
                </c:pt>
                <c:pt idx="2356">
                  <c:v>-0.41540124082588298</c:v>
                </c:pt>
                <c:pt idx="2357">
                  <c:v>-0.41540124082588298</c:v>
                </c:pt>
                <c:pt idx="2358">
                  <c:v>-0.41581305684491077</c:v>
                </c:pt>
                <c:pt idx="2359">
                  <c:v>-0.41581305684491077</c:v>
                </c:pt>
                <c:pt idx="2360">
                  <c:v>-0.41581305684491077</c:v>
                </c:pt>
                <c:pt idx="2361">
                  <c:v>-0.41622487286391713</c:v>
                </c:pt>
                <c:pt idx="2362">
                  <c:v>-0.41622487286391713</c:v>
                </c:pt>
                <c:pt idx="2363">
                  <c:v>-0.41662457664707914</c:v>
                </c:pt>
                <c:pt idx="2364">
                  <c:v>-0.41662457664707914</c:v>
                </c:pt>
                <c:pt idx="2365">
                  <c:v>-0.41662457664707914</c:v>
                </c:pt>
                <c:pt idx="2366">
                  <c:v>-0.41703639266608544</c:v>
                </c:pt>
                <c:pt idx="2367">
                  <c:v>-0.41703639266608544</c:v>
                </c:pt>
                <c:pt idx="2368">
                  <c:v>-0.41703639266608544</c:v>
                </c:pt>
                <c:pt idx="2369">
                  <c:v>-0.41744820868511334</c:v>
                </c:pt>
                <c:pt idx="2370">
                  <c:v>-0.41744820868511334</c:v>
                </c:pt>
                <c:pt idx="2371">
                  <c:v>-0.41744820868511334</c:v>
                </c:pt>
                <c:pt idx="2372">
                  <c:v>-0.41784791246827535</c:v>
                </c:pt>
                <c:pt idx="2373">
                  <c:v>-0.41784791246827535</c:v>
                </c:pt>
                <c:pt idx="2374">
                  <c:v>-0.41784791246827535</c:v>
                </c:pt>
                <c:pt idx="2375">
                  <c:v>-0.41784791246827535</c:v>
                </c:pt>
                <c:pt idx="2376">
                  <c:v>-0.41825972848728171</c:v>
                </c:pt>
                <c:pt idx="2377">
                  <c:v>-0.41825972848728171</c:v>
                </c:pt>
                <c:pt idx="2378">
                  <c:v>-0.41825972848728171</c:v>
                </c:pt>
                <c:pt idx="2379">
                  <c:v>-0.41825972848728171</c:v>
                </c:pt>
                <c:pt idx="2380">
                  <c:v>-0.41867154450628802</c:v>
                </c:pt>
                <c:pt idx="2381">
                  <c:v>-0.41867154450628802</c:v>
                </c:pt>
                <c:pt idx="2382">
                  <c:v>-0.41867154450628802</c:v>
                </c:pt>
                <c:pt idx="2383">
                  <c:v>-0.41907124828945003</c:v>
                </c:pt>
                <c:pt idx="2384">
                  <c:v>-0.41907124828945003</c:v>
                </c:pt>
                <c:pt idx="2385">
                  <c:v>-0.41907124828945003</c:v>
                </c:pt>
                <c:pt idx="2386">
                  <c:v>-0.41948306430845639</c:v>
                </c:pt>
                <c:pt idx="2387">
                  <c:v>-0.41948306430845639</c:v>
                </c:pt>
                <c:pt idx="2388">
                  <c:v>-0.41948306430845639</c:v>
                </c:pt>
                <c:pt idx="2389">
                  <c:v>-0.41989488032748418</c:v>
                </c:pt>
                <c:pt idx="2390">
                  <c:v>-0.41989488032748418</c:v>
                </c:pt>
                <c:pt idx="2391">
                  <c:v>-0.4202945841106463</c:v>
                </c:pt>
                <c:pt idx="2392">
                  <c:v>-0.4202945841106463</c:v>
                </c:pt>
                <c:pt idx="2393">
                  <c:v>-0.4202945841106463</c:v>
                </c:pt>
                <c:pt idx="2394">
                  <c:v>-0.42070640012965255</c:v>
                </c:pt>
                <c:pt idx="2395">
                  <c:v>-0.42070640012965255</c:v>
                </c:pt>
                <c:pt idx="2396">
                  <c:v>-0.42070640012965255</c:v>
                </c:pt>
                <c:pt idx="2397">
                  <c:v>-0.42111821614865885</c:v>
                </c:pt>
                <c:pt idx="2398">
                  <c:v>-0.42111821614865885</c:v>
                </c:pt>
                <c:pt idx="2399">
                  <c:v>-0.42111821614865885</c:v>
                </c:pt>
                <c:pt idx="2400">
                  <c:v>-0.42151791993182097</c:v>
                </c:pt>
                <c:pt idx="2401">
                  <c:v>-0.42151791993182097</c:v>
                </c:pt>
                <c:pt idx="2402">
                  <c:v>-0.42151791993182097</c:v>
                </c:pt>
                <c:pt idx="2403">
                  <c:v>-0.42192973595084876</c:v>
                </c:pt>
                <c:pt idx="2404">
                  <c:v>-0.42192973595084876</c:v>
                </c:pt>
                <c:pt idx="2405">
                  <c:v>-0.42234155196985512</c:v>
                </c:pt>
                <c:pt idx="2406">
                  <c:v>-0.42234155196985512</c:v>
                </c:pt>
                <c:pt idx="2407">
                  <c:v>-0.42274125575301713</c:v>
                </c:pt>
                <c:pt idx="2408">
                  <c:v>-0.42274125575301713</c:v>
                </c:pt>
                <c:pt idx="2409">
                  <c:v>-0.42274125575301713</c:v>
                </c:pt>
                <c:pt idx="2410">
                  <c:v>-0.42315307177202344</c:v>
                </c:pt>
                <c:pt idx="2411">
                  <c:v>-0.42315307177202344</c:v>
                </c:pt>
                <c:pt idx="2412">
                  <c:v>-0.42315307177202344</c:v>
                </c:pt>
                <c:pt idx="2413">
                  <c:v>-0.4235648877910298</c:v>
                </c:pt>
                <c:pt idx="2414">
                  <c:v>-0.4235648877910298</c:v>
                </c:pt>
                <c:pt idx="2415">
                  <c:v>-0.4235648877910298</c:v>
                </c:pt>
                <c:pt idx="2416">
                  <c:v>-0.42396459157419181</c:v>
                </c:pt>
                <c:pt idx="2417">
                  <c:v>-0.42396459157419181</c:v>
                </c:pt>
                <c:pt idx="2418">
                  <c:v>-0.42396459157419181</c:v>
                </c:pt>
                <c:pt idx="2419">
                  <c:v>-0.42437640759321971</c:v>
                </c:pt>
                <c:pt idx="2420">
                  <c:v>-0.42437640759321971</c:v>
                </c:pt>
                <c:pt idx="2421">
                  <c:v>-0.42437640759321971</c:v>
                </c:pt>
                <c:pt idx="2422">
                  <c:v>-0.42437640759321971</c:v>
                </c:pt>
                <c:pt idx="2423">
                  <c:v>-0.42437640759321971</c:v>
                </c:pt>
                <c:pt idx="2424">
                  <c:v>-0.42478822361222596</c:v>
                </c:pt>
                <c:pt idx="2425">
                  <c:v>-0.42478822361222596</c:v>
                </c:pt>
                <c:pt idx="2426">
                  <c:v>-0.42478822361222596</c:v>
                </c:pt>
                <c:pt idx="2427">
                  <c:v>-0.42478822361222596</c:v>
                </c:pt>
                <c:pt idx="2428">
                  <c:v>-0.42478822361222596</c:v>
                </c:pt>
                <c:pt idx="2429">
                  <c:v>-0.42478822361222596</c:v>
                </c:pt>
                <c:pt idx="2430">
                  <c:v>-0.42478822361222596</c:v>
                </c:pt>
                <c:pt idx="2431">
                  <c:v>-0.42518792739538802</c:v>
                </c:pt>
                <c:pt idx="2432">
                  <c:v>-0.42518792739538802</c:v>
                </c:pt>
                <c:pt idx="2433">
                  <c:v>-0.42478822361222596</c:v>
                </c:pt>
                <c:pt idx="2434">
                  <c:v>-0.42478822361222596</c:v>
                </c:pt>
                <c:pt idx="2435">
                  <c:v>-0.42478822361222596</c:v>
                </c:pt>
                <c:pt idx="2436">
                  <c:v>-0.42478822361222596</c:v>
                </c:pt>
                <c:pt idx="2437">
                  <c:v>-0.42478822361222596</c:v>
                </c:pt>
                <c:pt idx="2438">
                  <c:v>-0.42478822361222596</c:v>
                </c:pt>
                <c:pt idx="2439">
                  <c:v>-0.42518792739538802</c:v>
                </c:pt>
                <c:pt idx="2440">
                  <c:v>-0.42518792739538802</c:v>
                </c:pt>
                <c:pt idx="2441">
                  <c:v>-0.42518792739538802</c:v>
                </c:pt>
                <c:pt idx="2442">
                  <c:v>-0.42518792739538802</c:v>
                </c:pt>
                <c:pt idx="2443">
                  <c:v>-0.42559974341439438</c:v>
                </c:pt>
                <c:pt idx="2444">
                  <c:v>-0.42559974341439438</c:v>
                </c:pt>
                <c:pt idx="2445">
                  <c:v>-0.42559974341439438</c:v>
                </c:pt>
                <c:pt idx="2446">
                  <c:v>-0.42559974341439438</c:v>
                </c:pt>
                <c:pt idx="2447">
                  <c:v>-0.42599944719755639</c:v>
                </c:pt>
                <c:pt idx="2448">
                  <c:v>-0.42599944719755639</c:v>
                </c:pt>
                <c:pt idx="2449">
                  <c:v>-0.42641126321656275</c:v>
                </c:pt>
                <c:pt idx="2450">
                  <c:v>-0.42641126321656275</c:v>
                </c:pt>
                <c:pt idx="2451">
                  <c:v>-0.42641126321656275</c:v>
                </c:pt>
                <c:pt idx="2452">
                  <c:v>-0.42682307923559054</c:v>
                </c:pt>
                <c:pt idx="2453">
                  <c:v>-0.42682307923559054</c:v>
                </c:pt>
                <c:pt idx="2454">
                  <c:v>-0.42722278301875261</c:v>
                </c:pt>
                <c:pt idx="2455">
                  <c:v>-0.42722278301875261</c:v>
                </c:pt>
                <c:pt idx="2456">
                  <c:v>-0.42722278301875261</c:v>
                </c:pt>
                <c:pt idx="2457">
                  <c:v>-0.42763459903775891</c:v>
                </c:pt>
                <c:pt idx="2458">
                  <c:v>-0.42763459903775891</c:v>
                </c:pt>
                <c:pt idx="2459">
                  <c:v>-0.42804641505676522</c:v>
                </c:pt>
                <c:pt idx="2460">
                  <c:v>-0.42844611883992734</c:v>
                </c:pt>
                <c:pt idx="2461">
                  <c:v>-0.42844611883992734</c:v>
                </c:pt>
                <c:pt idx="2462">
                  <c:v>-0.42885793485893359</c:v>
                </c:pt>
                <c:pt idx="2463">
                  <c:v>-0.42885793485893359</c:v>
                </c:pt>
                <c:pt idx="2464">
                  <c:v>-0.42885793485893359</c:v>
                </c:pt>
                <c:pt idx="2465">
                  <c:v>-0.42885793485893359</c:v>
                </c:pt>
                <c:pt idx="2466">
                  <c:v>-0.42926975087796149</c:v>
                </c:pt>
                <c:pt idx="2467">
                  <c:v>-0.42926975087796149</c:v>
                </c:pt>
                <c:pt idx="2468">
                  <c:v>-0.42926975087796149</c:v>
                </c:pt>
                <c:pt idx="2469">
                  <c:v>-0.42926975087796149</c:v>
                </c:pt>
                <c:pt idx="2470">
                  <c:v>-0.42926975087796149</c:v>
                </c:pt>
                <c:pt idx="2471">
                  <c:v>-0.4296694546611235</c:v>
                </c:pt>
                <c:pt idx="2472">
                  <c:v>-0.4296694546611235</c:v>
                </c:pt>
                <c:pt idx="2473">
                  <c:v>-0.4296694546611235</c:v>
                </c:pt>
                <c:pt idx="2474">
                  <c:v>-0.4296694546611235</c:v>
                </c:pt>
                <c:pt idx="2475">
                  <c:v>-0.4296694546611235</c:v>
                </c:pt>
                <c:pt idx="2476">
                  <c:v>-0.4300812706801298</c:v>
                </c:pt>
                <c:pt idx="2477">
                  <c:v>-0.4300812706801298</c:v>
                </c:pt>
                <c:pt idx="2478">
                  <c:v>-0.4300812706801298</c:v>
                </c:pt>
                <c:pt idx="2479">
                  <c:v>-0.4300812706801298</c:v>
                </c:pt>
                <c:pt idx="2480">
                  <c:v>-0.4300812706801298</c:v>
                </c:pt>
                <c:pt idx="2481">
                  <c:v>-0.4300812706801298</c:v>
                </c:pt>
                <c:pt idx="2482">
                  <c:v>-0.4300812706801298</c:v>
                </c:pt>
                <c:pt idx="2483">
                  <c:v>-0.4300812706801298</c:v>
                </c:pt>
                <c:pt idx="2484">
                  <c:v>-0.4300812706801298</c:v>
                </c:pt>
                <c:pt idx="2485">
                  <c:v>-0.4300812706801298</c:v>
                </c:pt>
                <c:pt idx="2486">
                  <c:v>-0.4300812706801298</c:v>
                </c:pt>
                <c:pt idx="2487">
                  <c:v>-0.43049308669913616</c:v>
                </c:pt>
                <c:pt idx="2488">
                  <c:v>-0.43049308669913616</c:v>
                </c:pt>
                <c:pt idx="2489">
                  <c:v>-0.43049308669913616</c:v>
                </c:pt>
                <c:pt idx="2490">
                  <c:v>-0.43049308669913616</c:v>
                </c:pt>
                <c:pt idx="2491">
                  <c:v>-0.43089279048229817</c:v>
                </c:pt>
                <c:pt idx="2492">
                  <c:v>-0.43089279048229817</c:v>
                </c:pt>
                <c:pt idx="2493">
                  <c:v>-0.43130460650132607</c:v>
                </c:pt>
                <c:pt idx="2494">
                  <c:v>-0.43130460650132607</c:v>
                </c:pt>
                <c:pt idx="2495">
                  <c:v>-0.43130460650132607</c:v>
                </c:pt>
                <c:pt idx="2496">
                  <c:v>-0.43130460650132607</c:v>
                </c:pt>
                <c:pt idx="2497">
                  <c:v>-0.43171642252033238</c:v>
                </c:pt>
                <c:pt idx="2498">
                  <c:v>-0.43171642252033238</c:v>
                </c:pt>
                <c:pt idx="2499">
                  <c:v>-0.43171642252033238</c:v>
                </c:pt>
                <c:pt idx="2500">
                  <c:v>-0.43171642252033238</c:v>
                </c:pt>
                <c:pt idx="2501">
                  <c:v>-0.43171642252033238</c:v>
                </c:pt>
                <c:pt idx="2502">
                  <c:v>-0.43211612630349439</c:v>
                </c:pt>
                <c:pt idx="2503">
                  <c:v>-0.43211612630349439</c:v>
                </c:pt>
                <c:pt idx="2504">
                  <c:v>-0.43211612630349439</c:v>
                </c:pt>
                <c:pt idx="2505">
                  <c:v>-0.43252794232250075</c:v>
                </c:pt>
                <c:pt idx="2506">
                  <c:v>-0.43252794232250075</c:v>
                </c:pt>
                <c:pt idx="2507">
                  <c:v>-0.43252794232250075</c:v>
                </c:pt>
                <c:pt idx="2508">
                  <c:v>-0.432939758341507</c:v>
                </c:pt>
                <c:pt idx="2509">
                  <c:v>-0.432939758341507</c:v>
                </c:pt>
                <c:pt idx="2510">
                  <c:v>-0.43333946212466912</c:v>
                </c:pt>
                <c:pt idx="2511">
                  <c:v>-0.43333946212466912</c:v>
                </c:pt>
                <c:pt idx="2512">
                  <c:v>-0.43333946212466912</c:v>
                </c:pt>
                <c:pt idx="2513">
                  <c:v>-0.43375127814369691</c:v>
                </c:pt>
                <c:pt idx="2514">
                  <c:v>-0.43375127814369691</c:v>
                </c:pt>
                <c:pt idx="2515">
                  <c:v>-0.43375127814369691</c:v>
                </c:pt>
                <c:pt idx="2516">
                  <c:v>-0.43375127814369691</c:v>
                </c:pt>
                <c:pt idx="2517">
                  <c:v>-0.43375127814369691</c:v>
                </c:pt>
                <c:pt idx="2518">
                  <c:v>-0.43416309416270327</c:v>
                </c:pt>
                <c:pt idx="2519">
                  <c:v>-0.43416309416270327</c:v>
                </c:pt>
                <c:pt idx="2520">
                  <c:v>-0.43416309416270327</c:v>
                </c:pt>
                <c:pt idx="2521">
                  <c:v>-0.43416309416270327</c:v>
                </c:pt>
                <c:pt idx="2522">
                  <c:v>-0.43416309416270327</c:v>
                </c:pt>
                <c:pt idx="2523">
                  <c:v>-0.43456279794586533</c:v>
                </c:pt>
                <c:pt idx="2524">
                  <c:v>-0.43456279794586533</c:v>
                </c:pt>
                <c:pt idx="2525">
                  <c:v>-0.43456279794586533</c:v>
                </c:pt>
                <c:pt idx="2526">
                  <c:v>-0.43456279794586533</c:v>
                </c:pt>
                <c:pt idx="2527">
                  <c:v>-0.43456279794586533</c:v>
                </c:pt>
                <c:pt idx="2528">
                  <c:v>-0.43456279794586533</c:v>
                </c:pt>
                <c:pt idx="2529">
                  <c:v>-0.43497461396487158</c:v>
                </c:pt>
                <c:pt idx="2530">
                  <c:v>-0.43497461396487158</c:v>
                </c:pt>
                <c:pt idx="2531">
                  <c:v>-0.43497461396487158</c:v>
                </c:pt>
                <c:pt idx="2532">
                  <c:v>-0.43497461396487158</c:v>
                </c:pt>
                <c:pt idx="2533">
                  <c:v>-0.43538642998389948</c:v>
                </c:pt>
                <c:pt idx="2534">
                  <c:v>-0.43538642998389948</c:v>
                </c:pt>
                <c:pt idx="2535">
                  <c:v>-0.43538642998389948</c:v>
                </c:pt>
                <c:pt idx="2536">
                  <c:v>-0.43538642998389948</c:v>
                </c:pt>
                <c:pt idx="2537">
                  <c:v>-0.43497461396487158</c:v>
                </c:pt>
                <c:pt idx="2538">
                  <c:v>-0.43497461396487158</c:v>
                </c:pt>
                <c:pt idx="2539">
                  <c:v>-0.43497461396487158</c:v>
                </c:pt>
                <c:pt idx="2540">
                  <c:v>-0.43497461396487158</c:v>
                </c:pt>
                <c:pt idx="2541">
                  <c:v>-0.43497461396487158</c:v>
                </c:pt>
                <c:pt idx="2542">
                  <c:v>-0.43538642998389948</c:v>
                </c:pt>
                <c:pt idx="2543">
                  <c:v>-0.43538642998389948</c:v>
                </c:pt>
                <c:pt idx="2544">
                  <c:v>-0.43538642998389948</c:v>
                </c:pt>
                <c:pt idx="2545">
                  <c:v>-0.43538642998389948</c:v>
                </c:pt>
                <c:pt idx="2546">
                  <c:v>-0.43538642998389948</c:v>
                </c:pt>
                <c:pt idx="2547">
                  <c:v>-0.43538642998389948</c:v>
                </c:pt>
                <c:pt idx="2548">
                  <c:v>-0.43578613376703995</c:v>
                </c:pt>
                <c:pt idx="2549">
                  <c:v>-0.43578613376703995</c:v>
                </c:pt>
                <c:pt idx="2550">
                  <c:v>-0.43578613376703995</c:v>
                </c:pt>
                <c:pt idx="2551">
                  <c:v>-0.43619794978606785</c:v>
                </c:pt>
                <c:pt idx="2552">
                  <c:v>-0.43619794978606785</c:v>
                </c:pt>
                <c:pt idx="2553">
                  <c:v>-0.43619794978606785</c:v>
                </c:pt>
                <c:pt idx="2554">
                  <c:v>-0.43619794978606785</c:v>
                </c:pt>
                <c:pt idx="2555">
                  <c:v>-0.43660976580507416</c:v>
                </c:pt>
                <c:pt idx="2556">
                  <c:v>-0.43660976580507416</c:v>
                </c:pt>
                <c:pt idx="2557">
                  <c:v>-0.43660976580507416</c:v>
                </c:pt>
                <c:pt idx="2558">
                  <c:v>-0.43660976580507416</c:v>
                </c:pt>
                <c:pt idx="2559">
                  <c:v>-0.43660976580507416</c:v>
                </c:pt>
                <c:pt idx="2560">
                  <c:v>-0.43700946958823617</c:v>
                </c:pt>
                <c:pt idx="2561">
                  <c:v>-0.43700946958823617</c:v>
                </c:pt>
                <c:pt idx="2562">
                  <c:v>-0.43742128560724253</c:v>
                </c:pt>
                <c:pt idx="2563">
                  <c:v>-0.43742128560724253</c:v>
                </c:pt>
                <c:pt idx="2564">
                  <c:v>-0.43783310162627037</c:v>
                </c:pt>
                <c:pt idx="2565">
                  <c:v>-0.43783310162627037</c:v>
                </c:pt>
                <c:pt idx="2566">
                  <c:v>-0.43783310162627037</c:v>
                </c:pt>
                <c:pt idx="2567">
                  <c:v>-0.43783310162627037</c:v>
                </c:pt>
                <c:pt idx="2568">
                  <c:v>-0.43823280540943244</c:v>
                </c:pt>
                <c:pt idx="2569">
                  <c:v>-0.43823280540943244</c:v>
                </c:pt>
                <c:pt idx="2570">
                  <c:v>-0.43823280540943244</c:v>
                </c:pt>
                <c:pt idx="2571">
                  <c:v>-0.43823280540943244</c:v>
                </c:pt>
                <c:pt idx="2572">
                  <c:v>-0.43823280540943244</c:v>
                </c:pt>
                <c:pt idx="2573">
                  <c:v>-0.43823280540943244</c:v>
                </c:pt>
                <c:pt idx="2574">
                  <c:v>-0.43823280540943244</c:v>
                </c:pt>
                <c:pt idx="2575">
                  <c:v>-0.43864462142843874</c:v>
                </c:pt>
                <c:pt idx="2576">
                  <c:v>-0.43864462142843874</c:v>
                </c:pt>
                <c:pt idx="2577">
                  <c:v>-0.43864462142843874</c:v>
                </c:pt>
                <c:pt idx="2578">
                  <c:v>-0.43864462142843874</c:v>
                </c:pt>
                <c:pt idx="2579">
                  <c:v>-0.43864462142843874</c:v>
                </c:pt>
                <c:pt idx="2580">
                  <c:v>-0.43864462142843874</c:v>
                </c:pt>
                <c:pt idx="2581">
                  <c:v>-0.43864462142843874</c:v>
                </c:pt>
                <c:pt idx="2582">
                  <c:v>-0.43864462142843874</c:v>
                </c:pt>
                <c:pt idx="2583">
                  <c:v>-0.43904432521160075</c:v>
                </c:pt>
                <c:pt idx="2584">
                  <c:v>-0.43904432521160075</c:v>
                </c:pt>
                <c:pt idx="2585">
                  <c:v>-0.43904432521160075</c:v>
                </c:pt>
                <c:pt idx="2586">
                  <c:v>-0.43904432521160075</c:v>
                </c:pt>
                <c:pt idx="2587">
                  <c:v>-0.43904432521160075</c:v>
                </c:pt>
                <c:pt idx="2588">
                  <c:v>-0.43945614123060711</c:v>
                </c:pt>
                <c:pt idx="2589">
                  <c:v>-0.43945614123060711</c:v>
                </c:pt>
                <c:pt idx="2590">
                  <c:v>-0.43945614123060711</c:v>
                </c:pt>
                <c:pt idx="2591">
                  <c:v>-0.43945614123060711</c:v>
                </c:pt>
                <c:pt idx="2592">
                  <c:v>-0.43945614123060711</c:v>
                </c:pt>
                <c:pt idx="2593">
                  <c:v>-0.43945614123060711</c:v>
                </c:pt>
                <c:pt idx="2594">
                  <c:v>-0.43945614123060711</c:v>
                </c:pt>
                <c:pt idx="2595">
                  <c:v>-0.43986795724961336</c:v>
                </c:pt>
                <c:pt idx="2596">
                  <c:v>-0.43986795724961336</c:v>
                </c:pt>
                <c:pt idx="2597">
                  <c:v>-0.43986795724961336</c:v>
                </c:pt>
                <c:pt idx="2598">
                  <c:v>-0.43986795724961336</c:v>
                </c:pt>
                <c:pt idx="2599">
                  <c:v>-0.43986795724961336</c:v>
                </c:pt>
                <c:pt idx="2600">
                  <c:v>-0.44026766103277548</c:v>
                </c:pt>
                <c:pt idx="2601">
                  <c:v>-0.44026766103277548</c:v>
                </c:pt>
                <c:pt idx="2602">
                  <c:v>-0.44026766103277548</c:v>
                </c:pt>
                <c:pt idx="2603">
                  <c:v>-0.44026766103277548</c:v>
                </c:pt>
                <c:pt idx="2604">
                  <c:v>-0.44026766103277548</c:v>
                </c:pt>
                <c:pt idx="2605">
                  <c:v>-0.44067947705180333</c:v>
                </c:pt>
                <c:pt idx="2606">
                  <c:v>-0.44067947705180333</c:v>
                </c:pt>
                <c:pt idx="2607">
                  <c:v>-0.44067947705180333</c:v>
                </c:pt>
                <c:pt idx="2608">
                  <c:v>-0.44067947705180333</c:v>
                </c:pt>
                <c:pt idx="2609">
                  <c:v>-0.44067947705180333</c:v>
                </c:pt>
                <c:pt idx="2610">
                  <c:v>-0.44109129307080958</c:v>
                </c:pt>
                <c:pt idx="2611">
                  <c:v>-0.44109129307080958</c:v>
                </c:pt>
                <c:pt idx="2612">
                  <c:v>-0.44109129307080958</c:v>
                </c:pt>
                <c:pt idx="2613">
                  <c:v>-0.44109129307080958</c:v>
                </c:pt>
                <c:pt idx="2614">
                  <c:v>-0.4414909968539717</c:v>
                </c:pt>
                <c:pt idx="2615">
                  <c:v>-0.4414909968539717</c:v>
                </c:pt>
                <c:pt idx="2616">
                  <c:v>-0.4414909968539717</c:v>
                </c:pt>
                <c:pt idx="2617">
                  <c:v>-0.4414909968539717</c:v>
                </c:pt>
                <c:pt idx="2618">
                  <c:v>-0.44190281287297795</c:v>
                </c:pt>
                <c:pt idx="2619">
                  <c:v>-0.44190281287297795</c:v>
                </c:pt>
                <c:pt idx="2620">
                  <c:v>-0.44190281287297795</c:v>
                </c:pt>
                <c:pt idx="2621">
                  <c:v>-0.44231462889200585</c:v>
                </c:pt>
                <c:pt idx="2622">
                  <c:v>-0.44231462889200585</c:v>
                </c:pt>
                <c:pt idx="2623">
                  <c:v>-0.44231462889200585</c:v>
                </c:pt>
                <c:pt idx="2624">
                  <c:v>-0.44271433267514632</c:v>
                </c:pt>
                <c:pt idx="2625">
                  <c:v>-0.44271433267514632</c:v>
                </c:pt>
                <c:pt idx="2626">
                  <c:v>-0.44271433267514632</c:v>
                </c:pt>
                <c:pt idx="2627">
                  <c:v>-0.44271433267514632</c:v>
                </c:pt>
                <c:pt idx="2628">
                  <c:v>-0.44271433267514632</c:v>
                </c:pt>
                <c:pt idx="2629">
                  <c:v>-0.44312614869417416</c:v>
                </c:pt>
                <c:pt idx="2630">
                  <c:v>-0.44312614869417416</c:v>
                </c:pt>
                <c:pt idx="2631">
                  <c:v>-0.44312614869417416</c:v>
                </c:pt>
                <c:pt idx="2632">
                  <c:v>-0.44312614869417416</c:v>
                </c:pt>
                <c:pt idx="2633">
                  <c:v>-0.44312614869417416</c:v>
                </c:pt>
                <c:pt idx="2634">
                  <c:v>-0.44312614869417416</c:v>
                </c:pt>
                <c:pt idx="2635">
                  <c:v>-0.44353796471318052</c:v>
                </c:pt>
                <c:pt idx="2636">
                  <c:v>-0.44353796471318052</c:v>
                </c:pt>
                <c:pt idx="2637">
                  <c:v>-0.44353796471318052</c:v>
                </c:pt>
                <c:pt idx="2638">
                  <c:v>-0.44353796471318052</c:v>
                </c:pt>
                <c:pt idx="2639">
                  <c:v>-0.44353796471318052</c:v>
                </c:pt>
                <c:pt idx="2640">
                  <c:v>-0.44353796471318052</c:v>
                </c:pt>
                <c:pt idx="2641">
                  <c:v>-0.44353796471318052</c:v>
                </c:pt>
                <c:pt idx="2642">
                  <c:v>-0.44353796471318052</c:v>
                </c:pt>
                <c:pt idx="2643">
                  <c:v>-0.44353796471318052</c:v>
                </c:pt>
                <c:pt idx="2644">
                  <c:v>-0.44353796471318052</c:v>
                </c:pt>
                <c:pt idx="2645">
                  <c:v>-0.44393766849634253</c:v>
                </c:pt>
                <c:pt idx="2646">
                  <c:v>-0.44393766849634253</c:v>
                </c:pt>
                <c:pt idx="2647">
                  <c:v>-0.44393766849634253</c:v>
                </c:pt>
                <c:pt idx="2648">
                  <c:v>-0.44393766849634253</c:v>
                </c:pt>
                <c:pt idx="2649">
                  <c:v>-0.44393766849634253</c:v>
                </c:pt>
                <c:pt idx="2650">
                  <c:v>-0.44393766849634253</c:v>
                </c:pt>
                <c:pt idx="2651">
                  <c:v>-0.44434948451534889</c:v>
                </c:pt>
                <c:pt idx="2652">
                  <c:v>-0.44434948451534889</c:v>
                </c:pt>
                <c:pt idx="2653">
                  <c:v>-0.44434948451534889</c:v>
                </c:pt>
                <c:pt idx="2654">
                  <c:v>-0.44434948451534889</c:v>
                </c:pt>
                <c:pt idx="2655">
                  <c:v>-0.44434948451534889</c:v>
                </c:pt>
                <c:pt idx="2656">
                  <c:v>-0.44434948451534889</c:v>
                </c:pt>
                <c:pt idx="2657">
                  <c:v>-0.44476130053437674</c:v>
                </c:pt>
                <c:pt idx="2658">
                  <c:v>-0.44476130053437674</c:v>
                </c:pt>
                <c:pt idx="2659">
                  <c:v>-0.44476130053437674</c:v>
                </c:pt>
                <c:pt idx="2660">
                  <c:v>-0.44476130053437674</c:v>
                </c:pt>
                <c:pt idx="2661">
                  <c:v>-0.44476130053437674</c:v>
                </c:pt>
                <c:pt idx="2662">
                  <c:v>-0.44516100431753874</c:v>
                </c:pt>
                <c:pt idx="2663">
                  <c:v>-0.44516100431753874</c:v>
                </c:pt>
                <c:pt idx="2664">
                  <c:v>-0.44516100431753874</c:v>
                </c:pt>
                <c:pt idx="2665">
                  <c:v>-0.44516100431753874</c:v>
                </c:pt>
                <c:pt idx="2666">
                  <c:v>-0.44516100431753874</c:v>
                </c:pt>
                <c:pt idx="2667">
                  <c:v>-0.44557282033654511</c:v>
                </c:pt>
                <c:pt idx="2668">
                  <c:v>-0.44557282033654511</c:v>
                </c:pt>
                <c:pt idx="2669">
                  <c:v>-0.44557282033654511</c:v>
                </c:pt>
                <c:pt idx="2670">
                  <c:v>-0.44598463635555136</c:v>
                </c:pt>
                <c:pt idx="2671">
                  <c:v>-0.44598463635555136</c:v>
                </c:pt>
                <c:pt idx="2672">
                  <c:v>-0.44638434013871348</c:v>
                </c:pt>
                <c:pt idx="2673">
                  <c:v>-0.44679615615771973</c:v>
                </c:pt>
                <c:pt idx="2674">
                  <c:v>-0.44679615615771973</c:v>
                </c:pt>
                <c:pt idx="2675">
                  <c:v>-0.44720797217674757</c:v>
                </c:pt>
                <c:pt idx="2676">
                  <c:v>-0.44760767595990969</c:v>
                </c:pt>
                <c:pt idx="2677">
                  <c:v>-0.44801949197891594</c:v>
                </c:pt>
                <c:pt idx="2678">
                  <c:v>-0.4484313079979223</c:v>
                </c:pt>
                <c:pt idx="2679">
                  <c:v>-0.4484313079979223</c:v>
                </c:pt>
                <c:pt idx="2680">
                  <c:v>-0.44883101178108431</c:v>
                </c:pt>
                <c:pt idx="2681">
                  <c:v>-0.44924282780011215</c:v>
                </c:pt>
                <c:pt idx="2682">
                  <c:v>-0.44965464381911852</c:v>
                </c:pt>
                <c:pt idx="2683">
                  <c:v>-0.45046616362128689</c:v>
                </c:pt>
                <c:pt idx="2684">
                  <c:v>-0.45087797964029325</c:v>
                </c:pt>
                <c:pt idx="2685">
                  <c:v>-0.45127768342345526</c:v>
                </c:pt>
                <c:pt idx="2686">
                  <c:v>-0.4516894994424831</c:v>
                </c:pt>
                <c:pt idx="2687">
                  <c:v>-0.45210131546148935</c:v>
                </c:pt>
                <c:pt idx="2688">
                  <c:v>-0.45250101924465147</c:v>
                </c:pt>
                <c:pt idx="2689">
                  <c:v>-0.45250101924465147</c:v>
                </c:pt>
                <c:pt idx="2690">
                  <c:v>-0.45331253904681984</c:v>
                </c:pt>
                <c:pt idx="2691">
                  <c:v>-0.4537243550658262</c:v>
                </c:pt>
                <c:pt idx="2692">
                  <c:v>-0.45413617108485393</c:v>
                </c:pt>
                <c:pt idx="2693">
                  <c:v>-0.45453587486801605</c:v>
                </c:pt>
                <c:pt idx="2694">
                  <c:v>-0.4549476908870223</c:v>
                </c:pt>
                <c:pt idx="2695">
                  <c:v>-0.4549476908870223</c:v>
                </c:pt>
                <c:pt idx="2696">
                  <c:v>-0.45535950690602867</c:v>
                </c:pt>
                <c:pt idx="2697">
                  <c:v>-0.45575921068919067</c:v>
                </c:pt>
                <c:pt idx="2698">
                  <c:v>-0.45575921068919067</c:v>
                </c:pt>
                <c:pt idx="2699">
                  <c:v>-0.45617102670821852</c:v>
                </c:pt>
                <c:pt idx="2700">
                  <c:v>-0.45617102670821852</c:v>
                </c:pt>
                <c:pt idx="2701">
                  <c:v>-0.45617102670821852</c:v>
                </c:pt>
                <c:pt idx="2702">
                  <c:v>-0.45658284272722488</c:v>
                </c:pt>
                <c:pt idx="2703">
                  <c:v>-0.45658284272722488</c:v>
                </c:pt>
                <c:pt idx="2704">
                  <c:v>-0.45658284272722488</c:v>
                </c:pt>
                <c:pt idx="2705">
                  <c:v>-0.45658284272722488</c:v>
                </c:pt>
                <c:pt idx="2706">
                  <c:v>-0.45658284272722488</c:v>
                </c:pt>
                <c:pt idx="2707">
                  <c:v>-0.45658284272722488</c:v>
                </c:pt>
                <c:pt idx="2708">
                  <c:v>-0.45658284272722488</c:v>
                </c:pt>
                <c:pt idx="2709">
                  <c:v>-0.45658284272722488</c:v>
                </c:pt>
                <c:pt idx="2710">
                  <c:v>-0.45617102670821852</c:v>
                </c:pt>
                <c:pt idx="2711">
                  <c:v>-0.45617102670821852</c:v>
                </c:pt>
                <c:pt idx="2712">
                  <c:v>-0.45617102670821852</c:v>
                </c:pt>
                <c:pt idx="2713">
                  <c:v>-0.45617102670821852</c:v>
                </c:pt>
                <c:pt idx="2714">
                  <c:v>-0.45617102670821852</c:v>
                </c:pt>
                <c:pt idx="2715">
                  <c:v>-0.45575921068919067</c:v>
                </c:pt>
                <c:pt idx="2716">
                  <c:v>-0.45575921068919067</c:v>
                </c:pt>
                <c:pt idx="2717">
                  <c:v>-0.45575921068919067</c:v>
                </c:pt>
                <c:pt idx="2718">
                  <c:v>-0.45535950690602867</c:v>
                </c:pt>
                <c:pt idx="2719">
                  <c:v>-0.45535950690602867</c:v>
                </c:pt>
                <c:pt idx="2720">
                  <c:v>-0.45535950690602867</c:v>
                </c:pt>
                <c:pt idx="2721">
                  <c:v>-0.4549476908870223</c:v>
                </c:pt>
                <c:pt idx="2722">
                  <c:v>-0.4549476908870223</c:v>
                </c:pt>
                <c:pt idx="2723">
                  <c:v>-0.45453587486801605</c:v>
                </c:pt>
                <c:pt idx="2724">
                  <c:v>-0.45413617108485393</c:v>
                </c:pt>
                <c:pt idx="2725">
                  <c:v>-0.45413617108485393</c:v>
                </c:pt>
                <c:pt idx="2726">
                  <c:v>-0.45413617108485393</c:v>
                </c:pt>
                <c:pt idx="2727">
                  <c:v>-0.4537243550658262</c:v>
                </c:pt>
                <c:pt idx="2728">
                  <c:v>-0.4537243550658262</c:v>
                </c:pt>
                <c:pt idx="2729">
                  <c:v>-0.45331253904681984</c:v>
                </c:pt>
                <c:pt idx="2730">
                  <c:v>-0.45331253904681984</c:v>
                </c:pt>
                <c:pt idx="2731">
                  <c:v>-0.45291283526365772</c:v>
                </c:pt>
                <c:pt idx="2732">
                  <c:v>-0.45250101924465147</c:v>
                </c:pt>
                <c:pt idx="2733">
                  <c:v>-0.45250101924465147</c:v>
                </c:pt>
                <c:pt idx="2734">
                  <c:v>-0.45210131546148935</c:v>
                </c:pt>
                <c:pt idx="2735">
                  <c:v>-0.45210131546148935</c:v>
                </c:pt>
                <c:pt idx="2736">
                  <c:v>-0.4516894994424831</c:v>
                </c:pt>
                <c:pt idx="2737">
                  <c:v>-0.45127768342345526</c:v>
                </c:pt>
                <c:pt idx="2738">
                  <c:v>-0.45127768342345526</c:v>
                </c:pt>
                <c:pt idx="2739">
                  <c:v>-0.45087797964029325</c:v>
                </c:pt>
                <c:pt idx="2740">
                  <c:v>-0.45087797964029325</c:v>
                </c:pt>
                <c:pt idx="2741">
                  <c:v>-0.45046616362128689</c:v>
                </c:pt>
                <c:pt idx="2742">
                  <c:v>-0.45005434760228052</c:v>
                </c:pt>
                <c:pt idx="2743">
                  <c:v>-0.45005434760228052</c:v>
                </c:pt>
                <c:pt idx="2744">
                  <c:v>-0.44965464381911852</c:v>
                </c:pt>
                <c:pt idx="2745">
                  <c:v>-0.44965464381911852</c:v>
                </c:pt>
                <c:pt idx="2746">
                  <c:v>-0.44924282780011215</c:v>
                </c:pt>
                <c:pt idx="2747">
                  <c:v>-0.44924282780011215</c:v>
                </c:pt>
                <c:pt idx="2748">
                  <c:v>-0.44883101178108431</c:v>
                </c:pt>
                <c:pt idx="2749">
                  <c:v>-0.4484313079979223</c:v>
                </c:pt>
                <c:pt idx="2750">
                  <c:v>-0.4484313079979223</c:v>
                </c:pt>
                <c:pt idx="2751">
                  <c:v>-0.44801949197891594</c:v>
                </c:pt>
                <c:pt idx="2752">
                  <c:v>-0.44760767595990969</c:v>
                </c:pt>
                <c:pt idx="2753">
                  <c:v>-0.44760767595990969</c:v>
                </c:pt>
                <c:pt idx="2754">
                  <c:v>-0.44720797217674757</c:v>
                </c:pt>
                <c:pt idx="2755">
                  <c:v>-0.44679615615771973</c:v>
                </c:pt>
                <c:pt idx="2756">
                  <c:v>-0.44638434013871348</c:v>
                </c:pt>
                <c:pt idx="2757">
                  <c:v>-0.44638434013871348</c:v>
                </c:pt>
                <c:pt idx="2758">
                  <c:v>-0.44598463635555136</c:v>
                </c:pt>
                <c:pt idx="2759">
                  <c:v>-0.44598463635555136</c:v>
                </c:pt>
                <c:pt idx="2760">
                  <c:v>-0.44557282033654511</c:v>
                </c:pt>
                <c:pt idx="2761">
                  <c:v>-0.44516100431753874</c:v>
                </c:pt>
                <c:pt idx="2762">
                  <c:v>-0.44476130053437674</c:v>
                </c:pt>
                <c:pt idx="2763">
                  <c:v>-0.44476130053437674</c:v>
                </c:pt>
                <c:pt idx="2764">
                  <c:v>-0.44434948451534889</c:v>
                </c:pt>
                <c:pt idx="2765">
                  <c:v>-0.44393766849634253</c:v>
                </c:pt>
                <c:pt idx="2766">
                  <c:v>-0.44353796471318052</c:v>
                </c:pt>
                <c:pt idx="2767">
                  <c:v>-0.44312614869417416</c:v>
                </c:pt>
                <c:pt idx="2768">
                  <c:v>-0.44312614869417416</c:v>
                </c:pt>
                <c:pt idx="2769">
                  <c:v>-0.44271433267514632</c:v>
                </c:pt>
                <c:pt idx="2770">
                  <c:v>-0.44231462889200585</c:v>
                </c:pt>
                <c:pt idx="2771">
                  <c:v>-0.44190281287297795</c:v>
                </c:pt>
                <c:pt idx="2772">
                  <c:v>-0.4414909968539717</c:v>
                </c:pt>
                <c:pt idx="2773">
                  <c:v>-0.44109129307080958</c:v>
                </c:pt>
                <c:pt idx="2774">
                  <c:v>-0.44067947705180333</c:v>
                </c:pt>
                <c:pt idx="2775">
                  <c:v>-0.44067947705180333</c:v>
                </c:pt>
                <c:pt idx="2776">
                  <c:v>-0.44026766103277548</c:v>
                </c:pt>
                <c:pt idx="2777">
                  <c:v>-0.43986795724961336</c:v>
                </c:pt>
                <c:pt idx="2778">
                  <c:v>-0.43945614123060711</c:v>
                </c:pt>
                <c:pt idx="2779">
                  <c:v>-0.43904432521160075</c:v>
                </c:pt>
                <c:pt idx="2780">
                  <c:v>-0.43864462142843874</c:v>
                </c:pt>
                <c:pt idx="2781">
                  <c:v>-0.43823280540943244</c:v>
                </c:pt>
                <c:pt idx="2782">
                  <c:v>-0.43783310162627037</c:v>
                </c:pt>
                <c:pt idx="2783">
                  <c:v>-0.43742128560724253</c:v>
                </c:pt>
                <c:pt idx="2784">
                  <c:v>-0.43700946958823617</c:v>
                </c:pt>
                <c:pt idx="2785">
                  <c:v>-0.43700946958823617</c:v>
                </c:pt>
                <c:pt idx="2786">
                  <c:v>-0.43660976580507416</c:v>
                </c:pt>
                <c:pt idx="2787">
                  <c:v>-0.43619794978606785</c:v>
                </c:pt>
                <c:pt idx="2788">
                  <c:v>-0.43578613376703995</c:v>
                </c:pt>
                <c:pt idx="2789">
                  <c:v>-0.43538642998389948</c:v>
                </c:pt>
                <c:pt idx="2790">
                  <c:v>-0.43497461396487158</c:v>
                </c:pt>
                <c:pt idx="2791">
                  <c:v>-0.43456279794586533</c:v>
                </c:pt>
                <c:pt idx="2792">
                  <c:v>-0.43416309416270327</c:v>
                </c:pt>
                <c:pt idx="2793">
                  <c:v>-0.43375127814369691</c:v>
                </c:pt>
                <c:pt idx="2794">
                  <c:v>-0.43333946212466912</c:v>
                </c:pt>
                <c:pt idx="2795">
                  <c:v>-0.432939758341507</c:v>
                </c:pt>
                <c:pt idx="2796">
                  <c:v>-0.43252794232250075</c:v>
                </c:pt>
                <c:pt idx="2797">
                  <c:v>-0.43211612630349439</c:v>
                </c:pt>
                <c:pt idx="2798">
                  <c:v>-0.43171642252033238</c:v>
                </c:pt>
                <c:pt idx="2799">
                  <c:v>-0.43130460650132607</c:v>
                </c:pt>
                <c:pt idx="2800">
                  <c:v>-0.43089279048229817</c:v>
                </c:pt>
                <c:pt idx="2801">
                  <c:v>-0.43049308669913616</c:v>
                </c:pt>
                <c:pt idx="2802">
                  <c:v>-0.4300812706801298</c:v>
                </c:pt>
                <c:pt idx="2803">
                  <c:v>-0.4296694546611235</c:v>
                </c:pt>
                <c:pt idx="2804">
                  <c:v>-0.42926975087796149</c:v>
                </c:pt>
                <c:pt idx="2805">
                  <c:v>-0.42885793485893359</c:v>
                </c:pt>
                <c:pt idx="2806">
                  <c:v>-0.42844611883992734</c:v>
                </c:pt>
                <c:pt idx="2807">
                  <c:v>-0.42763459903775891</c:v>
                </c:pt>
                <c:pt idx="2808">
                  <c:v>-0.42722278301875261</c:v>
                </c:pt>
                <c:pt idx="2809">
                  <c:v>-0.42682307923559054</c:v>
                </c:pt>
                <c:pt idx="2810">
                  <c:v>-0.42641126321656275</c:v>
                </c:pt>
                <c:pt idx="2811">
                  <c:v>-0.42599944719755639</c:v>
                </c:pt>
                <c:pt idx="2812">
                  <c:v>-0.42559974341439438</c:v>
                </c:pt>
                <c:pt idx="2813">
                  <c:v>-0.42518792739538802</c:v>
                </c:pt>
                <c:pt idx="2814">
                  <c:v>-0.42478822361222596</c:v>
                </c:pt>
                <c:pt idx="2815">
                  <c:v>-0.42437640759321971</c:v>
                </c:pt>
                <c:pt idx="2816">
                  <c:v>-0.42396459157419181</c:v>
                </c:pt>
                <c:pt idx="2817">
                  <c:v>-0.4235648877910298</c:v>
                </c:pt>
                <c:pt idx="2818">
                  <c:v>-0.42315307177202344</c:v>
                </c:pt>
                <c:pt idx="2819">
                  <c:v>-0.42274125575301713</c:v>
                </c:pt>
                <c:pt idx="2820">
                  <c:v>-0.42234155196985512</c:v>
                </c:pt>
                <c:pt idx="2821">
                  <c:v>-0.42192973595084876</c:v>
                </c:pt>
                <c:pt idx="2822">
                  <c:v>-0.42151791993182097</c:v>
                </c:pt>
                <c:pt idx="2823">
                  <c:v>-0.42111821614865885</c:v>
                </c:pt>
                <c:pt idx="2824">
                  <c:v>-0.4202945841106463</c:v>
                </c:pt>
                <c:pt idx="2825">
                  <c:v>-0.41989488032748418</c:v>
                </c:pt>
                <c:pt idx="2826">
                  <c:v>-0.41948306430845639</c:v>
                </c:pt>
                <c:pt idx="2827">
                  <c:v>-0.41907124828945003</c:v>
                </c:pt>
                <c:pt idx="2828">
                  <c:v>-0.41867154450628802</c:v>
                </c:pt>
                <c:pt idx="2829">
                  <c:v>-0.41825972848728171</c:v>
                </c:pt>
                <c:pt idx="2830">
                  <c:v>-0.41784791246827535</c:v>
                </c:pt>
                <c:pt idx="2831">
                  <c:v>-0.41744820868511334</c:v>
                </c:pt>
                <c:pt idx="2832">
                  <c:v>-0.41703639266608544</c:v>
                </c:pt>
                <c:pt idx="2833">
                  <c:v>-0.41662457664707914</c:v>
                </c:pt>
                <c:pt idx="2834">
                  <c:v>-0.41581305684491077</c:v>
                </c:pt>
                <c:pt idx="2835">
                  <c:v>-0.41540124082588298</c:v>
                </c:pt>
                <c:pt idx="2836">
                  <c:v>-0.4150015370427424</c:v>
                </c:pt>
                <c:pt idx="2837">
                  <c:v>-0.41458972102371455</c:v>
                </c:pt>
                <c:pt idx="2838">
                  <c:v>-0.4141779050047083</c:v>
                </c:pt>
                <c:pt idx="2839">
                  <c:v>-0.41377820122154618</c:v>
                </c:pt>
                <c:pt idx="2840">
                  <c:v>-0.41295456918351203</c:v>
                </c:pt>
                <c:pt idx="2841">
                  <c:v>-0.41255486540035002</c:v>
                </c:pt>
                <c:pt idx="2842">
                  <c:v>-0.41214304938134372</c:v>
                </c:pt>
                <c:pt idx="2843">
                  <c:v>-0.41173123336233736</c:v>
                </c:pt>
                <c:pt idx="2844">
                  <c:v>-0.41133152957917535</c:v>
                </c:pt>
                <c:pt idx="2845">
                  <c:v>-0.41091971356016899</c:v>
                </c:pt>
                <c:pt idx="2846">
                  <c:v>-0.41052000977700698</c:v>
                </c:pt>
                <c:pt idx="2847">
                  <c:v>-0.41010819375797913</c:v>
                </c:pt>
                <c:pt idx="2848">
                  <c:v>-0.40969637773897277</c:v>
                </c:pt>
                <c:pt idx="2849">
                  <c:v>-0.40929667395581076</c:v>
                </c:pt>
                <c:pt idx="2850">
                  <c:v>-0.40847304191777656</c:v>
                </c:pt>
                <c:pt idx="2851">
                  <c:v>-0.40807333813463603</c:v>
                </c:pt>
                <c:pt idx="2852">
                  <c:v>-0.40766152211560819</c:v>
                </c:pt>
                <c:pt idx="2853">
                  <c:v>-0.40724970609660194</c:v>
                </c:pt>
                <c:pt idx="2854">
                  <c:v>-0.40685000231343982</c:v>
                </c:pt>
                <c:pt idx="2855">
                  <c:v>-0.40602637027540567</c:v>
                </c:pt>
                <c:pt idx="2856">
                  <c:v>-0.4056266664922436</c:v>
                </c:pt>
                <c:pt idx="2857">
                  <c:v>-0.40521485047323735</c:v>
                </c:pt>
                <c:pt idx="2858">
                  <c:v>-0.40480303445423099</c:v>
                </c:pt>
                <c:pt idx="2859">
                  <c:v>-0.40440333067106898</c:v>
                </c:pt>
                <c:pt idx="2860">
                  <c:v>-0.40399151465206262</c:v>
                </c:pt>
                <c:pt idx="2861">
                  <c:v>-0.40317999484987277</c:v>
                </c:pt>
                <c:pt idx="2862">
                  <c:v>-0.40276817883086641</c:v>
                </c:pt>
                <c:pt idx="2863">
                  <c:v>-0.40235636281186016</c:v>
                </c:pt>
                <c:pt idx="2864">
                  <c:v>-0.40195665902869804</c:v>
                </c:pt>
                <c:pt idx="2865">
                  <c:v>-0.40113302699066389</c:v>
                </c:pt>
                <c:pt idx="2866">
                  <c:v>-0.40073332320750182</c:v>
                </c:pt>
                <c:pt idx="2867">
                  <c:v>-0.40032150718849557</c:v>
                </c:pt>
                <c:pt idx="2868">
                  <c:v>-0.3995099873863272</c:v>
                </c:pt>
                <c:pt idx="2869">
                  <c:v>-0.3990981713672993</c:v>
                </c:pt>
                <c:pt idx="2870">
                  <c:v>-0.398686355348293</c:v>
                </c:pt>
                <c:pt idx="2871">
                  <c:v>-0.39828665156513099</c:v>
                </c:pt>
                <c:pt idx="2872">
                  <c:v>-0.39747513176296262</c:v>
                </c:pt>
                <c:pt idx="2873">
                  <c:v>-0.39706331574395626</c:v>
                </c:pt>
                <c:pt idx="2874">
                  <c:v>-0.39665149972492841</c:v>
                </c:pt>
                <c:pt idx="2875">
                  <c:v>-0.3962517959417664</c:v>
                </c:pt>
                <c:pt idx="2876">
                  <c:v>-0.39542816390375368</c:v>
                </c:pt>
                <c:pt idx="2877">
                  <c:v>-0.39502846012059167</c:v>
                </c:pt>
                <c:pt idx="2878">
                  <c:v>-0.39461664410156383</c:v>
                </c:pt>
                <c:pt idx="2879">
                  <c:v>-0.39420482808255758</c:v>
                </c:pt>
                <c:pt idx="2880">
                  <c:v>-0.39339330828038921</c:v>
                </c:pt>
                <c:pt idx="2881">
                  <c:v>-0.39298149226138285</c:v>
                </c:pt>
                <c:pt idx="2882">
                  <c:v>-0.39258178847822073</c:v>
                </c:pt>
                <c:pt idx="2883">
                  <c:v>-0.39175815644018663</c:v>
                </c:pt>
                <c:pt idx="2884">
                  <c:v>-0.39135845265702462</c:v>
                </c:pt>
                <c:pt idx="2885">
                  <c:v>-0.39094663663801826</c:v>
                </c:pt>
                <c:pt idx="2886">
                  <c:v>-0.39053482061899042</c:v>
                </c:pt>
                <c:pt idx="2887">
                  <c:v>-0.39013511683584989</c:v>
                </c:pt>
                <c:pt idx="2888">
                  <c:v>-0.38931148479781574</c:v>
                </c:pt>
                <c:pt idx="2889">
                  <c:v>-0.38891178101465368</c:v>
                </c:pt>
                <c:pt idx="2890">
                  <c:v>-0.38849996499564737</c:v>
                </c:pt>
                <c:pt idx="2891">
                  <c:v>-0.38808814897661953</c:v>
                </c:pt>
                <c:pt idx="2892">
                  <c:v>-0.38768844519345746</c:v>
                </c:pt>
                <c:pt idx="2893">
                  <c:v>-0.38686481315544485</c:v>
                </c:pt>
                <c:pt idx="2894">
                  <c:v>-0.38646510937228279</c:v>
                </c:pt>
                <c:pt idx="2895">
                  <c:v>-0.38605329335327648</c:v>
                </c:pt>
                <c:pt idx="2896">
                  <c:v>-0.38524177355108657</c:v>
                </c:pt>
                <c:pt idx="2897">
                  <c:v>-0.38482995753208027</c:v>
                </c:pt>
                <c:pt idx="2898">
                  <c:v>-0.38441814151307396</c:v>
                </c:pt>
                <c:pt idx="2899">
                  <c:v>-0.38360662171088405</c:v>
                </c:pt>
                <c:pt idx="2900">
                  <c:v>-0.38320691792774353</c:v>
                </c:pt>
                <c:pt idx="2901">
                  <c:v>-0.38238328588970938</c:v>
                </c:pt>
                <c:pt idx="2902">
                  <c:v>-0.38198358210654731</c:v>
                </c:pt>
                <c:pt idx="2903">
                  <c:v>-0.38115995006851316</c:v>
                </c:pt>
                <c:pt idx="2904">
                  <c:v>-0.3807602462853511</c:v>
                </c:pt>
                <c:pt idx="2905">
                  <c:v>-0.37993661424733849</c:v>
                </c:pt>
                <c:pt idx="2906">
                  <c:v>-0.37953691046417642</c:v>
                </c:pt>
                <c:pt idx="2907">
                  <c:v>-0.37871327842614227</c:v>
                </c:pt>
                <c:pt idx="2908">
                  <c:v>-0.37831357464298021</c:v>
                </c:pt>
                <c:pt idx="2909">
                  <c:v>-0.3779017586239739</c:v>
                </c:pt>
                <c:pt idx="2910">
                  <c:v>-0.37709023882180553</c:v>
                </c:pt>
                <c:pt idx="2911">
                  <c:v>-0.37667842280277769</c:v>
                </c:pt>
                <c:pt idx="2912">
                  <c:v>-0.37586690300060932</c:v>
                </c:pt>
                <c:pt idx="2913">
                  <c:v>-0.37545508698160301</c:v>
                </c:pt>
                <c:pt idx="2914">
                  <c:v>-0.37464356717943459</c:v>
                </c:pt>
                <c:pt idx="2915">
                  <c:v>-0.37381993514140049</c:v>
                </c:pt>
                <c:pt idx="2916">
                  <c:v>-0.37342023135823843</c:v>
                </c:pt>
                <c:pt idx="2917">
                  <c:v>-0.37259659932020428</c:v>
                </c:pt>
                <c:pt idx="2918">
                  <c:v>-0.3721968955370637</c:v>
                </c:pt>
                <c:pt idx="2919">
                  <c:v>-0.37137326349902955</c:v>
                </c:pt>
                <c:pt idx="2920">
                  <c:v>-0.37097355971586754</c:v>
                </c:pt>
                <c:pt idx="2921">
                  <c:v>-0.37016203991369911</c:v>
                </c:pt>
                <c:pt idx="2922">
                  <c:v>-0.36975022389467133</c:v>
                </c:pt>
                <c:pt idx="2923">
                  <c:v>-0.36893870409250296</c:v>
                </c:pt>
                <c:pt idx="2924">
                  <c:v>-0.36852688807349659</c:v>
                </c:pt>
                <c:pt idx="2925">
                  <c:v>-0.36771536827132822</c:v>
                </c:pt>
                <c:pt idx="2926">
                  <c:v>-0.36730355225230044</c:v>
                </c:pt>
                <c:pt idx="2927">
                  <c:v>-0.36649203245013207</c:v>
                </c:pt>
                <c:pt idx="2928">
                  <c:v>-0.3660802164311257</c:v>
                </c:pt>
                <c:pt idx="2929">
                  <c:v>-0.3656684004121194</c:v>
                </c:pt>
                <c:pt idx="2930">
                  <c:v>-0.36485688060992955</c:v>
                </c:pt>
                <c:pt idx="2931">
                  <c:v>-0.36444506459092318</c:v>
                </c:pt>
                <c:pt idx="2932">
                  <c:v>-0.36363354478875481</c:v>
                </c:pt>
                <c:pt idx="2933">
                  <c:v>-0.36322172876972703</c:v>
                </c:pt>
                <c:pt idx="2934">
                  <c:v>-0.36282202498656496</c:v>
                </c:pt>
                <c:pt idx="2935">
                  <c:v>-0.36199839294855229</c:v>
                </c:pt>
                <c:pt idx="2936">
                  <c:v>-0.36159868916539023</c:v>
                </c:pt>
                <c:pt idx="2937">
                  <c:v>-0.36077505712735614</c:v>
                </c:pt>
                <c:pt idx="2938">
                  <c:v>-0.36037535334419407</c:v>
                </c:pt>
                <c:pt idx="2939">
                  <c:v>-0.3595517213061814</c:v>
                </c:pt>
                <c:pt idx="2940">
                  <c:v>-0.35915201752301934</c:v>
                </c:pt>
                <c:pt idx="2941">
                  <c:v>-0.35832838548498519</c:v>
                </c:pt>
                <c:pt idx="2942">
                  <c:v>-0.35792868170182318</c:v>
                </c:pt>
                <c:pt idx="2943">
                  <c:v>-0.35751686568281682</c:v>
                </c:pt>
                <c:pt idx="2944">
                  <c:v>-0.35670534588064845</c:v>
                </c:pt>
                <c:pt idx="2945">
                  <c:v>-0.35629352986162066</c:v>
                </c:pt>
                <c:pt idx="2946">
                  <c:v>-0.35589382607848008</c:v>
                </c:pt>
                <c:pt idx="2947">
                  <c:v>-0.35507019404044593</c:v>
                </c:pt>
                <c:pt idx="2948">
                  <c:v>-0.35467049025728387</c:v>
                </c:pt>
                <c:pt idx="2949">
                  <c:v>-0.35384685821924972</c:v>
                </c:pt>
                <c:pt idx="2950">
                  <c:v>-0.35344715443608771</c:v>
                </c:pt>
                <c:pt idx="2951">
                  <c:v>-0.35303533841708135</c:v>
                </c:pt>
                <c:pt idx="2952">
                  <c:v>-0.35222381861491298</c:v>
                </c:pt>
                <c:pt idx="2953">
                  <c:v>-0.35181200259590667</c:v>
                </c:pt>
                <c:pt idx="2954">
                  <c:v>-0.35100048279371676</c:v>
                </c:pt>
                <c:pt idx="2955">
                  <c:v>-0.35058866677471046</c:v>
                </c:pt>
                <c:pt idx="2956">
                  <c:v>-0.34977714697254209</c:v>
                </c:pt>
                <c:pt idx="2957">
                  <c:v>-0.34936533095351424</c:v>
                </c:pt>
                <c:pt idx="2958">
                  <c:v>-0.34855381115134587</c:v>
                </c:pt>
                <c:pt idx="2959">
                  <c:v>-0.34814199513233957</c:v>
                </c:pt>
                <c:pt idx="2960">
                  <c:v>-0.3473304753301712</c:v>
                </c:pt>
                <c:pt idx="2961">
                  <c:v>-0.34691865931114335</c:v>
                </c:pt>
                <c:pt idx="2962">
                  <c:v>-0.34650684329213705</c:v>
                </c:pt>
                <c:pt idx="2963">
                  <c:v>-0.34610713950897498</c:v>
                </c:pt>
                <c:pt idx="2964">
                  <c:v>-0.34528350747094083</c:v>
                </c:pt>
                <c:pt idx="2965">
                  <c:v>-0.34488380368780036</c:v>
                </c:pt>
                <c:pt idx="2966">
                  <c:v>-0.34406017164976616</c:v>
                </c:pt>
                <c:pt idx="2967">
                  <c:v>-0.34366046786660409</c:v>
                </c:pt>
                <c:pt idx="2968">
                  <c:v>-0.34284894806443578</c:v>
                </c:pt>
                <c:pt idx="2969">
                  <c:v>-0.34243713204540788</c:v>
                </c:pt>
                <c:pt idx="2970">
                  <c:v>-0.34162561224323951</c:v>
                </c:pt>
                <c:pt idx="2971">
                  <c:v>-0.3412137962242332</c:v>
                </c:pt>
                <c:pt idx="2972">
                  <c:v>-0.34040227642206489</c:v>
                </c:pt>
                <c:pt idx="2973">
                  <c:v>-0.33999046040303699</c:v>
                </c:pt>
                <c:pt idx="2974">
                  <c:v>-0.33917894060086862</c:v>
                </c:pt>
                <c:pt idx="2975">
                  <c:v>-0.33876712458186231</c:v>
                </c:pt>
                <c:pt idx="2976">
                  <c:v>-0.33795560477969394</c:v>
                </c:pt>
                <c:pt idx="2977">
                  <c:v>-0.3375437887606661</c:v>
                </c:pt>
                <c:pt idx="2978">
                  <c:v>-0.33673226895849773</c:v>
                </c:pt>
                <c:pt idx="2979">
                  <c:v>-0.33632045293949142</c:v>
                </c:pt>
                <c:pt idx="2980">
                  <c:v>-0.33550893313730151</c:v>
                </c:pt>
                <c:pt idx="2981">
                  <c:v>-0.33509711711829521</c:v>
                </c:pt>
                <c:pt idx="2982">
                  <c:v>-0.33428559731612684</c:v>
                </c:pt>
                <c:pt idx="2983">
                  <c:v>-0.33387378129712053</c:v>
                </c:pt>
                <c:pt idx="2984">
                  <c:v>-0.33306226149493062</c:v>
                </c:pt>
                <c:pt idx="2985">
                  <c:v>-0.33223862945691801</c:v>
                </c:pt>
                <c:pt idx="2986">
                  <c:v>-0.33183892567375595</c:v>
                </c:pt>
                <c:pt idx="2987">
                  <c:v>-0.3310152936357218</c:v>
                </c:pt>
                <c:pt idx="2988">
                  <c:v>-0.33061558985255973</c:v>
                </c:pt>
                <c:pt idx="2989">
                  <c:v>-0.32980407005039136</c:v>
                </c:pt>
                <c:pt idx="2990">
                  <c:v>-0.32898043801235721</c:v>
                </c:pt>
                <c:pt idx="2991">
                  <c:v>-0.32858073422919515</c:v>
                </c:pt>
                <c:pt idx="2992">
                  <c:v>-0.32775710219118254</c:v>
                </c:pt>
                <c:pt idx="2993">
                  <c:v>-0.32735739840802047</c:v>
                </c:pt>
                <c:pt idx="2994">
                  <c:v>-0.32653376636998632</c:v>
                </c:pt>
                <c:pt idx="2995">
                  <c:v>-0.32572224656781795</c:v>
                </c:pt>
                <c:pt idx="2996">
                  <c:v>-0.32531043054881165</c:v>
                </c:pt>
                <c:pt idx="2997">
                  <c:v>-0.32449891074662174</c:v>
                </c:pt>
                <c:pt idx="2998">
                  <c:v>-0.32408709472761543</c:v>
                </c:pt>
                <c:pt idx="2999">
                  <c:v>-0.32327557492544706</c:v>
                </c:pt>
                <c:pt idx="3000">
                  <c:v>-0.32246405512327869</c:v>
                </c:pt>
                <c:pt idx="3001">
                  <c:v>-0.32205223910425085</c:v>
                </c:pt>
                <c:pt idx="3002">
                  <c:v>-0.32124071930208248</c:v>
                </c:pt>
                <c:pt idx="3003">
                  <c:v>-0.32041708726404833</c:v>
                </c:pt>
                <c:pt idx="3004">
                  <c:v>-0.3200173834809078</c:v>
                </c:pt>
                <c:pt idx="3005">
                  <c:v>-0.31919375144287365</c:v>
                </c:pt>
                <c:pt idx="3006">
                  <c:v>-0.31838223164070528</c:v>
                </c:pt>
                <c:pt idx="3007">
                  <c:v>-0.31797041562167738</c:v>
                </c:pt>
                <c:pt idx="3008">
                  <c:v>-0.31715889581950907</c:v>
                </c:pt>
                <c:pt idx="3009">
                  <c:v>-0.3163473760173407</c:v>
                </c:pt>
                <c:pt idx="3010">
                  <c:v>-0.31593555999833439</c:v>
                </c:pt>
                <c:pt idx="3011">
                  <c:v>-0.31512404019614448</c:v>
                </c:pt>
                <c:pt idx="3012">
                  <c:v>-0.31431252039397611</c:v>
                </c:pt>
                <c:pt idx="3013">
                  <c:v>-0.31348888835594196</c:v>
                </c:pt>
                <c:pt idx="3014">
                  <c:v>-0.31308918457280144</c:v>
                </c:pt>
                <c:pt idx="3015">
                  <c:v>-0.31226555253476729</c:v>
                </c:pt>
                <c:pt idx="3016">
                  <c:v>-0.31145403273259892</c:v>
                </c:pt>
                <c:pt idx="3017">
                  <c:v>-0.31064251293040901</c:v>
                </c:pt>
                <c:pt idx="3018">
                  <c:v>-0.3102306969114027</c:v>
                </c:pt>
                <c:pt idx="3019">
                  <c:v>-0.30941917710923433</c:v>
                </c:pt>
                <c:pt idx="3020">
                  <c:v>-0.30900736109022803</c:v>
                </c:pt>
                <c:pt idx="3021">
                  <c:v>-0.30819584128803812</c:v>
                </c:pt>
                <c:pt idx="3022">
                  <c:v>-0.30737220925002551</c:v>
                </c:pt>
                <c:pt idx="3023">
                  <c:v>-0.30697250546686344</c:v>
                </c:pt>
                <c:pt idx="3024">
                  <c:v>-0.30614887342882929</c:v>
                </c:pt>
                <c:pt idx="3025">
                  <c:v>-0.30533735362666092</c:v>
                </c:pt>
                <c:pt idx="3026">
                  <c:v>-0.30452583382449255</c:v>
                </c:pt>
                <c:pt idx="3027">
                  <c:v>-0.30411401780546471</c:v>
                </c:pt>
                <c:pt idx="3028">
                  <c:v>-0.30330249800329634</c:v>
                </c:pt>
                <c:pt idx="3029">
                  <c:v>-0.30289068198429003</c:v>
                </c:pt>
                <c:pt idx="3030">
                  <c:v>-0.30207916218212161</c:v>
                </c:pt>
                <c:pt idx="3031">
                  <c:v>-0.30126764237993175</c:v>
                </c:pt>
                <c:pt idx="3032">
                  <c:v>-0.30085582636092545</c:v>
                </c:pt>
                <c:pt idx="3033">
                  <c:v>-0.30004430655875708</c:v>
                </c:pt>
                <c:pt idx="3034">
                  <c:v>-0.29922067452072293</c:v>
                </c:pt>
                <c:pt idx="3035">
                  <c:v>-0.29882097073756086</c:v>
                </c:pt>
                <c:pt idx="3036">
                  <c:v>-0.2979973386995482</c:v>
                </c:pt>
                <c:pt idx="3037">
                  <c:v>-0.29759763491638613</c:v>
                </c:pt>
                <c:pt idx="3038">
                  <c:v>-0.29677400287835204</c:v>
                </c:pt>
                <c:pt idx="3039">
                  <c:v>-0.29637429909518997</c:v>
                </c:pt>
                <c:pt idx="3040">
                  <c:v>-0.29555066705717731</c:v>
                </c:pt>
                <c:pt idx="3041">
                  <c:v>-0.29473914725498745</c:v>
                </c:pt>
                <c:pt idx="3042">
                  <c:v>-0.29432733123598115</c:v>
                </c:pt>
                <c:pt idx="3043">
                  <c:v>-0.29351581143381272</c:v>
                </c:pt>
                <c:pt idx="3044">
                  <c:v>-0.29310399541478493</c:v>
                </c:pt>
                <c:pt idx="3045">
                  <c:v>-0.29229247561261656</c:v>
                </c:pt>
                <c:pt idx="3046">
                  <c:v>-0.29148095581044819</c:v>
                </c:pt>
                <c:pt idx="3047">
                  <c:v>-0.29106913979144183</c:v>
                </c:pt>
                <c:pt idx="3048">
                  <c:v>-0.29025761998925198</c:v>
                </c:pt>
                <c:pt idx="3049">
                  <c:v>-0.28943398795123931</c:v>
                </c:pt>
                <c:pt idx="3050">
                  <c:v>-0.28862246814907094</c:v>
                </c:pt>
                <c:pt idx="3051">
                  <c:v>-0.28822276436590888</c:v>
                </c:pt>
                <c:pt idx="3052">
                  <c:v>-0.28739913232787473</c:v>
                </c:pt>
                <c:pt idx="3053">
                  <c:v>-0.28658761252570636</c:v>
                </c:pt>
                <c:pt idx="3054">
                  <c:v>-0.28617579650667857</c:v>
                </c:pt>
                <c:pt idx="3055">
                  <c:v>-0.2853642767045102</c:v>
                </c:pt>
                <c:pt idx="3056">
                  <c:v>-0.28455275690234177</c:v>
                </c:pt>
                <c:pt idx="3057">
                  <c:v>-0.28372912486430768</c:v>
                </c:pt>
                <c:pt idx="3058">
                  <c:v>-0.28332942108114562</c:v>
                </c:pt>
                <c:pt idx="3059">
                  <c:v>-0.28250578904313295</c:v>
                </c:pt>
                <c:pt idx="3060">
                  <c:v>-0.28169426924096458</c:v>
                </c:pt>
                <c:pt idx="3061">
                  <c:v>-0.28128245322193673</c:v>
                </c:pt>
                <c:pt idx="3062">
                  <c:v>-0.28047093341976836</c:v>
                </c:pt>
                <c:pt idx="3063">
                  <c:v>-0.27965941361759999</c:v>
                </c:pt>
                <c:pt idx="3064">
                  <c:v>-0.27883578157956584</c:v>
                </c:pt>
                <c:pt idx="3065">
                  <c:v>-0.27802426177739747</c:v>
                </c:pt>
                <c:pt idx="3066">
                  <c:v>-0.2772127419752291</c:v>
                </c:pt>
                <c:pt idx="3067">
                  <c:v>-0.27680092595620126</c:v>
                </c:pt>
                <c:pt idx="3068">
                  <c:v>-0.27598940615403289</c:v>
                </c:pt>
                <c:pt idx="3069">
                  <c:v>-0.27517788635186452</c:v>
                </c:pt>
                <c:pt idx="3070">
                  <c:v>-0.27435425431383037</c:v>
                </c:pt>
                <c:pt idx="3071">
                  <c:v>-0.273542734511662</c:v>
                </c:pt>
                <c:pt idx="3072">
                  <c:v>-0.27273121470949363</c:v>
                </c:pt>
                <c:pt idx="3073">
                  <c:v>-0.27231939869046579</c:v>
                </c:pt>
                <c:pt idx="3074">
                  <c:v>-0.27150787888829742</c:v>
                </c:pt>
                <c:pt idx="3075">
                  <c:v>-0.2706842468502848</c:v>
                </c:pt>
                <c:pt idx="3076">
                  <c:v>-0.2698727270480949</c:v>
                </c:pt>
                <c:pt idx="3077">
                  <c:v>-0.26946091102908859</c:v>
                </c:pt>
                <c:pt idx="3078">
                  <c:v>-0.26864939122692022</c:v>
                </c:pt>
                <c:pt idx="3079">
                  <c:v>-0.26783787142475185</c:v>
                </c:pt>
                <c:pt idx="3080">
                  <c:v>-0.2670142393867177</c:v>
                </c:pt>
                <c:pt idx="3081">
                  <c:v>-0.26620271958454933</c:v>
                </c:pt>
                <c:pt idx="3082">
                  <c:v>-0.26539119978235942</c:v>
                </c:pt>
                <c:pt idx="3083">
                  <c:v>-0.26456756774434681</c:v>
                </c:pt>
                <c:pt idx="3084">
                  <c:v>-0.26375604794217844</c:v>
                </c:pt>
                <c:pt idx="3085">
                  <c:v>-0.26294452813998853</c:v>
                </c:pt>
                <c:pt idx="3086">
                  <c:v>-0.26213300833782016</c:v>
                </c:pt>
                <c:pt idx="3087">
                  <c:v>-0.26130937629978601</c:v>
                </c:pt>
                <c:pt idx="3088">
                  <c:v>-0.26049785649761764</c:v>
                </c:pt>
                <c:pt idx="3089">
                  <c:v>-0.25968633669544927</c:v>
                </c:pt>
                <c:pt idx="3090">
                  <c:v>-0.25927452067644297</c:v>
                </c:pt>
                <c:pt idx="3091">
                  <c:v>-0.25846300087425306</c:v>
                </c:pt>
                <c:pt idx="3092">
                  <c:v>-0.25763936883624039</c:v>
                </c:pt>
                <c:pt idx="3093">
                  <c:v>-0.25682784903407208</c:v>
                </c:pt>
                <c:pt idx="3094">
                  <c:v>-0.25601632923188217</c:v>
                </c:pt>
                <c:pt idx="3095">
                  <c:v>-0.2551926971938695</c:v>
                </c:pt>
                <c:pt idx="3096">
                  <c:v>-0.25438117739167965</c:v>
                </c:pt>
                <c:pt idx="3097">
                  <c:v>-0.25356965758951128</c:v>
                </c:pt>
                <c:pt idx="3098">
                  <c:v>-0.25274602555149861</c:v>
                </c:pt>
                <c:pt idx="3099">
                  <c:v>-0.25193450574930876</c:v>
                </c:pt>
                <c:pt idx="3100">
                  <c:v>-0.25112298594714039</c:v>
                </c:pt>
                <c:pt idx="3101">
                  <c:v>-0.25029935390912778</c:v>
                </c:pt>
                <c:pt idx="3102">
                  <c:v>-0.24948783410693787</c:v>
                </c:pt>
                <c:pt idx="3103">
                  <c:v>-0.24867631430476947</c:v>
                </c:pt>
                <c:pt idx="3104">
                  <c:v>-0.2478647945026011</c:v>
                </c:pt>
                <c:pt idx="3105">
                  <c:v>-0.24704116246456695</c:v>
                </c:pt>
                <c:pt idx="3106">
                  <c:v>-0.24664145868140494</c:v>
                </c:pt>
                <c:pt idx="3107">
                  <c:v>-0.24581782664339227</c:v>
                </c:pt>
                <c:pt idx="3108">
                  <c:v>-0.24500630684120239</c:v>
                </c:pt>
                <c:pt idx="3109">
                  <c:v>-0.24419478703903405</c:v>
                </c:pt>
                <c:pt idx="3110">
                  <c:v>-0.24337115500102138</c:v>
                </c:pt>
                <c:pt idx="3111">
                  <c:v>-0.2425596351988315</c:v>
                </c:pt>
                <c:pt idx="3112">
                  <c:v>-0.2417481153966631</c:v>
                </c:pt>
                <c:pt idx="3113">
                  <c:v>-0.2413362993776568</c:v>
                </c:pt>
                <c:pt idx="3114">
                  <c:v>-0.24052477957548843</c:v>
                </c:pt>
                <c:pt idx="3115">
                  <c:v>-0.23970114753745428</c:v>
                </c:pt>
                <c:pt idx="3116">
                  <c:v>-0.23888962773528591</c:v>
                </c:pt>
                <c:pt idx="3117">
                  <c:v>-0.23807810793309603</c:v>
                </c:pt>
                <c:pt idx="3118">
                  <c:v>8.2768130000000006</c:v>
                </c:pt>
                <c:pt idx="3119">
                  <c:v>8.2755340000000004</c:v>
                </c:pt>
                <c:pt idx="3120">
                  <c:v>8.2742880000000003</c:v>
                </c:pt>
                <c:pt idx="3121">
                  <c:v>8.2730429999999995</c:v>
                </c:pt>
                <c:pt idx="3122">
                  <c:v>8.2718310000000006</c:v>
                </c:pt>
                <c:pt idx="3123">
                  <c:v>8.2706199999999992</c:v>
                </c:pt>
                <c:pt idx="3124">
                  <c:v>8.2694419999999997</c:v>
                </c:pt>
                <c:pt idx="3125">
                  <c:v>8.2682640000000003</c:v>
                </c:pt>
                <c:pt idx="3126">
                  <c:v>8.2671189999999992</c:v>
                </c:pt>
                <c:pt idx="3127">
                  <c:v>8.2659749999999992</c:v>
                </c:pt>
                <c:pt idx="3128">
                  <c:v>8.2648639999999993</c:v>
                </c:pt>
                <c:pt idx="3129">
                  <c:v>8.2637870000000007</c:v>
                </c:pt>
                <c:pt idx="3130">
                  <c:v>8.2627100000000002</c:v>
                </c:pt>
                <c:pt idx="3131">
                  <c:v>8.2616669999999992</c:v>
                </c:pt>
                <c:pt idx="3132">
                  <c:v>8.2606570000000001</c:v>
                </c:pt>
                <c:pt idx="3133">
                  <c:v>8.2596480000000003</c:v>
                </c:pt>
                <c:pt idx="3134">
                  <c:v>8.2587050000000009</c:v>
                </c:pt>
                <c:pt idx="3135">
                  <c:v>8.2577289999999994</c:v>
                </c:pt>
                <c:pt idx="3136">
                  <c:v>8.2568210000000004</c:v>
                </c:pt>
                <c:pt idx="3137">
                  <c:v>8.2559120000000004</c:v>
                </c:pt>
                <c:pt idx="3138">
                  <c:v>8.2550369999999997</c:v>
                </c:pt>
                <c:pt idx="3139">
                  <c:v>8.2541949999999993</c:v>
                </c:pt>
                <c:pt idx="3140">
                  <c:v>8.2533879999999993</c:v>
                </c:pt>
                <c:pt idx="3141">
                  <c:v>8.25258</c:v>
                </c:pt>
                <c:pt idx="3142">
                  <c:v>8.2518060000000002</c:v>
                </c:pt>
                <c:pt idx="3143">
                  <c:v>8.2510650000000005</c:v>
                </c:pt>
                <c:pt idx="3144">
                  <c:v>8.2503580000000003</c:v>
                </c:pt>
                <c:pt idx="3145">
                  <c:v>8.2496519999999993</c:v>
                </c:pt>
                <c:pt idx="3146">
                  <c:v>8.2489790000000003</c:v>
                </c:pt>
                <c:pt idx="3147">
                  <c:v>8.2483050000000002</c:v>
                </c:pt>
                <c:pt idx="3148">
                  <c:v>8.2476660000000006</c:v>
                </c:pt>
                <c:pt idx="3149">
                  <c:v>8.2470599999999994</c:v>
                </c:pt>
                <c:pt idx="3150">
                  <c:v>8.246454</c:v>
                </c:pt>
                <c:pt idx="3151">
                  <c:v>8.2458819999999999</c:v>
                </c:pt>
                <c:pt idx="3152">
                  <c:v>8.2453099999999999</c:v>
                </c:pt>
                <c:pt idx="3153">
                  <c:v>8.2447379999999999</c:v>
                </c:pt>
                <c:pt idx="3154">
                  <c:v>8.2441990000000001</c:v>
                </c:pt>
                <c:pt idx="3155">
                  <c:v>8.2436939999999996</c:v>
                </c:pt>
                <c:pt idx="3156">
                  <c:v>8.2431900000000002</c:v>
                </c:pt>
                <c:pt idx="3157">
                  <c:v>8.2426849999999998</c:v>
                </c:pt>
                <c:pt idx="3158">
                  <c:v>8.2422140000000006</c:v>
                </c:pt>
                <c:pt idx="3159">
                  <c:v>8.2417759999999998</c:v>
                </c:pt>
                <c:pt idx="3160">
                  <c:v>8.2413050000000005</c:v>
                </c:pt>
                <c:pt idx="3161">
                  <c:v>8.2408669999999997</c:v>
                </c:pt>
                <c:pt idx="3162">
                  <c:v>8.2404630000000001</c:v>
                </c:pt>
                <c:pt idx="3163">
                  <c:v>8.2400599999999997</c:v>
                </c:pt>
                <c:pt idx="3164">
                  <c:v>8.2396560000000001</c:v>
                </c:pt>
                <c:pt idx="3165">
                  <c:v>8.2392520000000005</c:v>
                </c:pt>
                <c:pt idx="3166">
                  <c:v>8.2388820000000003</c:v>
                </c:pt>
                <c:pt idx="3167">
                  <c:v>8.2385110000000008</c:v>
                </c:pt>
                <c:pt idx="3168">
                  <c:v>8.238175</c:v>
                </c:pt>
                <c:pt idx="3169">
                  <c:v>8.2378049999999998</c:v>
                </c:pt>
                <c:pt idx="3170">
                  <c:v>8.2374679999999998</c:v>
                </c:pt>
                <c:pt idx="3171">
                  <c:v>8.2371649999999992</c:v>
                </c:pt>
                <c:pt idx="3172">
                  <c:v>8.2368279999999992</c:v>
                </c:pt>
                <c:pt idx="3173">
                  <c:v>8.2365259999999996</c:v>
                </c:pt>
                <c:pt idx="3174">
                  <c:v>8.2362230000000007</c:v>
                </c:pt>
                <c:pt idx="3175">
                  <c:v>8.2359200000000001</c:v>
                </c:pt>
                <c:pt idx="3176">
                  <c:v>8.2356169999999995</c:v>
                </c:pt>
                <c:pt idx="3177">
                  <c:v>8.2353480000000001</c:v>
                </c:pt>
                <c:pt idx="3178">
                  <c:v>8.2350449999999995</c:v>
                </c:pt>
                <c:pt idx="3179">
                  <c:v>8.2347750000000008</c:v>
                </c:pt>
                <c:pt idx="3180">
                  <c:v>8.2345059999999997</c:v>
                </c:pt>
                <c:pt idx="3181">
                  <c:v>8.2342709999999997</c:v>
                </c:pt>
                <c:pt idx="3182">
                  <c:v>8.2340009999999992</c:v>
                </c:pt>
                <c:pt idx="3183">
                  <c:v>8.2337659999999993</c:v>
                </c:pt>
                <c:pt idx="3184">
                  <c:v>8.23353</c:v>
                </c:pt>
                <c:pt idx="3185">
                  <c:v>8.2333619999999996</c:v>
                </c:pt>
                <c:pt idx="3186">
                  <c:v>8.2331939999999992</c:v>
                </c:pt>
                <c:pt idx="3187">
                  <c:v>8.2330590000000008</c:v>
                </c:pt>
                <c:pt idx="3188">
                  <c:v>8.2328910000000004</c:v>
                </c:pt>
                <c:pt idx="3189">
                  <c:v>8.2327220000000008</c:v>
                </c:pt>
                <c:pt idx="3190">
                  <c:v>8.2325540000000004</c:v>
                </c:pt>
                <c:pt idx="3191">
                  <c:v>8.232386</c:v>
                </c:pt>
                <c:pt idx="3192">
                  <c:v>8.2322509999999998</c:v>
                </c:pt>
                <c:pt idx="3193">
                  <c:v>8.2320829999999994</c:v>
                </c:pt>
                <c:pt idx="3194">
                  <c:v>8.2319150000000008</c:v>
                </c:pt>
                <c:pt idx="3195">
                  <c:v>8.2317129999999992</c:v>
                </c:pt>
                <c:pt idx="3196">
                  <c:v>8.2315439999999995</c:v>
                </c:pt>
                <c:pt idx="3197">
                  <c:v>8.2313759999999991</c:v>
                </c:pt>
                <c:pt idx="3198">
                  <c:v>8.2312080000000005</c:v>
                </c:pt>
                <c:pt idx="3199">
                  <c:v>8.2310400000000001</c:v>
                </c:pt>
                <c:pt idx="3200">
                  <c:v>8.2308710000000005</c:v>
                </c:pt>
                <c:pt idx="3201">
                  <c:v>8.2307369999999995</c:v>
                </c:pt>
                <c:pt idx="3202">
                  <c:v>8.2305679999999999</c:v>
                </c:pt>
                <c:pt idx="3203">
                  <c:v>8.2303999999999995</c:v>
                </c:pt>
                <c:pt idx="3204">
                  <c:v>8.2302649999999993</c:v>
                </c:pt>
                <c:pt idx="3205">
                  <c:v>8.2300970000000007</c:v>
                </c:pt>
                <c:pt idx="3206">
                  <c:v>8.2299629999999997</c:v>
                </c:pt>
                <c:pt idx="3207">
                  <c:v>8.2298279999999995</c:v>
                </c:pt>
                <c:pt idx="3208">
                  <c:v>8.2296600000000009</c:v>
                </c:pt>
                <c:pt idx="3209">
                  <c:v>8.2295250000000006</c:v>
                </c:pt>
                <c:pt idx="3210">
                  <c:v>8.2293900000000004</c:v>
                </c:pt>
                <c:pt idx="3211">
                  <c:v>8.2292559999999995</c:v>
                </c:pt>
                <c:pt idx="3212">
                  <c:v>8.2291209999999992</c:v>
                </c:pt>
                <c:pt idx="3213">
                  <c:v>8.2289860000000008</c:v>
                </c:pt>
                <c:pt idx="3214">
                  <c:v>8.2288519999999998</c:v>
                </c:pt>
                <c:pt idx="3215">
                  <c:v>8.2287510000000008</c:v>
                </c:pt>
                <c:pt idx="3216">
                  <c:v>8.2286160000000006</c:v>
                </c:pt>
                <c:pt idx="3217">
                  <c:v>8.2284819999999996</c:v>
                </c:pt>
                <c:pt idx="3218">
                  <c:v>8.2283810000000006</c:v>
                </c:pt>
                <c:pt idx="3219">
                  <c:v>8.2282460000000004</c:v>
                </c:pt>
                <c:pt idx="3220">
                  <c:v>8.2281449999999996</c:v>
                </c:pt>
                <c:pt idx="3221">
                  <c:v>8.2280440000000006</c:v>
                </c:pt>
                <c:pt idx="3222">
                  <c:v>8.2279429999999998</c:v>
                </c:pt>
                <c:pt idx="3223">
                  <c:v>8.2278420000000008</c:v>
                </c:pt>
                <c:pt idx="3224">
                  <c:v>8.227741</c:v>
                </c:pt>
                <c:pt idx="3225">
                  <c:v>8.2276399999999992</c:v>
                </c:pt>
                <c:pt idx="3226">
                  <c:v>8.2275390000000002</c:v>
                </c:pt>
                <c:pt idx="3227">
                  <c:v>8.2274379999999994</c:v>
                </c:pt>
                <c:pt idx="3228">
                  <c:v>8.2273370000000003</c:v>
                </c:pt>
                <c:pt idx="3229">
                  <c:v>8.2272700000000007</c:v>
                </c:pt>
                <c:pt idx="3230">
                  <c:v>8.227169</c:v>
                </c:pt>
                <c:pt idx="3231">
                  <c:v>8.2271020000000004</c:v>
                </c:pt>
                <c:pt idx="3232">
                  <c:v>8.2270009999999996</c:v>
                </c:pt>
                <c:pt idx="3233">
                  <c:v>8.2269330000000007</c:v>
                </c:pt>
                <c:pt idx="3234">
                  <c:v>8.2268319999999999</c:v>
                </c:pt>
                <c:pt idx="3235">
                  <c:v>8.2267650000000003</c:v>
                </c:pt>
                <c:pt idx="3236">
                  <c:v>8.2266980000000007</c:v>
                </c:pt>
                <c:pt idx="3237">
                  <c:v>8.2266300000000001</c:v>
                </c:pt>
                <c:pt idx="3238">
                  <c:v>8.2265630000000005</c:v>
                </c:pt>
                <c:pt idx="3239">
                  <c:v>8.2264959999999991</c:v>
                </c:pt>
                <c:pt idx="3240">
                  <c:v>8.2264289999999995</c:v>
                </c:pt>
                <c:pt idx="3241">
                  <c:v>8.2263610000000007</c:v>
                </c:pt>
                <c:pt idx="3242">
                  <c:v>8.2262939999999993</c:v>
                </c:pt>
                <c:pt idx="3243">
                  <c:v>8.2262269999999997</c:v>
                </c:pt>
                <c:pt idx="3244">
                  <c:v>8.2261590000000009</c:v>
                </c:pt>
                <c:pt idx="3245">
                  <c:v>8.2260919999999995</c:v>
                </c:pt>
                <c:pt idx="3246">
                  <c:v>8.2260249999999999</c:v>
                </c:pt>
                <c:pt idx="3247">
                  <c:v>8.2259569999999993</c:v>
                </c:pt>
                <c:pt idx="3248">
                  <c:v>8.2258899999999997</c:v>
                </c:pt>
                <c:pt idx="3249">
                  <c:v>8.2258230000000001</c:v>
                </c:pt>
                <c:pt idx="3250">
                  <c:v>8.2257549999999995</c:v>
                </c:pt>
                <c:pt idx="3251">
                  <c:v>8.2257219999999993</c:v>
                </c:pt>
                <c:pt idx="3252">
                  <c:v>8.2256540000000005</c:v>
                </c:pt>
                <c:pt idx="3253">
                  <c:v>8.2255870000000009</c:v>
                </c:pt>
                <c:pt idx="3254">
                  <c:v>8.2255199999999995</c:v>
                </c:pt>
                <c:pt idx="3255">
                  <c:v>8.2254860000000001</c:v>
                </c:pt>
                <c:pt idx="3256">
                  <c:v>8.2254190000000005</c:v>
                </c:pt>
                <c:pt idx="3257">
                  <c:v>8.2253520000000009</c:v>
                </c:pt>
                <c:pt idx="3258">
                  <c:v>8.2253179999999997</c:v>
                </c:pt>
                <c:pt idx="3259">
                  <c:v>8.2252510000000001</c:v>
                </c:pt>
                <c:pt idx="3260">
                  <c:v>8.2251829999999995</c:v>
                </c:pt>
                <c:pt idx="3261">
                  <c:v>8.2251499999999993</c:v>
                </c:pt>
                <c:pt idx="3262">
                  <c:v>8.2250820000000004</c:v>
                </c:pt>
                <c:pt idx="3263">
                  <c:v>8.2250150000000009</c:v>
                </c:pt>
                <c:pt idx="3264">
                  <c:v>8.2249479999999995</c:v>
                </c:pt>
                <c:pt idx="3265">
                  <c:v>8.2249140000000001</c:v>
                </c:pt>
                <c:pt idx="3266">
                  <c:v>8.2248470000000005</c:v>
                </c:pt>
                <c:pt idx="3267">
                  <c:v>8.2248129999999993</c:v>
                </c:pt>
                <c:pt idx="3268">
                  <c:v>8.2247459999999997</c:v>
                </c:pt>
                <c:pt idx="3269">
                  <c:v>8.2247120000000002</c:v>
                </c:pt>
                <c:pt idx="3270">
                  <c:v>8.2246780000000008</c:v>
                </c:pt>
                <c:pt idx="3271">
                  <c:v>8.2246109999999994</c:v>
                </c:pt>
                <c:pt idx="3272">
                  <c:v>8.224577</c:v>
                </c:pt>
                <c:pt idx="3273">
                  <c:v>8.2245439999999999</c:v>
                </c:pt>
                <c:pt idx="3274">
                  <c:v>8.2244759999999992</c:v>
                </c:pt>
                <c:pt idx="3275">
                  <c:v>8.2244430000000008</c:v>
                </c:pt>
                <c:pt idx="3276">
                  <c:v>8.2244089999999996</c:v>
                </c:pt>
                <c:pt idx="3277">
                  <c:v>8.2243759999999995</c:v>
                </c:pt>
                <c:pt idx="3278">
                  <c:v>8.224342</c:v>
                </c:pt>
                <c:pt idx="3279">
                  <c:v>8.2243080000000006</c:v>
                </c:pt>
                <c:pt idx="3280">
                  <c:v>8.2242409999999992</c:v>
                </c:pt>
                <c:pt idx="3281">
                  <c:v>8.2242069999999998</c:v>
                </c:pt>
                <c:pt idx="3282">
                  <c:v>8.2241739999999997</c:v>
                </c:pt>
                <c:pt idx="3283">
                  <c:v>8.2241400000000002</c:v>
                </c:pt>
                <c:pt idx="3284">
                  <c:v>8.2241060000000008</c:v>
                </c:pt>
                <c:pt idx="3285">
                  <c:v>8.2240730000000006</c:v>
                </c:pt>
                <c:pt idx="3286">
                  <c:v>8.2240389999999994</c:v>
                </c:pt>
                <c:pt idx="3287">
                  <c:v>8.224005</c:v>
                </c:pt>
                <c:pt idx="3288">
                  <c:v>8.2239719999999998</c:v>
                </c:pt>
                <c:pt idx="3289">
                  <c:v>8.2239380000000004</c:v>
                </c:pt>
                <c:pt idx="3290">
                  <c:v>8.2239039999999992</c:v>
                </c:pt>
                <c:pt idx="3291">
                  <c:v>8.2238710000000008</c:v>
                </c:pt>
                <c:pt idx="3292">
                  <c:v>8.2238369999999996</c:v>
                </c:pt>
                <c:pt idx="3293">
                  <c:v>8.2238369999999996</c:v>
                </c:pt>
                <c:pt idx="3294">
                  <c:v>8.2238030000000002</c:v>
                </c:pt>
                <c:pt idx="3295">
                  <c:v>8.22377</c:v>
                </c:pt>
                <c:pt idx="3296">
                  <c:v>8.2237360000000006</c:v>
                </c:pt>
                <c:pt idx="3297">
                  <c:v>8.2237019999999994</c:v>
                </c:pt>
                <c:pt idx="3298">
                  <c:v>8.2236689999999992</c:v>
                </c:pt>
                <c:pt idx="3299">
                  <c:v>8.2236349999999998</c:v>
                </c:pt>
                <c:pt idx="3300">
                  <c:v>8.2236010000000004</c:v>
                </c:pt>
                <c:pt idx="3301">
                  <c:v>8.2236010000000004</c:v>
                </c:pt>
                <c:pt idx="3302">
                  <c:v>8.2235680000000002</c:v>
                </c:pt>
                <c:pt idx="3303">
                  <c:v>8.2235340000000008</c:v>
                </c:pt>
                <c:pt idx="3304">
                  <c:v>8.2234999999999996</c:v>
                </c:pt>
                <c:pt idx="3305">
                  <c:v>8.2234669999999994</c:v>
                </c:pt>
                <c:pt idx="3306">
                  <c:v>8.223433</c:v>
                </c:pt>
                <c:pt idx="3307">
                  <c:v>8.2233990000000006</c:v>
                </c:pt>
                <c:pt idx="3308">
                  <c:v>8.2233990000000006</c:v>
                </c:pt>
                <c:pt idx="3309">
                  <c:v>8.2233660000000004</c:v>
                </c:pt>
                <c:pt idx="3310">
                  <c:v>8.2233319999999992</c:v>
                </c:pt>
                <c:pt idx="3311">
                  <c:v>8.2233319999999992</c:v>
                </c:pt>
                <c:pt idx="3312">
                  <c:v>8.2233319999999992</c:v>
                </c:pt>
                <c:pt idx="3313">
                  <c:v>8.2232979999999998</c:v>
                </c:pt>
                <c:pt idx="3314">
                  <c:v>8.2232649999999996</c:v>
                </c:pt>
                <c:pt idx="3315">
                  <c:v>8.2232649999999996</c:v>
                </c:pt>
                <c:pt idx="3316">
                  <c:v>8.2232310000000002</c:v>
                </c:pt>
                <c:pt idx="3317">
                  <c:v>8.2232310000000002</c:v>
                </c:pt>
                <c:pt idx="3318">
                  <c:v>8.223198</c:v>
                </c:pt>
                <c:pt idx="3319">
                  <c:v>8.2231640000000006</c:v>
                </c:pt>
                <c:pt idx="3320">
                  <c:v>8.2231640000000006</c:v>
                </c:pt>
                <c:pt idx="3321">
                  <c:v>8.2231299999999994</c:v>
                </c:pt>
                <c:pt idx="3322">
                  <c:v>8.2230969999999992</c:v>
                </c:pt>
                <c:pt idx="3323">
                  <c:v>8.2230969999999992</c:v>
                </c:pt>
                <c:pt idx="3324">
                  <c:v>8.2230629999999998</c:v>
                </c:pt>
                <c:pt idx="3325">
                  <c:v>8.2230629999999998</c:v>
                </c:pt>
                <c:pt idx="3326">
                  <c:v>8.2230290000000004</c:v>
                </c:pt>
                <c:pt idx="3327">
                  <c:v>8.2229960000000002</c:v>
                </c:pt>
                <c:pt idx="3328">
                  <c:v>8.2229960000000002</c:v>
                </c:pt>
                <c:pt idx="3329">
                  <c:v>8.2229620000000008</c:v>
                </c:pt>
                <c:pt idx="3330">
                  <c:v>8.2229620000000008</c:v>
                </c:pt>
                <c:pt idx="3331">
                  <c:v>8.2229279999999996</c:v>
                </c:pt>
                <c:pt idx="3332">
                  <c:v>8.2228949999999994</c:v>
                </c:pt>
                <c:pt idx="3333">
                  <c:v>8.2228949999999994</c:v>
                </c:pt>
                <c:pt idx="3334">
                  <c:v>8.222861</c:v>
                </c:pt>
                <c:pt idx="3335">
                  <c:v>8.2228270000000006</c:v>
                </c:pt>
                <c:pt idx="3336">
                  <c:v>8.2227940000000004</c:v>
                </c:pt>
                <c:pt idx="3337">
                  <c:v>8.2227599999999992</c:v>
                </c:pt>
                <c:pt idx="3338">
                  <c:v>8.2227259999999998</c:v>
                </c:pt>
                <c:pt idx="3339">
                  <c:v>8.2227259999999998</c:v>
                </c:pt>
                <c:pt idx="3340">
                  <c:v>8.2226929999999996</c:v>
                </c:pt>
                <c:pt idx="3341">
                  <c:v>8.2226590000000002</c:v>
                </c:pt>
                <c:pt idx="3342">
                  <c:v>8.2226250000000007</c:v>
                </c:pt>
                <c:pt idx="3343">
                  <c:v>8.2226250000000007</c:v>
                </c:pt>
                <c:pt idx="3344">
                  <c:v>8.2225920000000006</c:v>
                </c:pt>
                <c:pt idx="3345">
                  <c:v>8.2225579999999994</c:v>
                </c:pt>
                <c:pt idx="3346">
                  <c:v>8.2225579999999994</c:v>
                </c:pt>
                <c:pt idx="3347">
                  <c:v>8.2225239999999999</c:v>
                </c:pt>
                <c:pt idx="3348">
                  <c:v>8.2225239999999999</c:v>
                </c:pt>
                <c:pt idx="3349">
                  <c:v>8.2224909999999998</c:v>
                </c:pt>
                <c:pt idx="3350">
                  <c:v>8.2224909999999998</c:v>
                </c:pt>
                <c:pt idx="3351">
                  <c:v>8.2224570000000003</c:v>
                </c:pt>
                <c:pt idx="3352">
                  <c:v>8.2224570000000003</c:v>
                </c:pt>
                <c:pt idx="3353">
                  <c:v>8.2224229999999991</c:v>
                </c:pt>
                <c:pt idx="3354">
                  <c:v>8.2223900000000008</c:v>
                </c:pt>
                <c:pt idx="3355">
                  <c:v>8.2223900000000008</c:v>
                </c:pt>
                <c:pt idx="3356">
                  <c:v>8.2223900000000008</c:v>
                </c:pt>
                <c:pt idx="3357">
                  <c:v>8.2223559999999996</c:v>
                </c:pt>
                <c:pt idx="3358">
                  <c:v>8.2223559999999996</c:v>
                </c:pt>
                <c:pt idx="3359">
                  <c:v>8.2223220000000001</c:v>
                </c:pt>
                <c:pt idx="3360">
                  <c:v>8.2223220000000001</c:v>
                </c:pt>
                <c:pt idx="3361">
                  <c:v>8.222289</c:v>
                </c:pt>
                <c:pt idx="3362">
                  <c:v>8.222289</c:v>
                </c:pt>
                <c:pt idx="3363">
                  <c:v>8.222289</c:v>
                </c:pt>
                <c:pt idx="3364">
                  <c:v>8.2222550000000005</c:v>
                </c:pt>
                <c:pt idx="3365">
                  <c:v>8.2222550000000005</c:v>
                </c:pt>
                <c:pt idx="3366">
                  <c:v>8.2222209999999993</c:v>
                </c:pt>
                <c:pt idx="3367">
                  <c:v>8.2222209999999993</c:v>
                </c:pt>
                <c:pt idx="3368">
                  <c:v>8.2222209999999993</c:v>
                </c:pt>
                <c:pt idx="3369">
                  <c:v>8.2221879999999992</c:v>
                </c:pt>
                <c:pt idx="3370">
                  <c:v>8.2221879999999992</c:v>
                </c:pt>
                <c:pt idx="3371">
                  <c:v>8.2221539999999997</c:v>
                </c:pt>
                <c:pt idx="3372">
                  <c:v>8.2221539999999997</c:v>
                </c:pt>
                <c:pt idx="3373">
                  <c:v>8.2221209999999996</c:v>
                </c:pt>
                <c:pt idx="3374">
                  <c:v>8.2221209999999996</c:v>
                </c:pt>
                <c:pt idx="3375">
                  <c:v>8.2221209999999996</c:v>
                </c:pt>
                <c:pt idx="3376">
                  <c:v>8.2220870000000001</c:v>
                </c:pt>
                <c:pt idx="3377">
                  <c:v>8.2220870000000001</c:v>
                </c:pt>
                <c:pt idx="3378">
                  <c:v>8.2220530000000007</c:v>
                </c:pt>
                <c:pt idx="3379">
                  <c:v>8.2220530000000007</c:v>
                </c:pt>
                <c:pt idx="3380">
                  <c:v>8.2220200000000006</c:v>
                </c:pt>
                <c:pt idx="3381">
                  <c:v>8.2220200000000006</c:v>
                </c:pt>
                <c:pt idx="3382">
                  <c:v>8.2220200000000006</c:v>
                </c:pt>
                <c:pt idx="3383">
                  <c:v>8.2219859999999994</c:v>
                </c:pt>
                <c:pt idx="3384">
                  <c:v>8.2219519999999999</c:v>
                </c:pt>
                <c:pt idx="3385">
                  <c:v>8.2219519999999999</c:v>
                </c:pt>
                <c:pt idx="3386">
                  <c:v>8.2219189999999998</c:v>
                </c:pt>
                <c:pt idx="3387">
                  <c:v>8.2219189999999998</c:v>
                </c:pt>
                <c:pt idx="3388">
                  <c:v>8.2218850000000003</c:v>
                </c:pt>
                <c:pt idx="3389">
                  <c:v>8.2218850000000003</c:v>
                </c:pt>
                <c:pt idx="3390">
                  <c:v>8.2218509999999991</c:v>
                </c:pt>
                <c:pt idx="3391">
                  <c:v>8.2218509999999991</c:v>
                </c:pt>
                <c:pt idx="3392">
                  <c:v>8.2218180000000007</c:v>
                </c:pt>
                <c:pt idx="3393">
                  <c:v>8.2218180000000007</c:v>
                </c:pt>
                <c:pt idx="3394">
                  <c:v>8.2217839999999995</c:v>
                </c:pt>
                <c:pt idx="3395">
                  <c:v>8.2217839999999995</c:v>
                </c:pt>
                <c:pt idx="3396">
                  <c:v>8.2217839999999995</c:v>
                </c:pt>
                <c:pt idx="3397">
                  <c:v>8.2217500000000001</c:v>
                </c:pt>
                <c:pt idx="3398">
                  <c:v>8.2217500000000001</c:v>
                </c:pt>
                <c:pt idx="3399">
                  <c:v>8.2217169999999999</c:v>
                </c:pt>
                <c:pt idx="3400">
                  <c:v>8.2217169999999999</c:v>
                </c:pt>
                <c:pt idx="3401">
                  <c:v>8.2217169999999999</c:v>
                </c:pt>
                <c:pt idx="3402">
                  <c:v>8.2216830000000005</c:v>
                </c:pt>
                <c:pt idx="3403">
                  <c:v>8.2216830000000005</c:v>
                </c:pt>
                <c:pt idx="3404">
                  <c:v>8.2216830000000005</c:v>
                </c:pt>
                <c:pt idx="3405">
                  <c:v>8.2216489999999993</c:v>
                </c:pt>
                <c:pt idx="3406">
                  <c:v>8.2216489999999993</c:v>
                </c:pt>
                <c:pt idx="3407">
                  <c:v>8.2216489999999993</c:v>
                </c:pt>
                <c:pt idx="3408">
                  <c:v>8.2216159999999991</c:v>
                </c:pt>
                <c:pt idx="3409">
                  <c:v>8.2216159999999991</c:v>
                </c:pt>
                <c:pt idx="3410">
                  <c:v>8.2216159999999991</c:v>
                </c:pt>
                <c:pt idx="3411">
                  <c:v>8.2216159999999991</c:v>
                </c:pt>
                <c:pt idx="3412">
                  <c:v>8.2215819999999997</c:v>
                </c:pt>
                <c:pt idx="3413">
                  <c:v>8.2215819999999997</c:v>
                </c:pt>
                <c:pt idx="3414">
                  <c:v>8.2215819999999997</c:v>
                </c:pt>
                <c:pt idx="3415">
                  <c:v>8.2215819999999997</c:v>
                </c:pt>
                <c:pt idx="3416">
                  <c:v>8.2215480000000003</c:v>
                </c:pt>
                <c:pt idx="3417">
                  <c:v>8.2215480000000003</c:v>
                </c:pt>
                <c:pt idx="3418">
                  <c:v>8.2215480000000003</c:v>
                </c:pt>
                <c:pt idx="3419">
                  <c:v>8.2215150000000001</c:v>
                </c:pt>
                <c:pt idx="3420">
                  <c:v>8.2215150000000001</c:v>
                </c:pt>
                <c:pt idx="3421">
                  <c:v>8.2215150000000001</c:v>
                </c:pt>
                <c:pt idx="3422">
                  <c:v>8.2214810000000007</c:v>
                </c:pt>
                <c:pt idx="3423">
                  <c:v>8.2214810000000007</c:v>
                </c:pt>
                <c:pt idx="3424">
                  <c:v>8.2214810000000007</c:v>
                </c:pt>
                <c:pt idx="3425">
                  <c:v>8.2214469999999995</c:v>
                </c:pt>
                <c:pt idx="3426">
                  <c:v>8.2214469999999995</c:v>
                </c:pt>
                <c:pt idx="3427">
                  <c:v>8.2214139999999993</c:v>
                </c:pt>
                <c:pt idx="3428">
                  <c:v>8.2214139999999993</c:v>
                </c:pt>
                <c:pt idx="3429">
                  <c:v>8.2214139999999993</c:v>
                </c:pt>
                <c:pt idx="3430">
                  <c:v>8.2213799999999999</c:v>
                </c:pt>
                <c:pt idx="3431">
                  <c:v>8.2213799999999999</c:v>
                </c:pt>
                <c:pt idx="3432">
                  <c:v>8.2213799999999999</c:v>
                </c:pt>
                <c:pt idx="3433">
                  <c:v>8.2213460000000005</c:v>
                </c:pt>
                <c:pt idx="3434">
                  <c:v>8.2213460000000005</c:v>
                </c:pt>
                <c:pt idx="3435">
                  <c:v>8.2213460000000005</c:v>
                </c:pt>
                <c:pt idx="3436">
                  <c:v>8.2213130000000003</c:v>
                </c:pt>
                <c:pt idx="3437">
                  <c:v>8.2213130000000003</c:v>
                </c:pt>
                <c:pt idx="3438">
                  <c:v>8.2213130000000003</c:v>
                </c:pt>
                <c:pt idx="3439">
                  <c:v>8.2212789999999991</c:v>
                </c:pt>
                <c:pt idx="3440">
                  <c:v>8.2212789999999991</c:v>
                </c:pt>
                <c:pt idx="3441">
                  <c:v>8.2212449999999997</c:v>
                </c:pt>
                <c:pt idx="3442">
                  <c:v>8.2212449999999997</c:v>
                </c:pt>
                <c:pt idx="3443">
                  <c:v>8.2212119999999995</c:v>
                </c:pt>
                <c:pt idx="3444">
                  <c:v>8.2212119999999995</c:v>
                </c:pt>
                <c:pt idx="3445">
                  <c:v>8.2212119999999995</c:v>
                </c:pt>
                <c:pt idx="3446">
                  <c:v>8.2211780000000001</c:v>
                </c:pt>
                <c:pt idx="3447">
                  <c:v>8.2211780000000001</c:v>
                </c:pt>
                <c:pt idx="3448">
                  <c:v>8.2211780000000001</c:v>
                </c:pt>
                <c:pt idx="3449">
                  <c:v>8.2211440000000007</c:v>
                </c:pt>
                <c:pt idx="3450">
                  <c:v>8.2211440000000007</c:v>
                </c:pt>
                <c:pt idx="3451">
                  <c:v>8.2211440000000007</c:v>
                </c:pt>
                <c:pt idx="3452">
                  <c:v>8.2211110000000005</c:v>
                </c:pt>
                <c:pt idx="3453">
                  <c:v>8.2211110000000005</c:v>
                </c:pt>
                <c:pt idx="3454">
                  <c:v>8.2211110000000005</c:v>
                </c:pt>
                <c:pt idx="3455">
                  <c:v>8.2210769999999993</c:v>
                </c:pt>
                <c:pt idx="3456">
                  <c:v>8.2210769999999993</c:v>
                </c:pt>
                <c:pt idx="3457">
                  <c:v>8.2210769999999993</c:v>
                </c:pt>
                <c:pt idx="3458">
                  <c:v>8.2210769999999993</c:v>
                </c:pt>
                <c:pt idx="3459">
                  <c:v>8.2210769999999993</c:v>
                </c:pt>
                <c:pt idx="3460">
                  <c:v>8.2210429999999999</c:v>
                </c:pt>
                <c:pt idx="3461">
                  <c:v>8.2210429999999999</c:v>
                </c:pt>
                <c:pt idx="3462">
                  <c:v>8.2210429999999999</c:v>
                </c:pt>
                <c:pt idx="3463">
                  <c:v>8.2210429999999999</c:v>
                </c:pt>
                <c:pt idx="3464">
                  <c:v>8.2210429999999999</c:v>
                </c:pt>
                <c:pt idx="3465">
                  <c:v>8.2210429999999999</c:v>
                </c:pt>
                <c:pt idx="3466">
                  <c:v>8.2210429999999999</c:v>
                </c:pt>
                <c:pt idx="3467">
                  <c:v>8.2210099999999997</c:v>
                </c:pt>
                <c:pt idx="3468">
                  <c:v>8.2210099999999997</c:v>
                </c:pt>
                <c:pt idx="3469">
                  <c:v>8.2210429999999999</c:v>
                </c:pt>
                <c:pt idx="3470">
                  <c:v>8.2210429999999999</c:v>
                </c:pt>
                <c:pt idx="3471">
                  <c:v>8.2210429999999999</c:v>
                </c:pt>
                <c:pt idx="3472">
                  <c:v>8.2210429999999999</c:v>
                </c:pt>
                <c:pt idx="3473">
                  <c:v>8.2210429999999999</c:v>
                </c:pt>
                <c:pt idx="3474">
                  <c:v>8.2210429999999999</c:v>
                </c:pt>
                <c:pt idx="3475">
                  <c:v>8.2210099999999997</c:v>
                </c:pt>
                <c:pt idx="3476">
                  <c:v>8.2210099999999997</c:v>
                </c:pt>
                <c:pt idx="3477">
                  <c:v>8.2210099999999997</c:v>
                </c:pt>
                <c:pt idx="3478">
                  <c:v>8.2210099999999997</c:v>
                </c:pt>
                <c:pt idx="3479">
                  <c:v>8.2209760000000003</c:v>
                </c:pt>
                <c:pt idx="3480">
                  <c:v>8.2209760000000003</c:v>
                </c:pt>
                <c:pt idx="3481">
                  <c:v>8.2209760000000003</c:v>
                </c:pt>
                <c:pt idx="3482">
                  <c:v>8.2209760000000003</c:v>
                </c:pt>
                <c:pt idx="3483">
                  <c:v>8.2209430000000001</c:v>
                </c:pt>
                <c:pt idx="3484">
                  <c:v>8.2209430000000001</c:v>
                </c:pt>
                <c:pt idx="3485">
                  <c:v>8.2209090000000007</c:v>
                </c:pt>
                <c:pt idx="3486">
                  <c:v>8.2209090000000007</c:v>
                </c:pt>
                <c:pt idx="3487">
                  <c:v>8.2209090000000007</c:v>
                </c:pt>
                <c:pt idx="3488">
                  <c:v>8.2208749999999995</c:v>
                </c:pt>
                <c:pt idx="3489">
                  <c:v>8.2208749999999995</c:v>
                </c:pt>
                <c:pt idx="3490">
                  <c:v>8.2208419999999993</c:v>
                </c:pt>
                <c:pt idx="3491">
                  <c:v>8.2208419999999993</c:v>
                </c:pt>
                <c:pt idx="3492">
                  <c:v>8.2208419999999993</c:v>
                </c:pt>
                <c:pt idx="3493">
                  <c:v>8.2208079999999999</c:v>
                </c:pt>
                <c:pt idx="3494">
                  <c:v>8.2208079999999999</c:v>
                </c:pt>
                <c:pt idx="3495">
                  <c:v>8.2207740000000005</c:v>
                </c:pt>
                <c:pt idx="3496">
                  <c:v>8.2207410000000003</c:v>
                </c:pt>
                <c:pt idx="3497">
                  <c:v>8.2207410000000003</c:v>
                </c:pt>
                <c:pt idx="3498">
                  <c:v>8.2207070000000009</c:v>
                </c:pt>
                <c:pt idx="3499">
                  <c:v>8.2207070000000009</c:v>
                </c:pt>
                <c:pt idx="3500">
                  <c:v>8.2207070000000009</c:v>
                </c:pt>
                <c:pt idx="3501">
                  <c:v>8.2207070000000009</c:v>
                </c:pt>
                <c:pt idx="3502">
                  <c:v>8.2206729999999997</c:v>
                </c:pt>
                <c:pt idx="3503">
                  <c:v>8.2206729999999997</c:v>
                </c:pt>
                <c:pt idx="3504">
                  <c:v>8.2206729999999997</c:v>
                </c:pt>
                <c:pt idx="3505">
                  <c:v>8.2206729999999997</c:v>
                </c:pt>
                <c:pt idx="3506">
                  <c:v>8.2206729999999997</c:v>
                </c:pt>
                <c:pt idx="3507">
                  <c:v>8.2206399999999995</c:v>
                </c:pt>
                <c:pt idx="3508">
                  <c:v>8.2206399999999995</c:v>
                </c:pt>
                <c:pt idx="3509">
                  <c:v>8.2206399999999995</c:v>
                </c:pt>
                <c:pt idx="3510">
                  <c:v>8.2206399999999995</c:v>
                </c:pt>
                <c:pt idx="3511">
                  <c:v>8.2206399999999995</c:v>
                </c:pt>
                <c:pt idx="3512">
                  <c:v>8.2206060000000001</c:v>
                </c:pt>
                <c:pt idx="3513">
                  <c:v>8.2206060000000001</c:v>
                </c:pt>
                <c:pt idx="3514">
                  <c:v>8.2206060000000001</c:v>
                </c:pt>
                <c:pt idx="3515">
                  <c:v>8.2206060000000001</c:v>
                </c:pt>
                <c:pt idx="3516">
                  <c:v>8.2206060000000001</c:v>
                </c:pt>
                <c:pt idx="3517">
                  <c:v>8.2206060000000001</c:v>
                </c:pt>
                <c:pt idx="3518">
                  <c:v>8.2206060000000001</c:v>
                </c:pt>
                <c:pt idx="3519">
                  <c:v>8.2206060000000001</c:v>
                </c:pt>
                <c:pt idx="3520">
                  <c:v>8.2206060000000001</c:v>
                </c:pt>
                <c:pt idx="3521">
                  <c:v>8.2206060000000001</c:v>
                </c:pt>
                <c:pt idx="3522">
                  <c:v>8.2206060000000001</c:v>
                </c:pt>
                <c:pt idx="3523">
                  <c:v>8.2205720000000007</c:v>
                </c:pt>
                <c:pt idx="3524">
                  <c:v>8.2205720000000007</c:v>
                </c:pt>
                <c:pt idx="3525">
                  <c:v>8.2205720000000007</c:v>
                </c:pt>
                <c:pt idx="3526">
                  <c:v>8.2205720000000007</c:v>
                </c:pt>
                <c:pt idx="3527">
                  <c:v>8.2205390000000005</c:v>
                </c:pt>
                <c:pt idx="3528">
                  <c:v>8.2205390000000005</c:v>
                </c:pt>
                <c:pt idx="3529">
                  <c:v>8.2205049999999993</c:v>
                </c:pt>
                <c:pt idx="3530">
                  <c:v>8.2205049999999993</c:v>
                </c:pt>
                <c:pt idx="3531">
                  <c:v>8.2205049999999993</c:v>
                </c:pt>
                <c:pt idx="3532">
                  <c:v>8.2205049999999993</c:v>
                </c:pt>
                <c:pt idx="3533">
                  <c:v>8.2204709999999999</c:v>
                </c:pt>
                <c:pt idx="3534">
                  <c:v>8.2204709999999999</c:v>
                </c:pt>
                <c:pt idx="3535">
                  <c:v>8.2204709999999999</c:v>
                </c:pt>
                <c:pt idx="3536">
                  <c:v>8.2204709999999999</c:v>
                </c:pt>
                <c:pt idx="3537">
                  <c:v>8.2204709999999999</c:v>
                </c:pt>
                <c:pt idx="3538">
                  <c:v>8.2204379999999997</c:v>
                </c:pt>
                <c:pt idx="3539">
                  <c:v>8.2204379999999997</c:v>
                </c:pt>
                <c:pt idx="3540">
                  <c:v>8.2204379999999997</c:v>
                </c:pt>
                <c:pt idx="3541">
                  <c:v>8.2204040000000003</c:v>
                </c:pt>
                <c:pt idx="3542">
                  <c:v>8.2204040000000003</c:v>
                </c:pt>
                <c:pt idx="3543">
                  <c:v>8.2204040000000003</c:v>
                </c:pt>
                <c:pt idx="3544">
                  <c:v>8.2203700000000008</c:v>
                </c:pt>
                <c:pt idx="3545">
                  <c:v>8.2203700000000008</c:v>
                </c:pt>
                <c:pt idx="3546">
                  <c:v>8.2203370000000007</c:v>
                </c:pt>
                <c:pt idx="3547">
                  <c:v>8.2203370000000007</c:v>
                </c:pt>
                <c:pt idx="3548">
                  <c:v>8.2203370000000007</c:v>
                </c:pt>
                <c:pt idx="3549">
                  <c:v>8.2203029999999995</c:v>
                </c:pt>
                <c:pt idx="3550">
                  <c:v>8.2203029999999995</c:v>
                </c:pt>
                <c:pt idx="3551">
                  <c:v>8.2203029999999995</c:v>
                </c:pt>
                <c:pt idx="3552">
                  <c:v>8.2203029999999995</c:v>
                </c:pt>
                <c:pt idx="3553">
                  <c:v>8.2203029999999995</c:v>
                </c:pt>
                <c:pt idx="3554">
                  <c:v>8.220269</c:v>
                </c:pt>
                <c:pt idx="3555">
                  <c:v>8.220269</c:v>
                </c:pt>
                <c:pt idx="3556">
                  <c:v>8.220269</c:v>
                </c:pt>
                <c:pt idx="3557">
                  <c:v>8.220269</c:v>
                </c:pt>
                <c:pt idx="3558">
                  <c:v>8.220269</c:v>
                </c:pt>
                <c:pt idx="3559">
                  <c:v>8.2202359999999999</c:v>
                </c:pt>
                <c:pt idx="3560">
                  <c:v>8.2202359999999999</c:v>
                </c:pt>
                <c:pt idx="3561">
                  <c:v>8.2202359999999999</c:v>
                </c:pt>
                <c:pt idx="3562">
                  <c:v>8.2202359999999999</c:v>
                </c:pt>
                <c:pt idx="3563">
                  <c:v>8.2202359999999999</c:v>
                </c:pt>
                <c:pt idx="3564">
                  <c:v>8.2202359999999999</c:v>
                </c:pt>
                <c:pt idx="3565">
                  <c:v>8.2202020000000005</c:v>
                </c:pt>
                <c:pt idx="3566">
                  <c:v>8.2202020000000005</c:v>
                </c:pt>
                <c:pt idx="3567">
                  <c:v>8.2202020000000005</c:v>
                </c:pt>
                <c:pt idx="3568">
                  <c:v>8.2202020000000005</c:v>
                </c:pt>
                <c:pt idx="3569">
                  <c:v>8.2201679999999993</c:v>
                </c:pt>
                <c:pt idx="3570">
                  <c:v>8.2201679999999993</c:v>
                </c:pt>
                <c:pt idx="3571">
                  <c:v>8.2201679999999993</c:v>
                </c:pt>
                <c:pt idx="3572">
                  <c:v>8.2201679999999993</c:v>
                </c:pt>
                <c:pt idx="3573">
                  <c:v>8.2202020000000005</c:v>
                </c:pt>
                <c:pt idx="3574">
                  <c:v>8.2202020000000005</c:v>
                </c:pt>
                <c:pt idx="3575">
                  <c:v>8.2202020000000005</c:v>
                </c:pt>
                <c:pt idx="3576">
                  <c:v>8.2202020000000005</c:v>
                </c:pt>
                <c:pt idx="3577">
                  <c:v>8.2202020000000005</c:v>
                </c:pt>
                <c:pt idx="3578">
                  <c:v>8.2201679999999993</c:v>
                </c:pt>
                <c:pt idx="3579">
                  <c:v>8.2201679999999993</c:v>
                </c:pt>
                <c:pt idx="3580">
                  <c:v>8.2201679999999993</c:v>
                </c:pt>
                <c:pt idx="3581">
                  <c:v>8.2201679999999993</c:v>
                </c:pt>
                <c:pt idx="3582">
                  <c:v>8.2201679999999993</c:v>
                </c:pt>
                <c:pt idx="3583">
                  <c:v>8.2201679999999993</c:v>
                </c:pt>
                <c:pt idx="3584">
                  <c:v>8.2201350000000009</c:v>
                </c:pt>
                <c:pt idx="3585">
                  <c:v>8.2201350000000009</c:v>
                </c:pt>
                <c:pt idx="3586">
                  <c:v>8.2201350000000009</c:v>
                </c:pt>
                <c:pt idx="3587">
                  <c:v>8.2201009999999997</c:v>
                </c:pt>
                <c:pt idx="3588">
                  <c:v>8.2201009999999997</c:v>
                </c:pt>
                <c:pt idx="3589">
                  <c:v>8.2201009999999997</c:v>
                </c:pt>
                <c:pt idx="3590">
                  <c:v>8.2201009999999997</c:v>
                </c:pt>
                <c:pt idx="3591">
                  <c:v>8.2200670000000002</c:v>
                </c:pt>
                <c:pt idx="3592">
                  <c:v>8.2200670000000002</c:v>
                </c:pt>
                <c:pt idx="3593">
                  <c:v>8.2200670000000002</c:v>
                </c:pt>
                <c:pt idx="3594">
                  <c:v>8.2200670000000002</c:v>
                </c:pt>
                <c:pt idx="3595">
                  <c:v>8.2200670000000002</c:v>
                </c:pt>
                <c:pt idx="3596">
                  <c:v>8.2200340000000001</c:v>
                </c:pt>
                <c:pt idx="3597">
                  <c:v>8.2200340000000001</c:v>
                </c:pt>
                <c:pt idx="3598">
                  <c:v>8.2200000000000006</c:v>
                </c:pt>
                <c:pt idx="3599">
                  <c:v>8.2200000000000006</c:v>
                </c:pt>
                <c:pt idx="3600">
                  <c:v>8.2199659999999994</c:v>
                </c:pt>
                <c:pt idx="3601">
                  <c:v>8.2199659999999994</c:v>
                </c:pt>
                <c:pt idx="3602">
                  <c:v>8.2199659999999994</c:v>
                </c:pt>
                <c:pt idx="3603">
                  <c:v>8.2199659999999994</c:v>
                </c:pt>
                <c:pt idx="3604">
                  <c:v>8.2199329999999993</c:v>
                </c:pt>
                <c:pt idx="3605">
                  <c:v>8.2199329999999993</c:v>
                </c:pt>
                <c:pt idx="3606">
                  <c:v>8.2199329999999993</c:v>
                </c:pt>
                <c:pt idx="3607">
                  <c:v>8.2199329999999993</c:v>
                </c:pt>
                <c:pt idx="3608">
                  <c:v>8.2199329999999993</c:v>
                </c:pt>
                <c:pt idx="3609">
                  <c:v>8.2199329999999993</c:v>
                </c:pt>
                <c:pt idx="3610">
                  <c:v>8.2199329999999993</c:v>
                </c:pt>
                <c:pt idx="3611">
                  <c:v>8.2198989999999998</c:v>
                </c:pt>
                <c:pt idx="3612">
                  <c:v>8.2198989999999998</c:v>
                </c:pt>
                <c:pt idx="3613">
                  <c:v>8.2198989999999998</c:v>
                </c:pt>
                <c:pt idx="3614">
                  <c:v>8.2198989999999998</c:v>
                </c:pt>
                <c:pt idx="3615">
                  <c:v>8.2198989999999998</c:v>
                </c:pt>
                <c:pt idx="3616">
                  <c:v>8.2198989999999998</c:v>
                </c:pt>
                <c:pt idx="3617">
                  <c:v>8.2198989999999998</c:v>
                </c:pt>
                <c:pt idx="3618">
                  <c:v>8.2198989999999998</c:v>
                </c:pt>
                <c:pt idx="3619">
                  <c:v>8.2198659999999997</c:v>
                </c:pt>
                <c:pt idx="3620">
                  <c:v>8.2198659999999997</c:v>
                </c:pt>
                <c:pt idx="3621">
                  <c:v>8.2198659999999997</c:v>
                </c:pt>
                <c:pt idx="3622">
                  <c:v>8.2198659999999997</c:v>
                </c:pt>
                <c:pt idx="3623">
                  <c:v>8.2198659999999997</c:v>
                </c:pt>
                <c:pt idx="3624">
                  <c:v>8.2198320000000002</c:v>
                </c:pt>
                <c:pt idx="3625">
                  <c:v>8.2198320000000002</c:v>
                </c:pt>
                <c:pt idx="3626">
                  <c:v>8.2198320000000002</c:v>
                </c:pt>
                <c:pt idx="3627">
                  <c:v>8.2198320000000002</c:v>
                </c:pt>
                <c:pt idx="3628">
                  <c:v>8.2198320000000002</c:v>
                </c:pt>
                <c:pt idx="3629">
                  <c:v>8.2198320000000002</c:v>
                </c:pt>
                <c:pt idx="3630">
                  <c:v>8.2198320000000002</c:v>
                </c:pt>
                <c:pt idx="3631">
                  <c:v>8.2197980000000008</c:v>
                </c:pt>
                <c:pt idx="3632">
                  <c:v>8.2197980000000008</c:v>
                </c:pt>
                <c:pt idx="3633">
                  <c:v>8.2197980000000008</c:v>
                </c:pt>
                <c:pt idx="3634">
                  <c:v>8.2197980000000008</c:v>
                </c:pt>
                <c:pt idx="3635">
                  <c:v>8.2197980000000008</c:v>
                </c:pt>
                <c:pt idx="3636">
                  <c:v>8.2197650000000007</c:v>
                </c:pt>
                <c:pt idx="3637">
                  <c:v>8.2197650000000007</c:v>
                </c:pt>
                <c:pt idx="3638">
                  <c:v>8.2197650000000007</c:v>
                </c:pt>
                <c:pt idx="3639">
                  <c:v>8.2197650000000007</c:v>
                </c:pt>
                <c:pt idx="3640">
                  <c:v>8.2197650000000007</c:v>
                </c:pt>
                <c:pt idx="3641">
                  <c:v>8.2197309999999995</c:v>
                </c:pt>
                <c:pt idx="3642">
                  <c:v>8.2197309999999995</c:v>
                </c:pt>
                <c:pt idx="3643">
                  <c:v>8.2197309999999995</c:v>
                </c:pt>
                <c:pt idx="3644">
                  <c:v>8.2197309999999995</c:v>
                </c:pt>
                <c:pt idx="3645">
                  <c:v>8.2197309999999995</c:v>
                </c:pt>
                <c:pt idx="3646">
                  <c:v>8.219697</c:v>
                </c:pt>
                <c:pt idx="3647">
                  <c:v>8.219697</c:v>
                </c:pt>
                <c:pt idx="3648">
                  <c:v>8.219697</c:v>
                </c:pt>
                <c:pt idx="3649">
                  <c:v>8.219697</c:v>
                </c:pt>
                <c:pt idx="3650">
                  <c:v>8.2196639999999999</c:v>
                </c:pt>
                <c:pt idx="3651">
                  <c:v>8.2196639999999999</c:v>
                </c:pt>
                <c:pt idx="3652">
                  <c:v>8.2196639999999999</c:v>
                </c:pt>
                <c:pt idx="3653">
                  <c:v>8.2196639999999999</c:v>
                </c:pt>
                <c:pt idx="3654">
                  <c:v>8.2196300000000004</c:v>
                </c:pt>
                <c:pt idx="3655">
                  <c:v>8.2196300000000004</c:v>
                </c:pt>
                <c:pt idx="3656">
                  <c:v>8.2196300000000004</c:v>
                </c:pt>
                <c:pt idx="3657">
                  <c:v>8.2195959999999992</c:v>
                </c:pt>
                <c:pt idx="3658">
                  <c:v>8.2195959999999992</c:v>
                </c:pt>
                <c:pt idx="3659">
                  <c:v>8.2195959999999992</c:v>
                </c:pt>
                <c:pt idx="3660">
                  <c:v>8.2195630000000008</c:v>
                </c:pt>
                <c:pt idx="3661">
                  <c:v>8.2195630000000008</c:v>
                </c:pt>
                <c:pt idx="3662">
                  <c:v>8.2195630000000008</c:v>
                </c:pt>
                <c:pt idx="3663">
                  <c:v>8.2195630000000008</c:v>
                </c:pt>
                <c:pt idx="3664">
                  <c:v>8.2195630000000008</c:v>
                </c:pt>
                <c:pt idx="3665">
                  <c:v>8.2195289999999996</c:v>
                </c:pt>
                <c:pt idx="3666">
                  <c:v>8.2195289999999996</c:v>
                </c:pt>
                <c:pt idx="3667">
                  <c:v>8.2195289999999996</c:v>
                </c:pt>
                <c:pt idx="3668">
                  <c:v>8.2195289999999996</c:v>
                </c:pt>
                <c:pt idx="3669">
                  <c:v>8.2195289999999996</c:v>
                </c:pt>
                <c:pt idx="3670">
                  <c:v>8.2195289999999996</c:v>
                </c:pt>
                <c:pt idx="3671">
                  <c:v>8.2194950000000002</c:v>
                </c:pt>
                <c:pt idx="3672">
                  <c:v>8.2194950000000002</c:v>
                </c:pt>
                <c:pt idx="3673">
                  <c:v>8.2194950000000002</c:v>
                </c:pt>
                <c:pt idx="3674">
                  <c:v>8.2194950000000002</c:v>
                </c:pt>
                <c:pt idx="3675">
                  <c:v>8.2194950000000002</c:v>
                </c:pt>
                <c:pt idx="3676">
                  <c:v>8.2194950000000002</c:v>
                </c:pt>
                <c:pt idx="3677">
                  <c:v>8.2194950000000002</c:v>
                </c:pt>
                <c:pt idx="3678">
                  <c:v>8.2194950000000002</c:v>
                </c:pt>
                <c:pt idx="3679">
                  <c:v>8.2194950000000002</c:v>
                </c:pt>
                <c:pt idx="3680">
                  <c:v>8.2194950000000002</c:v>
                </c:pt>
                <c:pt idx="3681">
                  <c:v>8.219462</c:v>
                </c:pt>
                <c:pt idx="3682">
                  <c:v>8.219462</c:v>
                </c:pt>
                <c:pt idx="3683">
                  <c:v>8.219462</c:v>
                </c:pt>
                <c:pt idx="3684">
                  <c:v>8.219462</c:v>
                </c:pt>
                <c:pt idx="3685">
                  <c:v>8.219462</c:v>
                </c:pt>
                <c:pt idx="3686">
                  <c:v>8.219462</c:v>
                </c:pt>
                <c:pt idx="3687">
                  <c:v>8.2194280000000006</c:v>
                </c:pt>
                <c:pt idx="3688">
                  <c:v>8.2194280000000006</c:v>
                </c:pt>
                <c:pt idx="3689">
                  <c:v>8.2194280000000006</c:v>
                </c:pt>
                <c:pt idx="3690">
                  <c:v>8.2194280000000006</c:v>
                </c:pt>
                <c:pt idx="3691">
                  <c:v>8.2194280000000006</c:v>
                </c:pt>
                <c:pt idx="3692">
                  <c:v>8.2194280000000006</c:v>
                </c:pt>
                <c:pt idx="3693">
                  <c:v>8.2193939999999994</c:v>
                </c:pt>
                <c:pt idx="3694">
                  <c:v>8.2193939999999994</c:v>
                </c:pt>
                <c:pt idx="3695">
                  <c:v>8.2193939999999994</c:v>
                </c:pt>
                <c:pt idx="3696">
                  <c:v>8.2193939999999994</c:v>
                </c:pt>
                <c:pt idx="3697">
                  <c:v>8.2193939999999994</c:v>
                </c:pt>
                <c:pt idx="3698">
                  <c:v>8.2193609999999993</c:v>
                </c:pt>
                <c:pt idx="3699">
                  <c:v>8.2193609999999993</c:v>
                </c:pt>
                <c:pt idx="3700">
                  <c:v>8.2193609999999993</c:v>
                </c:pt>
                <c:pt idx="3701">
                  <c:v>8.2193609999999993</c:v>
                </c:pt>
                <c:pt idx="3702">
                  <c:v>8.2193609999999993</c:v>
                </c:pt>
                <c:pt idx="3703">
                  <c:v>8.2193269999999998</c:v>
                </c:pt>
                <c:pt idx="3704">
                  <c:v>8.2193269999999998</c:v>
                </c:pt>
                <c:pt idx="3705">
                  <c:v>8.2193269999999998</c:v>
                </c:pt>
                <c:pt idx="3706">
                  <c:v>8.2192930000000004</c:v>
                </c:pt>
                <c:pt idx="3707">
                  <c:v>8.2192930000000004</c:v>
                </c:pt>
                <c:pt idx="3708">
                  <c:v>8.2192600000000002</c:v>
                </c:pt>
                <c:pt idx="3709">
                  <c:v>8.2192260000000008</c:v>
                </c:pt>
                <c:pt idx="3710">
                  <c:v>8.2192260000000008</c:v>
                </c:pt>
                <c:pt idx="3711">
                  <c:v>8.2191919999999996</c:v>
                </c:pt>
                <c:pt idx="3712">
                  <c:v>8.2191589999999994</c:v>
                </c:pt>
                <c:pt idx="3713">
                  <c:v>8.219125</c:v>
                </c:pt>
                <c:pt idx="3714">
                  <c:v>8.2190910000000006</c:v>
                </c:pt>
                <c:pt idx="3715">
                  <c:v>8.2190910000000006</c:v>
                </c:pt>
                <c:pt idx="3716">
                  <c:v>8.2190580000000004</c:v>
                </c:pt>
                <c:pt idx="3717">
                  <c:v>8.2190239999999992</c:v>
                </c:pt>
                <c:pt idx="3718">
                  <c:v>8.2189899999999998</c:v>
                </c:pt>
                <c:pt idx="3719">
                  <c:v>8.2189230000000002</c:v>
                </c:pt>
                <c:pt idx="3720">
                  <c:v>8.2188890000000008</c:v>
                </c:pt>
                <c:pt idx="3721">
                  <c:v>8.2188560000000006</c:v>
                </c:pt>
                <c:pt idx="3722">
                  <c:v>8.2188219999999994</c:v>
                </c:pt>
                <c:pt idx="3723">
                  <c:v>8.218788</c:v>
                </c:pt>
                <c:pt idx="3724">
                  <c:v>8.2187549999999998</c:v>
                </c:pt>
                <c:pt idx="3725">
                  <c:v>8.2187549999999998</c:v>
                </c:pt>
                <c:pt idx="3726">
                  <c:v>8.2186880000000002</c:v>
                </c:pt>
                <c:pt idx="3727">
                  <c:v>8.2186540000000008</c:v>
                </c:pt>
                <c:pt idx="3728">
                  <c:v>8.2186199999999996</c:v>
                </c:pt>
                <c:pt idx="3729">
                  <c:v>8.2185869999999994</c:v>
                </c:pt>
                <c:pt idx="3730">
                  <c:v>8.218553</c:v>
                </c:pt>
                <c:pt idx="3731">
                  <c:v>8.218553</c:v>
                </c:pt>
                <c:pt idx="3732">
                  <c:v>8.2185190000000006</c:v>
                </c:pt>
                <c:pt idx="3733">
                  <c:v>8.2184860000000004</c:v>
                </c:pt>
                <c:pt idx="3734">
                  <c:v>8.2184860000000004</c:v>
                </c:pt>
                <c:pt idx="3735">
                  <c:v>8.2184519999999992</c:v>
                </c:pt>
                <c:pt idx="3736">
                  <c:v>8.2184519999999992</c:v>
                </c:pt>
                <c:pt idx="3737">
                  <c:v>8.2184519999999992</c:v>
                </c:pt>
                <c:pt idx="3738">
                  <c:v>8.2184179999999998</c:v>
                </c:pt>
                <c:pt idx="3739">
                  <c:v>8.2184179999999998</c:v>
                </c:pt>
                <c:pt idx="3740">
                  <c:v>8.2184179999999998</c:v>
                </c:pt>
                <c:pt idx="3741">
                  <c:v>8.2184179999999998</c:v>
                </c:pt>
                <c:pt idx="3742">
                  <c:v>8.2184179999999998</c:v>
                </c:pt>
                <c:pt idx="3743">
                  <c:v>8.2184179999999998</c:v>
                </c:pt>
                <c:pt idx="3744">
                  <c:v>8.2184179999999998</c:v>
                </c:pt>
                <c:pt idx="3745">
                  <c:v>8.2184179999999998</c:v>
                </c:pt>
                <c:pt idx="3746">
                  <c:v>8.2184519999999992</c:v>
                </c:pt>
                <c:pt idx="3747">
                  <c:v>8.2184519999999992</c:v>
                </c:pt>
                <c:pt idx="3748">
                  <c:v>8.2184519999999992</c:v>
                </c:pt>
                <c:pt idx="3749">
                  <c:v>8.2184519999999992</c:v>
                </c:pt>
                <c:pt idx="3750">
                  <c:v>8.2184519999999992</c:v>
                </c:pt>
                <c:pt idx="3751">
                  <c:v>8.2184860000000004</c:v>
                </c:pt>
                <c:pt idx="3752">
                  <c:v>8.2184860000000004</c:v>
                </c:pt>
                <c:pt idx="3753">
                  <c:v>8.2184860000000004</c:v>
                </c:pt>
                <c:pt idx="3754">
                  <c:v>8.2185190000000006</c:v>
                </c:pt>
                <c:pt idx="3755">
                  <c:v>8.2185190000000006</c:v>
                </c:pt>
                <c:pt idx="3756">
                  <c:v>8.2185190000000006</c:v>
                </c:pt>
                <c:pt idx="3757">
                  <c:v>8.218553</c:v>
                </c:pt>
                <c:pt idx="3758">
                  <c:v>8.218553</c:v>
                </c:pt>
                <c:pt idx="3759">
                  <c:v>8.2185869999999994</c:v>
                </c:pt>
                <c:pt idx="3760">
                  <c:v>8.2186199999999996</c:v>
                </c:pt>
                <c:pt idx="3761">
                  <c:v>8.2186199999999996</c:v>
                </c:pt>
                <c:pt idx="3762">
                  <c:v>8.2186199999999996</c:v>
                </c:pt>
                <c:pt idx="3763">
                  <c:v>8.2186540000000008</c:v>
                </c:pt>
                <c:pt idx="3764">
                  <c:v>8.2186540000000008</c:v>
                </c:pt>
                <c:pt idx="3765">
                  <c:v>8.2186880000000002</c:v>
                </c:pt>
                <c:pt idx="3766">
                  <c:v>8.2186880000000002</c:v>
                </c:pt>
                <c:pt idx="3767">
                  <c:v>8.2187210000000004</c:v>
                </c:pt>
                <c:pt idx="3768">
                  <c:v>8.2187549999999998</c:v>
                </c:pt>
                <c:pt idx="3769">
                  <c:v>8.2187549999999998</c:v>
                </c:pt>
                <c:pt idx="3770">
                  <c:v>8.218788</c:v>
                </c:pt>
                <c:pt idx="3771">
                  <c:v>8.218788</c:v>
                </c:pt>
                <c:pt idx="3772">
                  <c:v>8.2188219999999994</c:v>
                </c:pt>
                <c:pt idx="3773">
                  <c:v>8.2188560000000006</c:v>
                </c:pt>
                <c:pt idx="3774">
                  <c:v>8.2188560000000006</c:v>
                </c:pt>
                <c:pt idx="3775">
                  <c:v>8.2188890000000008</c:v>
                </c:pt>
                <c:pt idx="3776">
                  <c:v>8.2188890000000008</c:v>
                </c:pt>
                <c:pt idx="3777">
                  <c:v>8.2189230000000002</c:v>
                </c:pt>
                <c:pt idx="3778">
                  <c:v>8.2189569999999996</c:v>
                </c:pt>
                <c:pt idx="3779">
                  <c:v>8.2189569999999996</c:v>
                </c:pt>
                <c:pt idx="3780">
                  <c:v>8.2189899999999998</c:v>
                </c:pt>
                <c:pt idx="3781">
                  <c:v>8.2189899999999998</c:v>
                </c:pt>
                <c:pt idx="3782">
                  <c:v>8.2190239999999992</c:v>
                </c:pt>
                <c:pt idx="3783">
                  <c:v>8.2190239999999992</c:v>
                </c:pt>
                <c:pt idx="3784">
                  <c:v>8.2190580000000004</c:v>
                </c:pt>
                <c:pt idx="3785">
                  <c:v>8.2190910000000006</c:v>
                </c:pt>
                <c:pt idx="3786">
                  <c:v>8.2190910000000006</c:v>
                </c:pt>
                <c:pt idx="3787">
                  <c:v>8.219125</c:v>
                </c:pt>
                <c:pt idx="3788">
                  <c:v>8.2191589999999994</c:v>
                </c:pt>
                <c:pt idx="3789">
                  <c:v>8.2191589999999994</c:v>
                </c:pt>
                <c:pt idx="3790">
                  <c:v>8.2191919999999996</c:v>
                </c:pt>
                <c:pt idx="3791">
                  <c:v>8.2192260000000008</c:v>
                </c:pt>
                <c:pt idx="3792">
                  <c:v>8.2192600000000002</c:v>
                </c:pt>
                <c:pt idx="3793">
                  <c:v>8.2192600000000002</c:v>
                </c:pt>
                <c:pt idx="3794">
                  <c:v>8.2192930000000004</c:v>
                </c:pt>
                <c:pt idx="3795">
                  <c:v>8.2192930000000004</c:v>
                </c:pt>
                <c:pt idx="3796">
                  <c:v>8.2193269999999998</c:v>
                </c:pt>
                <c:pt idx="3797">
                  <c:v>8.2193609999999993</c:v>
                </c:pt>
                <c:pt idx="3798">
                  <c:v>8.2193939999999994</c:v>
                </c:pt>
                <c:pt idx="3799">
                  <c:v>8.2193939999999994</c:v>
                </c:pt>
                <c:pt idx="3800">
                  <c:v>8.2194280000000006</c:v>
                </c:pt>
                <c:pt idx="3801">
                  <c:v>8.219462</c:v>
                </c:pt>
                <c:pt idx="3802">
                  <c:v>8.2194950000000002</c:v>
                </c:pt>
                <c:pt idx="3803">
                  <c:v>8.2195289999999996</c:v>
                </c:pt>
                <c:pt idx="3804">
                  <c:v>8.2195289999999996</c:v>
                </c:pt>
                <c:pt idx="3805">
                  <c:v>8.2195630000000008</c:v>
                </c:pt>
                <c:pt idx="3806">
                  <c:v>8.2195959999999992</c:v>
                </c:pt>
                <c:pt idx="3807">
                  <c:v>8.2196300000000004</c:v>
                </c:pt>
                <c:pt idx="3808">
                  <c:v>8.2196639999999999</c:v>
                </c:pt>
                <c:pt idx="3809">
                  <c:v>8.219697</c:v>
                </c:pt>
                <c:pt idx="3810">
                  <c:v>8.2197309999999995</c:v>
                </c:pt>
                <c:pt idx="3811">
                  <c:v>8.2197309999999995</c:v>
                </c:pt>
                <c:pt idx="3812">
                  <c:v>8.2197650000000007</c:v>
                </c:pt>
                <c:pt idx="3813">
                  <c:v>8.2197980000000008</c:v>
                </c:pt>
                <c:pt idx="3814">
                  <c:v>8.2198320000000002</c:v>
                </c:pt>
                <c:pt idx="3815">
                  <c:v>8.2198659999999997</c:v>
                </c:pt>
                <c:pt idx="3816">
                  <c:v>8.2198989999999998</c:v>
                </c:pt>
                <c:pt idx="3817">
                  <c:v>8.2199329999999993</c:v>
                </c:pt>
                <c:pt idx="3818">
                  <c:v>8.2199659999999994</c:v>
                </c:pt>
                <c:pt idx="3819">
                  <c:v>8.2200000000000006</c:v>
                </c:pt>
                <c:pt idx="3820">
                  <c:v>8.2200340000000001</c:v>
                </c:pt>
                <c:pt idx="3821">
                  <c:v>8.2200340000000001</c:v>
                </c:pt>
                <c:pt idx="3822">
                  <c:v>8.2200670000000002</c:v>
                </c:pt>
                <c:pt idx="3823">
                  <c:v>8.2201009999999997</c:v>
                </c:pt>
                <c:pt idx="3824">
                  <c:v>8.2201350000000009</c:v>
                </c:pt>
                <c:pt idx="3825">
                  <c:v>8.2201679999999993</c:v>
                </c:pt>
                <c:pt idx="3826">
                  <c:v>8.2202020000000005</c:v>
                </c:pt>
                <c:pt idx="3827">
                  <c:v>8.2202359999999999</c:v>
                </c:pt>
                <c:pt idx="3828">
                  <c:v>8.220269</c:v>
                </c:pt>
                <c:pt idx="3829">
                  <c:v>8.2203029999999995</c:v>
                </c:pt>
                <c:pt idx="3830">
                  <c:v>8.2203370000000007</c:v>
                </c:pt>
                <c:pt idx="3831">
                  <c:v>8.2203700000000008</c:v>
                </c:pt>
                <c:pt idx="3832">
                  <c:v>8.2204040000000003</c:v>
                </c:pt>
                <c:pt idx="3833">
                  <c:v>8.2204379999999997</c:v>
                </c:pt>
                <c:pt idx="3834">
                  <c:v>8.2204709999999999</c:v>
                </c:pt>
                <c:pt idx="3835">
                  <c:v>8.2205049999999993</c:v>
                </c:pt>
                <c:pt idx="3836">
                  <c:v>8.2205390000000005</c:v>
                </c:pt>
                <c:pt idx="3837">
                  <c:v>8.2205720000000007</c:v>
                </c:pt>
                <c:pt idx="3838">
                  <c:v>8.2206060000000001</c:v>
                </c:pt>
                <c:pt idx="3839">
                  <c:v>8.2206399999999995</c:v>
                </c:pt>
                <c:pt idx="3840">
                  <c:v>8.2206729999999997</c:v>
                </c:pt>
                <c:pt idx="3841">
                  <c:v>8.2207070000000009</c:v>
                </c:pt>
                <c:pt idx="3842">
                  <c:v>8.2207410000000003</c:v>
                </c:pt>
                <c:pt idx="3843">
                  <c:v>8.2208079999999999</c:v>
                </c:pt>
                <c:pt idx="3844">
                  <c:v>8.2208419999999993</c:v>
                </c:pt>
                <c:pt idx="3845">
                  <c:v>8.2208749999999995</c:v>
                </c:pt>
                <c:pt idx="3846">
                  <c:v>8.2209090000000007</c:v>
                </c:pt>
                <c:pt idx="3847">
                  <c:v>8.2209430000000001</c:v>
                </c:pt>
                <c:pt idx="3848">
                  <c:v>8.2209760000000003</c:v>
                </c:pt>
                <c:pt idx="3849">
                  <c:v>8.2210099999999997</c:v>
                </c:pt>
                <c:pt idx="3850">
                  <c:v>8.2210429999999999</c:v>
                </c:pt>
                <c:pt idx="3851">
                  <c:v>8.2210769999999993</c:v>
                </c:pt>
                <c:pt idx="3852">
                  <c:v>8.2211110000000005</c:v>
                </c:pt>
                <c:pt idx="3853">
                  <c:v>8.2211440000000007</c:v>
                </c:pt>
                <c:pt idx="3854">
                  <c:v>8.2211780000000001</c:v>
                </c:pt>
                <c:pt idx="3855">
                  <c:v>8.2212119999999995</c:v>
                </c:pt>
                <c:pt idx="3856">
                  <c:v>8.2212449999999997</c:v>
                </c:pt>
                <c:pt idx="3857">
                  <c:v>8.2212789999999991</c:v>
                </c:pt>
                <c:pt idx="3858">
                  <c:v>8.2213130000000003</c:v>
                </c:pt>
                <c:pt idx="3859">
                  <c:v>8.2213460000000005</c:v>
                </c:pt>
                <c:pt idx="3860">
                  <c:v>8.2214139999999993</c:v>
                </c:pt>
                <c:pt idx="3861">
                  <c:v>8.2214469999999995</c:v>
                </c:pt>
                <c:pt idx="3862">
                  <c:v>8.2214810000000007</c:v>
                </c:pt>
                <c:pt idx="3863">
                  <c:v>8.2215150000000001</c:v>
                </c:pt>
                <c:pt idx="3864">
                  <c:v>8.2215480000000003</c:v>
                </c:pt>
                <c:pt idx="3865">
                  <c:v>8.2215819999999997</c:v>
                </c:pt>
                <c:pt idx="3866">
                  <c:v>8.2216159999999991</c:v>
                </c:pt>
                <c:pt idx="3867">
                  <c:v>8.2216489999999993</c:v>
                </c:pt>
                <c:pt idx="3868">
                  <c:v>8.2216830000000005</c:v>
                </c:pt>
                <c:pt idx="3869">
                  <c:v>8.2217169999999999</c:v>
                </c:pt>
                <c:pt idx="3870">
                  <c:v>8.2217839999999995</c:v>
                </c:pt>
                <c:pt idx="3871">
                  <c:v>8.2218180000000007</c:v>
                </c:pt>
                <c:pt idx="3872">
                  <c:v>8.2218509999999991</c:v>
                </c:pt>
                <c:pt idx="3873">
                  <c:v>8.2218850000000003</c:v>
                </c:pt>
                <c:pt idx="3874">
                  <c:v>8.2219189999999998</c:v>
                </c:pt>
                <c:pt idx="3875">
                  <c:v>8.2219519999999999</c:v>
                </c:pt>
                <c:pt idx="3876">
                  <c:v>8.2220200000000006</c:v>
                </c:pt>
                <c:pt idx="3877">
                  <c:v>8.2220530000000007</c:v>
                </c:pt>
                <c:pt idx="3878">
                  <c:v>8.2220870000000001</c:v>
                </c:pt>
                <c:pt idx="3879">
                  <c:v>8.2221209999999996</c:v>
                </c:pt>
                <c:pt idx="3880">
                  <c:v>8.2221539999999997</c:v>
                </c:pt>
                <c:pt idx="3881">
                  <c:v>8.2221879999999992</c:v>
                </c:pt>
                <c:pt idx="3882">
                  <c:v>8.2222209999999993</c:v>
                </c:pt>
                <c:pt idx="3883">
                  <c:v>8.2222550000000005</c:v>
                </c:pt>
                <c:pt idx="3884">
                  <c:v>8.222289</c:v>
                </c:pt>
                <c:pt idx="3885">
                  <c:v>8.2223220000000001</c:v>
                </c:pt>
                <c:pt idx="3886">
                  <c:v>8.2223900000000008</c:v>
                </c:pt>
                <c:pt idx="3887">
                  <c:v>8.2224229999999991</c:v>
                </c:pt>
                <c:pt idx="3888">
                  <c:v>8.2224570000000003</c:v>
                </c:pt>
                <c:pt idx="3889">
                  <c:v>8.2224909999999998</c:v>
                </c:pt>
                <c:pt idx="3890">
                  <c:v>8.2225239999999999</c:v>
                </c:pt>
                <c:pt idx="3891">
                  <c:v>8.2225920000000006</c:v>
                </c:pt>
                <c:pt idx="3892">
                  <c:v>8.2226250000000007</c:v>
                </c:pt>
                <c:pt idx="3893">
                  <c:v>8.2226590000000002</c:v>
                </c:pt>
                <c:pt idx="3894">
                  <c:v>8.2226929999999996</c:v>
                </c:pt>
                <c:pt idx="3895">
                  <c:v>8.2227259999999998</c:v>
                </c:pt>
                <c:pt idx="3896">
                  <c:v>8.2227599999999992</c:v>
                </c:pt>
                <c:pt idx="3897">
                  <c:v>8.2228270000000006</c:v>
                </c:pt>
                <c:pt idx="3898">
                  <c:v>8.222861</c:v>
                </c:pt>
                <c:pt idx="3899">
                  <c:v>8.2228949999999994</c:v>
                </c:pt>
                <c:pt idx="3900">
                  <c:v>8.2229279999999996</c:v>
                </c:pt>
                <c:pt idx="3901">
                  <c:v>8.2229960000000002</c:v>
                </c:pt>
                <c:pt idx="3902">
                  <c:v>8.2230290000000004</c:v>
                </c:pt>
                <c:pt idx="3903">
                  <c:v>8.2230629999999998</c:v>
                </c:pt>
                <c:pt idx="3904">
                  <c:v>8.2231299999999994</c:v>
                </c:pt>
                <c:pt idx="3905">
                  <c:v>8.2231640000000006</c:v>
                </c:pt>
                <c:pt idx="3906">
                  <c:v>8.223198</c:v>
                </c:pt>
                <c:pt idx="3907">
                  <c:v>8.2232310000000002</c:v>
                </c:pt>
                <c:pt idx="3908">
                  <c:v>8.2232979999999998</c:v>
                </c:pt>
                <c:pt idx="3909">
                  <c:v>8.2233319999999992</c:v>
                </c:pt>
                <c:pt idx="3910">
                  <c:v>8.2233660000000004</c:v>
                </c:pt>
                <c:pt idx="3911">
                  <c:v>8.2233990000000006</c:v>
                </c:pt>
                <c:pt idx="3912">
                  <c:v>8.2234669999999994</c:v>
                </c:pt>
                <c:pt idx="3913">
                  <c:v>8.2234999999999996</c:v>
                </c:pt>
                <c:pt idx="3914">
                  <c:v>8.2235340000000008</c:v>
                </c:pt>
                <c:pt idx="3915">
                  <c:v>8.2235680000000002</c:v>
                </c:pt>
                <c:pt idx="3916">
                  <c:v>8.2236349999999998</c:v>
                </c:pt>
                <c:pt idx="3917">
                  <c:v>8.2236689999999992</c:v>
                </c:pt>
                <c:pt idx="3918">
                  <c:v>8.2237019999999994</c:v>
                </c:pt>
                <c:pt idx="3919">
                  <c:v>8.22377</c:v>
                </c:pt>
                <c:pt idx="3920">
                  <c:v>8.2238030000000002</c:v>
                </c:pt>
                <c:pt idx="3921">
                  <c:v>8.2238369999999996</c:v>
                </c:pt>
                <c:pt idx="3922">
                  <c:v>8.2238710000000008</c:v>
                </c:pt>
                <c:pt idx="3923">
                  <c:v>8.2239039999999992</c:v>
                </c:pt>
                <c:pt idx="3924">
                  <c:v>8.2239719999999998</c:v>
                </c:pt>
                <c:pt idx="3925">
                  <c:v>8.224005</c:v>
                </c:pt>
                <c:pt idx="3926">
                  <c:v>8.2240389999999994</c:v>
                </c:pt>
                <c:pt idx="3927">
                  <c:v>8.2240730000000006</c:v>
                </c:pt>
                <c:pt idx="3928">
                  <c:v>8.2241060000000008</c:v>
                </c:pt>
                <c:pt idx="3929">
                  <c:v>8.2241739999999997</c:v>
                </c:pt>
                <c:pt idx="3930">
                  <c:v>8.2242069999999998</c:v>
                </c:pt>
                <c:pt idx="3931">
                  <c:v>8.2242409999999992</c:v>
                </c:pt>
                <c:pt idx="3932">
                  <c:v>8.2243080000000006</c:v>
                </c:pt>
                <c:pt idx="3933">
                  <c:v>8.224342</c:v>
                </c:pt>
                <c:pt idx="3934">
                  <c:v>8.2243759999999995</c:v>
                </c:pt>
                <c:pt idx="3935">
                  <c:v>8.2244430000000008</c:v>
                </c:pt>
                <c:pt idx="3936">
                  <c:v>8.2244759999999992</c:v>
                </c:pt>
                <c:pt idx="3937">
                  <c:v>8.2245439999999999</c:v>
                </c:pt>
                <c:pt idx="3938">
                  <c:v>8.224577</c:v>
                </c:pt>
                <c:pt idx="3939">
                  <c:v>8.2246450000000006</c:v>
                </c:pt>
                <c:pt idx="3940">
                  <c:v>8.2246780000000008</c:v>
                </c:pt>
                <c:pt idx="3941">
                  <c:v>8.2247459999999997</c:v>
                </c:pt>
                <c:pt idx="3942">
                  <c:v>8.2247789999999998</c:v>
                </c:pt>
                <c:pt idx="3943">
                  <c:v>8.2248470000000005</c:v>
                </c:pt>
                <c:pt idx="3944">
                  <c:v>8.2248800000000006</c:v>
                </c:pt>
                <c:pt idx="3945">
                  <c:v>8.2249140000000001</c:v>
                </c:pt>
                <c:pt idx="3946">
                  <c:v>8.2249809999999997</c:v>
                </c:pt>
                <c:pt idx="3947">
                  <c:v>8.2250150000000009</c:v>
                </c:pt>
                <c:pt idx="3948">
                  <c:v>8.2250820000000004</c:v>
                </c:pt>
                <c:pt idx="3949">
                  <c:v>8.2251159999999999</c:v>
                </c:pt>
                <c:pt idx="3950">
                  <c:v>8.2251829999999995</c:v>
                </c:pt>
                <c:pt idx="3951">
                  <c:v>8.2252510000000001</c:v>
                </c:pt>
                <c:pt idx="3952">
                  <c:v>8.2252840000000003</c:v>
                </c:pt>
                <c:pt idx="3953">
                  <c:v>8.2253520000000009</c:v>
                </c:pt>
                <c:pt idx="3954">
                  <c:v>8.2253849999999993</c:v>
                </c:pt>
                <c:pt idx="3955">
                  <c:v>8.2254529999999999</c:v>
                </c:pt>
                <c:pt idx="3956">
                  <c:v>8.2254860000000001</c:v>
                </c:pt>
                <c:pt idx="3957">
                  <c:v>8.2255529999999997</c:v>
                </c:pt>
                <c:pt idx="3958">
                  <c:v>8.2255870000000009</c:v>
                </c:pt>
                <c:pt idx="3959">
                  <c:v>8.2256540000000005</c:v>
                </c:pt>
                <c:pt idx="3960">
                  <c:v>8.2256879999999999</c:v>
                </c:pt>
                <c:pt idx="3961">
                  <c:v>8.2257549999999995</c:v>
                </c:pt>
                <c:pt idx="3962">
                  <c:v>8.2257890000000007</c:v>
                </c:pt>
                <c:pt idx="3963">
                  <c:v>8.2258560000000003</c:v>
                </c:pt>
                <c:pt idx="3964">
                  <c:v>8.2258899999999997</c:v>
                </c:pt>
                <c:pt idx="3965">
                  <c:v>8.2259239999999991</c:v>
                </c:pt>
                <c:pt idx="3966">
                  <c:v>8.2259910000000005</c:v>
                </c:pt>
                <c:pt idx="3967">
                  <c:v>8.2260249999999999</c:v>
                </c:pt>
                <c:pt idx="3968">
                  <c:v>8.2260919999999995</c:v>
                </c:pt>
                <c:pt idx="3969">
                  <c:v>8.2261260000000007</c:v>
                </c:pt>
                <c:pt idx="3970">
                  <c:v>8.2261590000000009</c:v>
                </c:pt>
                <c:pt idx="3971">
                  <c:v>8.2262269999999997</c:v>
                </c:pt>
                <c:pt idx="3972">
                  <c:v>8.2262599999999999</c:v>
                </c:pt>
                <c:pt idx="3973">
                  <c:v>8.2263280000000005</c:v>
                </c:pt>
                <c:pt idx="3974">
                  <c:v>8.2263610000000007</c:v>
                </c:pt>
                <c:pt idx="3975">
                  <c:v>8.2264289999999995</c:v>
                </c:pt>
                <c:pt idx="3976">
                  <c:v>8.2264619999999997</c:v>
                </c:pt>
                <c:pt idx="3977">
                  <c:v>8.2265300000000003</c:v>
                </c:pt>
                <c:pt idx="3978">
                  <c:v>8.2265630000000005</c:v>
                </c:pt>
                <c:pt idx="3979">
                  <c:v>8.2265969999999999</c:v>
                </c:pt>
                <c:pt idx="3980">
                  <c:v>8.2266639999999995</c:v>
                </c:pt>
                <c:pt idx="3981">
                  <c:v>8.2266980000000007</c:v>
                </c:pt>
                <c:pt idx="3982">
                  <c:v>8.2267309999999991</c:v>
                </c:pt>
                <c:pt idx="3983">
                  <c:v>8.2267989999999998</c:v>
                </c:pt>
                <c:pt idx="3984">
                  <c:v>8.2268319999999999</c:v>
                </c:pt>
                <c:pt idx="3985">
                  <c:v>8.2269000000000005</c:v>
                </c:pt>
                <c:pt idx="3986">
                  <c:v>8.2269330000000007</c:v>
                </c:pt>
                <c:pt idx="3987">
                  <c:v>8.2269670000000001</c:v>
                </c:pt>
                <c:pt idx="3988">
                  <c:v>8.2270339999999997</c:v>
                </c:pt>
                <c:pt idx="3989">
                  <c:v>8.2270679999999992</c:v>
                </c:pt>
                <c:pt idx="3990">
                  <c:v>8.2271350000000005</c:v>
                </c:pt>
                <c:pt idx="3991">
                  <c:v>8.227169</c:v>
                </c:pt>
                <c:pt idx="3992">
                  <c:v>8.2272359999999995</c:v>
                </c:pt>
                <c:pt idx="3993">
                  <c:v>8.2272700000000007</c:v>
                </c:pt>
                <c:pt idx="3994">
                  <c:v>8.2273370000000003</c:v>
                </c:pt>
                <c:pt idx="3995">
                  <c:v>8.2273709999999998</c:v>
                </c:pt>
                <c:pt idx="3996">
                  <c:v>8.2274379999999994</c:v>
                </c:pt>
                <c:pt idx="3997">
                  <c:v>8.2274720000000006</c:v>
                </c:pt>
                <c:pt idx="3998">
                  <c:v>8.227506</c:v>
                </c:pt>
                <c:pt idx="3999">
                  <c:v>8.2275390000000002</c:v>
                </c:pt>
                <c:pt idx="4000">
                  <c:v>8.2276070000000008</c:v>
                </c:pt>
                <c:pt idx="4001">
                  <c:v>8.2276399999999992</c:v>
                </c:pt>
                <c:pt idx="4002">
                  <c:v>8.2277079999999998</c:v>
                </c:pt>
                <c:pt idx="4003">
                  <c:v>8.227741</c:v>
                </c:pt>
                <c:pt idx="4004">
                  <c:v>8.2278079999999996</c:v>
                </c:pt>
                <c:pt idx="4005">
                  <c:v>8.2278420000000008</c:v>
                </c:pt>
                <c:pt idx="4006">
                  <c:v>8.2279090000000004</c:v>
                </c:pt>
                <c:pt idx="4007">
                  <c:v>8.2279429999999998</c:v>
                </c:pt>
                <c:pt idx="4008">
                  <c:v>8.2280099999999994</c:v>
                </c:pt>
                <c:pt idx="4009">
                  <c:v>8.2280440000000006</c:v>
                </c:pt>
                <c:pt idx="4010">
                  <c:v>8.2281110000000002</c:v>
                </c:pt>
                <c:pt idx="4011">
                  <c:v>8.2281449999999996</c:v>
                </c:pt>
                <c:pt idx="4012">
                  <c:v>8.2282119999999992</c:v>
                </c:pt>
                <c:pt idx="4013">
                  <c:v>8.2282460000000004</c:v>
                </c:pt>
                <c:pt idx="4014">
                  <c:v>8.228313</c:v>
                </c:pt>
                <c:pt idx="4015">
                  <c:v>8.2283469999999994</c:v>
                </c:pt>
                <c:pt idx="4016">
                  <c:v>8.2284140000000008</c:v>
                </c:pt>
                <c:pt idx="4017">
                  <c:v>8.2284480000000002</c:v>
                </c:pt>
                <c:pt idx="4018">
                  <c:v>8.2285149999999998</c:v>
                </c:pt>
                <c:pt idx="4019">
                  <c:v>8.2285489999999992</c:v>
                </c:pt>
                <c:pt idx="4020">
                  <c:v>8.2286160000000006</c:v>
                </c:pt>
                <c:pt idx="4021">
                  <c:v>8.2286839999999994</c:v>
                </c:pt>
                <c:pt idx="4022">
                  <c:v>8.2287169999999996</c:v>
                </c:pt>
                <c:pt idx="4023">
                  <c:v>8.2287850000000002</c:v>
                </c:pt>
                <c:pt idx="4024">
                  <c:v>8.2288180000000004</c:v>
                </c:pt>
                <c:pt idx="4025">
                  <c:v>8.228885</c:v>
                </c:pt>
                <c:pt idx="4026">
                  <c:v>8.2289530000000006</c:v>
                </c:pt>
                <c:pt idx="4027">
                  <c:v>8.2289860000000008</c:v>
                </c:pt>
                <c:pt idx="4028">
                  <c:v>8.2290539999999996</c:v>
                </c:pt>
                <c:pt idx="4029">
                  <c:v>8.2290869999999998</c:v>
                </c:pt>
                <c:pt idx="4030">
                  <c:v>8.2291550000000004</c:v>
                </c:pt>
                <c:pt idx="4031">
                  <c:v>8.229222</c:v>
                </c:pt>
                <c:pt idx="4032">
                  <c:v>8.2292559999999995</c:v>
                </c:pt>
                <c:pt idx="4033">
                  <c:v>8.2293230000000008</c:v>
                </c:pt>
                <c:pt idx="4034">
                  <c:v>8.2293570000000003</c:v>
                </c:pt>
                <c:pt idx="4035">
                  <c:v>8.2294239999999999</c:v>
                </c:pt>
                <c:pt idx="4036">
                  <c:v>8.2294909999999994</c:v>
                </c:pt>
                <c:pt idx="4037">
                  <c:v>8.2295250000000006</c:v>
                </c:pt>
                <c:pt idx="4038">
                  <c:v>8.2295920000000002</c:v>
                </c:pt>
                <c:pt idx="4039">
                  <c:v>8.2296600000000009</c:v>
                </c:pt>
                <c:pt idx="4040">
                  <c:v>8.2296929999999993</c:v>
                </c:pt>
                <c:pt idx="4041">
                  <c:v>8.2297609999999999</c:v>
                </c:pt>
                <c:pt idx="4042">
                  <c:v>8.2298279999999995</c:v>
                </c:pt>
                <c:pt idx="4043">
                  <c:v>8.2298620000000007</c:v>
                </c:pt>
                <c:pt idx="4044">
                  <c:v>8.2299290000000003</c:v>
                </c:pt>
                <c:pt idx="4045">
                  <c:v>8.2299959999999999</c:v>
                </c:pt>
                <c:pt idx="4046">
                  <c:v>8.2300299999999993</c:v>
                </c:pt>
                <c:pt idx="4047">
                  <c:v>8.2300970000000007</c:v>
                </c:pt>
                <c:pt idx="4048">
                  <c:v>8.2301640000000003</c:v>
                </c:pt>
                <c:pt idx="4049">
                  <c:v>8.2302320000000009</c:v>
                </c:pt>
                <c:pt idx="4050">
                  <c:v>8.2302649999999993</c:v>
                </c:pt>
                <c:pt idx="4051">
                  <c:v>8.2303329999999999</c:v>
                </c:pt>
                <c:pt idx="4052">
                  <c:v>8.2303999999999995</c:v>
                </c:pt>
                <c:pt idx="4053">
                  <c:v>8.2304670000000009</c:v>
                </c:pt>
                <c:pt idx="4054">
                  <c:v>8.2305010000000003</c:v>
                </c:pt>
                <c:pt idx="4055">
                  <c:v>8.2305679999999999</c:v>
                </c:pt>
                <c:pt idx="4056">
                  <c:v>8.2306019999999993</c:v>
                </c:pt>
                <c:pt idx="4057">
                  <c:v>8.2306690000000007</c:v>
                </c:pt>
                <c:pt idx="4058">
                  <c:v>8.2307369999999995</c:v>
                </c:pt>
                <c:pt idx="4059">
                  <c:v>8.2307699999999997</c:v>
                </c:pt>
                <c:pt idx="4060">
                  <c:v>8.2308380000000003</c:v>
                </c:pt>
                <c:pt idx="4061">
                  <c:v>8.2309049999999999</c:v>
                </c:pt>
                <c:pt idx="4062">
                  <c:v>8.2309719999999995</c:v>
                </c:pt>
                <c:pt idx="4063">
                  <c:v>8.2310060000000007</c:v>
                </c:pt>
                <c:pt idx="4064">
                  <c:v>8.2310730000000003</c:v>
                </c:pt>
                <c:pt idx="4065">
                  <c:v>8.2311069999999997</c:v>
                </c:pt>
                <c:pt idx="4066">
                  <c:v>8.2311739999999993</c:v>
                </c:pt>
                <c:pt idx="4067">
                  <c:v>8.2312410000000007</c:v>
                </c:pt>
                <c:pt idx="4068">
                  <c:v>8.2312750000000001</c:v>
                </c:pt>
                <c:pt idx="4069">
                  <c:v>8.2313419999999997</c:v>
                </c:pt>
                <c:pt idx="4070">
                  <c:v>8.2314100000000003</c:v>
                </c:pt>
                <c:pt idx="4071">
                  <c:v>8.2314430000000005</c:v>
                </c:pt>
                <c:pt idx="4072">
                  <c:v>8.2315109999999994</c:v>
                </c:pt>
                <c:pt idx="4073">
                  <c:v>8.2315439999999995</c:v>
                </c:pt>
                <c:pt idx="4074">
                  <c:v>8.2316120000000002</c:v>
                </c:pt>
                <c:pt idx="4075">
                  <c:v>8.2316450000000003</c:v>
                </c:pt>
                <c:pt idx="4076">
                  <c:v>8.2317129999999992</c:v>
                </c:pt>
                <c:pt idx="4077">
                  <c:v>8.2317800000000005</c:v>
                </c:pt>
                <c:pt idx="4078">
                  <c:v>8.231814</c:v>
                </c:pt>
                <c:pt idx="4079">
                  <c:v>8.2318809999999996</c:v>
                </c:pt>
                <c:pt idx="4080">
                  <c:v>8.2319150000000008</c:v>
                </c:pt>
                <c:pt idx="4081">
                  <c:v>8.2319820000000004</c:v>
                </c:pt>
                <c:pt idx="4082">
                  <c:v>8.2320489999999999</c:v>
                </c:pt>
                <c:pt idx="4083">
                  <c:v>8.2320829999999994</c:v>
                </c:pt>
                <c:pt idx="4084">
                  <c:v>8.2321500000000007</c:v>
                </c:pt>
                <c:pt idx="4085">
                  <c:v>8.2322179999999996</c:v>
                </c:pt>
                <c:pt idx="4086">
                  <c:v>8.2322849999999992</c:v>
                </c:pt>
                <c:pt idx="4087">
                  <c:v>8.2323179999999994</c:v>
                </c:pt>
                <c:pt idx="4088">
                  <c:v>8.232386</c:v>
                </c:pt>
                <c:pt idx="4089">
                  <c:v>8.2324529999999996</c:v>
                </c:pt>
                <c:pt idx="4090">
                  <c:v>8.2324870000000008</c:v>
                </c:pt>
                <c:pt idx="4091">
                  <c:v>8.2325540000000004</c:v>
                </c:pt>
                <c:pt idx="4092">
                  <c:v>8.232621</c:v>
                </c:pt>
                <c:pt idx="4093">
                  <c:v>8.2326890000000006</c:v>
                </c:pt>
                <c:pt idx="4094">
                  <c:v>8.2327220000000008</c:v>
                </c:pt>
                <c:pt idx="4095">
                  <c:v>8.2327899999999996</c:v>
                </c:pt>
                <c:pt idx="4096">
                  <c:v>8.2328569999999992</c:v>
                </c:pt>
                <c:pt idx="4097">
                  <c:v>8.2328910000000004</c:v>
                </c:pt>
                <c:pt idx="4098">
                  <c:v>8.232958</c:v>
                </c:pt>
                <c:pt idx="4099">
                  <c:v>8.2330249999999996</c:v>
                </c:pt>
                <c:pt idx="4100">
                  <c:v>8.2330930000000002</c:v>
                </c:pt>
                <c:pt idx="4101">
                  <c:v>8.2331599999999998</c:v>
                </c:pt>
                <c:pt idx="4102">
                  <c:v>8.2332269999999994</c:v>
                </c:pt>
                <c:pt idx="4103">
                  <c:v>8.2332610000000006</c:v>
                </c:pt>
                <c:pt idx="4104">
                  <c:v>8.2333280000000002</c:v>
                </c:pt>
                <c:pt idx="4105">
                  <c:v>8.2333949999999998</c:v>
                </c:pt>
                <c:pt idx="4106">
                  <c:v>8.2334630000000004</c:v>
                </c:pt>
                <c:pt idx="4107">
                  <c:v>8.23353</c:v>
                </c:pt>
                <c:pt idx="4108">
                  <c:v>8.2335969999999996</c:v>
                </c:pt>
                <c:pt idx="4109">
                  <c:v>8.2336310000000008</c:v>
                </c:pt>
                <c:pt idx="4110">
                  <c:v>8.2336980000000004</c:v>
                </c:pt>
                <c:pt idx="4111">
                  <c:v>8.2337659999999993</c:v>
                </c:pt>
                <c:pt idx="4112">
                  <c:v>8.2338330000000006</c:v>
                </c:pt>
                <c:pt idx="4113">
                  <c:v>8.233867</c:v>
                </c:pt>
                <c:pt idx="4114">
                  <c:v>8.2339339999999996</c:v>
                </c:pt>
                <c:pt idx="4115">
                  <c:v>8.2340009999999992</c:v>
                </c:pt>
                <c:pt idx="4116">
                  <c:v>8.2340689999999999</c:v>
                </c:pt>
                <c:pt idx="4117">
                  <c:v>8.2341359999999995</c:v>
                </c:pt>
                <c:pt idx="4118">
                  <c:v>8.2342030000000008</c:v>
                </c:pt>
                <c:pt idx="4119">
                  <c:v>8.2342709999999997</c:v>
                </c:pt>
                <c:pt idx="4120">
                  <c:v>8.2343379999999993</c:v>
                </c:pt>
                <c:pt idx="4121">
                  <c:v>8.2344050000000006</c:v>
                </c:pt>
                <c:pt idx="4122">
                  <c:v>8.2344720000000002</c:v>
                </c:pt>
                <c:pt idx="4123">
                  <c:v>8.2345400000000009</c:v>
                </c:pt>
                <c:pt idx="4124">
                  <c:v>8.2346070000000005</c:v>
                </c:pt>
                <c:pt idx="4125">
                  <c:v>8.234674</c:v>
                </c:pt>
                <c:pt idx="4126">
                  <c:v>8.2347079999999995</c:v>
                </c:pt>
                <c:pt idx="4127">
                  <c:v>8.2347750000000008</c:v>
                </c:pt>
                <c:pt idx="4128">
                  <c:v>8.2348429999999997</c:v>
                </c:pt>
                <c:pt idx="4129">
                  <c:v>8.2349099999999993</c:v>
                </c:pt>
                <c:pt idx="4130">
                  <c:v>8.2349770000000007</c:v>
                </c:pt>
                <c:pt idx="4131">
                  <c:v>8.2350449999999995</c:v>
                </c:pt>
                <c:pt idx="4132">
                  <c:v>8.2351120000000009</c:v>
                </c:pt>
                <c:pt idx="4133">
                  <c:v>8.2351790000000005</c:v>
                </c:pt>
                <c:pt idx="4134">
                  <c:v>8.2352469999999993</c:v>
                </c:pt>
                <c:pt idx="4135">
                  <c:v>8.2353140000000007</c:v>
                </c:pt>
                <c:pt idx="4136">
                  <c:v>8.2353810000000003</c:v>
                </c:pt>
                <c:pt idx="4137">
                  <c:v>8.2354489999999991</c:v>
                </c:pt>
                <c:pt idx="4138">
                  <c:v>8.2355160000000005</c:v>
                </c:pt>
                <c:pt idx="4139">
                  <c:v>8.2355830000000001</c:v>
                </c:pt>
                <c:pt idx="4140">
                  <c:v>8.2356499999999997</c:v>
                </c:pt>
                <c:pt idx="4141">
                  <c:v>8.2357180000000003</c:v>
                </c:pt>
                <c:pt idx="4142">
                  <c:v>8.2357510000000005</c:v>
                </c:pt>
                <c:pt idx="4143">
                  <c:v>8.2358189999999993</c:v>
                </c:pt>
                <c:pt idx="4144">
                  <c:v>8.2358860000000007</c:v>
                </c:pt>
                <c:pt idx="4145">
                  <c:v>8.2359530000000003</c:v>
                </c:pt>
                <c:pt idx="4146">
                  <c:v>8.2360209999999991</c:v>
                </c:pt>
                <c:pt idx="4147">
                  <c:v>8.23608800000000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BDA2-4712-A4E4-50D91AA8742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9041936"/>
        <c:axId val="159169088"/>
      </c:scatterChart>
      <c:valAx>
        <c:axId val="309041936"/>
        <c:scaling>
          <c:orientation val="minMax"/>
          <c:max val="30"/>
          <c:min val="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59169088"/>
        <c:crosses val="autoZero"/>
        <c:crossBetween val="midCat"/>
      </c:valAx>
      <c:valAx>
        <c:axId val="159169088"/>
        <c:scaling>
          <c:orientation val="minMax"/>
          <c:max val="5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Weight Gain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904193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chart" Target="../charts/chart4.xml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chart" Target="../charts/chart6.xml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chart" Target="../charts/chart7.xml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chart" Target="../charts/chart8.xml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7142</xdr:colOff>
      <xdr:row>0</xdr:row>
      <xdr:rowOff>57150</xdr:rowOff>
    </xdr:from>
    <xdr:to>
      <xdr:col>8</xdr:col>
      <xdr:colOff>538162</xdr:colOff>
      <xdr:row>12</xdr:row>
      <xdr:rowOff>154782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B3E47B1F-4D94-4649-A1E2-82086C00E1C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6</xdr:col>
      <xdr:colOff>361950</xdr:colOff>
      <xdr:row>0</xdr:row>
      <xdr:rowOff>85725</xdr:rowOff>
    </xdr:from>
    <xdr:to>
      <xdr:col>21</xdr:col>
      <xdr:colOff>283370</xdr:colOff>
      <xdr:row>12</xdr:row>
      <xdr:rowOff>183357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1D84DA7E-191E-43D8-BDEC-C67D78B9648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190500</xdr:colOff>
      <xdr:row>4</xdr:row>
      <xdr:rowOff>0</xdr:rowOff>
    </xdr:from>
    <xdr:to>
      <xdr:col>17</xdr:col>
      <xdr:colOff>111920</xdr:colOff>
      <xdr:row>16</xdr:row>
      <xdr:rowOff>97632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607C20C3-A08F-4BAE-8395-21CCE26C354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500062</xdr:colOff>
      <xdr:row>2669</xdr:row>
      <xdr:rowOff>166687</xdr:rowOff>
    </xdr:from>
    <xdr:to>
      <xdr:col>17</xdr:col>
      <xdr:colOff>195262</xdr:colOff>
      <xdr:row>2684</xdr:row>
      <xdr:rowOff>5238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BD6E7E2D-5D49-47F8-952A-D72A5AC17BD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7</xdr:col>
      <xdr:colOff>333375</xdr:colOff>
      <xdr:row>1</xdr:row>
      <xdr:rowOff>171450</xdr:rowOff>
    </xdr:from>
    <xdr:to>
      <xdr:col>23</xdr:col>
      <xdr:colOff>333375</xdr:colOff>
      <xdr:row>15</xdr:row>
      <xdr:rowOff>42863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28F55CB6-E68D-4940-AD19-8E4820E9F08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64323</xdr:colOff>
      <xdr:row>3</xdr:row>
      <xdr:rowOff>177758</xdr:rowOff>
    </xdr:from>
    <xdr:to>
      <xdr:col>22</xdr:col>
      <xdr:colOff>235032</xdr:colOff>
      <xdr:row>20</xdr:row>
      <xdr:rowOff>148443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24899005-D9D6-48D5-B242-9957D972EA6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64323</xdr:colOff>
      <xdr:row>3</xdr:row>
      <xdr:rowOff>177757</xdr:rowOff>
    </xdr:from>
    <xdr:to>
      <xdr:col>24</xdr:col>
      <xdr:colOff>173181</xdr:colOff>
      <xdr:row>21</xdr:row>
      <xdr:rowOff>37109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AB3B7745-0B16-4C91-B01D-10A28E10453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163285</xdr:colOff>
      <xdr:row>4</xdr:row>
      <xdr:rowOff>140647</xdr:rowOff>
    </xdr:from>
    <xdr:to>
      <xdr:col>17</xdr:col>
      <xdr:colOff>470065</xdr:colOff>
      <xdr:row>22</xdr:row>
      <xdr:rowOff>0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6456752B-A649-40A5-9BCA-059544CAD2FC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721177</xdr:colOff>
      <xdr:row>5</xdr:row>
      <xdr:rowOff>74837</xdr:rowOff>
    </xdr:from>
    <xdr:to>
      <xdr:col>14</xdr:col>
      <xdr:colOff>462642</xdr:colOff>
      <xdr:row>26</xdr:row>
      <xdr:rowOff>13607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B88EE4C9-2362-4B52-A80D-C658000E70A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323117\AppData\Local\Temp\Temp1_Physi%20ViewCalc%202007.zip\Physi%20ViewCalc%202007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AN Overlays"/>
      <sheetName val="t-Plot Overlays"/>
      <sheetName val="Reference"/>
      <sheetName val="Instructions"/>
      <sheetName val="Isotherm Data"/>
      <sheetName val="BET Surface Area Report"/>
      <sheetName val="Langmuir"/>
      <sheetName val="t-Plot"/>
      <sheetName val="Parameters"/>
      <sheetName val="Techniques"/>
      <sheetName val="License"/>
      <sheetName val="ISO_MCM41"/>
      <sheetName val="ISO_Primary"/>
      <sheetName val="BET Overlays"/>
      <sheetName val="zISO Overlays"/>
    </sheetNames>
    <sheetDataSet>
      <sheetData sheetId="0">
        <row r="14">
          <cell r="C14" t="str">
            <v>ISO_MCM41</v>
          </cell>
          <cell r="I14" t="str">
            <v>ISO_CARBSV-G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74</v>
          </cell>
          <cell r="G17">
            <v>1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55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1">
        <row r="14">
          <cell r="C14" t="str">
            <v>ISO_CARBSV-G</v>
          </cell>
          <cell r="I14" t="str">
            <v>ISO_MCM41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1</v>
          </cell>
          <cell r="G17">
            <v>62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0</v>
          </cell>
          <cell r="G18">
            <v>61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2"/>
      <sheetData sheetId="3"/>
      <sheetData sheetId="4">
        <row r="6">
          <cell r="F6">
            <v>44.61168</v>
          </cell>
        </row>
      </sheetData>
      <sheetData sheetId="5">
        <row r="1">
          <cell r="F1" t="str">
            <v>www.micromeritics.com</v>
          </cell>
        </row>
        <row r="2">
          <cell r="F2" t="str">
            <v>RP</v>
          </cell>
        </row>
        <row r="3">
          <cell r="F3" t="str">
            <v>&gt;=0.0249</v>
          </cell>
        </row>
        <row r="4">
          <cell r="F4" t="str">
            <v>RP</v>
          </cell>
          <cell r="H4" t="str">
            <v>RP</v>
          </cell>
        </row>
        <row r="5">
          <cell r="F5" t="str">
            <v>&gt;=0.00569561</v>
          </cell>
          <cell r="H5" t="str">
            <v>&lt;=0.499708696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2.4899999999999999E-2</v>
          </cell>
          <cell r="H7">
            <v>0.3</v>
          </cell>
        </row>
        <row r="8">
          <cell r="F8" t="str">
            <v>Experimental Data Limits</v>
          </cell>
        </row>
        <row r="9">
          <cell r="F9" t="str">
            <v>Real limits</v>
          </cell>
          <cell r="G9">
            <v>5.6956100000000003E-3</v>
          </cell>
          <cell r="H9">
            <v>0.49970869600000001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BET Surface Area (m2/g)</v>
          </cell>
        </row>
        <row r="26">
          <cell r="F26" t="str">
            <v>C</v>
          </cell>
        </row>
        <row r="27">
          <cell r="F27" t="str">
            <v>Qm (cm3/g STP)</v>
          </cell>
        </row>
        <row r="28">
          <cell r="F28" t="str">
            <v>Slope (g/cm3 STP)</v>
          </cell>
        </row>
        <row r="29">
          <cell r="F29" t="str">
            <v>Y-Intercept (g/cm3 STP)</v>
          </cell>
        </row>
        <row r="30">
          <cell r="F30" t="str">
            <v>Correlation</v>
          </cell>
        </row>
        <row r="31">
          <cell r="F31" t="str">
            <v>Molecular CSA (nm2)</v>
          </cell>
          <cell r="H31" t="str">
            <v>Nitrogen</v>
          </cell>
        </row>
        <row r="33">
          <cell r="F33" t="str">
            <v>BET Data</v>
          </cell>
        </row>
        <row r="34">
          <cell r="F34" t="str">
            <v>Relative Pressure 
(p/p°)</v>
          </cell>
        </row>
        <row r="35">
          <cell r="F35" t="str">
            <v>RP</v>
          </cell>
        </row>
        <row r="36">
          <cell r="F36">
            <v>8.253793287265547E-3</v>
          </cell>
        </row>
        <row r="37">
          <cell r="E37">
            <v>1</v>
          </cell>
          <cell r="F37">
            <v>6.2762706910167818E-2</v>
          </cell>
        </row>
        <row r="38">
          <cell r="E38">
            <v>3</v>
          </cell>
          <cell r="F38">
            <v>0.15368327462981243</v>
          </cell>
        </row>
        <row r="39">
          <cell r="F39">
            <v>0.25229604</v>
          </cell>
        </row>
        <row r="40">
          <cell r="F40">
            <v>0.37039034916090824</v>
          </cell>
        </row>
        <row r="41">
          <cell r="F41" t="str">
            <v/>
          </cell>
        </row>
        <row r="42">
          <cell r="F42" t="str">
            <v/>
          </cell>
        </row>
        <row r="43">
          <cell r="F43" t="str">
            <v/>
          </cell>
        </row>
        <row r="44">
          <cell r="F44" t="str">
            <v/>
          </cell>
        </row>
        <row r="45">
          <cell r="F45" t="str">
            <v/>
          </cell>
        </row>
        <row r="46">
          <cell r="F46" t="str">
            <v/>
          </cell>
        </row>
        <row r="47">
          <cell r="F47" t="str">
            <v/>
          </cell>
        </row>
        <row r="48">
          <cell r="F48" t="str">
            <v/>
          </cell>
        </row>
        <row r="49">
          <cell r="F49" t="str">
            <v/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</sheetData>
      <sheetData sheetId="6">
        <row r="1">
          <cell r="F1" t="str">
            <v>www.micromeritics.com</v>
          </cell>
        </row>
        <row r="2">
          <cell r="F2" t="str">
            <v>AP</v>
          </cell>
        </row>
        <row r="3">
          <cell r="F3" t="str">
            <v>&gt;=132.002182</v>
          </cell>
        </row>
        <row r="4">
          <cell r="F4" t="str">
            <v>AP</v>
          </cell>
          <cell r="H4" t="str">
            <v>AP</v>
          </cell>
        </row>
        <row r="5">
          <cell r="F5" t="str">
            <v>&gt;=132.002182</v>
          </cell>
          <cell r="H5" t="str">
            <v>&lt;=386.053345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132.002182</v>
          </cell>
          <cell r="H7">
            <v>312.294037</v>
          </cell>
        </row>
        <row r="8">
          <cell r="F8" t="str">
            <v>Experimental Data Limits</v>
          </cell>
          <cell r="G8">
            <v>123</v>
          </cell>
          <cell r="H8">
            <v>386.05334499999998</v>
          </cell>
        </row>
        <row r="9">
          <cell r="F9" t="str">
            <v>Real limits</v>
          </cell>
          <cell r="G9">
            <v>132.002182</v>
          </cell>
          <cell r="H9">
            <v>386.05334499999998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Langmuir Surface Area (m2/g)</v>
          </cell>
        </row>
        <row r="26">
          <cell r="F26" t="str">
            <v>b (1/mmHg)</v>
          </cell>
        </row>
        <row r="27">
          <cell r="F27" t="str">
            <v>Qm (cm3/g STP)</v>
          </cell>
        </row>
        <row r="28">
          <cell r="F28" t="str">
            <v>Slope (g/cm3 STP)</v>
          </cell>
        </row>
        <row r="29">
          <cell r="F29" t="str">
            <v>Y-Intercept (mmHg g/cm3 STP)</v>
          </cell>
        </row>
        <row r="30">
          <cell r="F30" t="str">
            <v>Correlation</v>
          </cell>
        </row>
        <row r="31">
          <cell r="F31" t="str">
            <v>Molecular CSA (nm2)</v>
          </cell>
          <cell r="H31" t="str">
            <v>Nitrogen</v>
          </cell>
        </row>
        <row r="33">
          <cell r="F33" t="str">
            <v>Langmuir Data</v>
          </cell>
        </row>
        <row r="34">
          <cell r="F34" t="str">
            <v>Absolute Pressure 
(mmHg)</v>
          </cell>
        </row>
        <row r="35">
          <cell r="F35" t="str">
            <v>AP</v>
          </cell>
        </row>
        <row r="36">
          <cell r="F36">
            <v>191.68191619999999</v>
          </cell>
        </row>
        <row r="37">
          <cell r="E37">
            <v>0</v>
          </cell>
          <cell r="F37">
            <v>281.40406777499999</v>
          </cell>
        </row>
        <row r="38">
          <cell r="E38">
            <v>2</v>
          </cell>
          <cell r="F38" t="str">
            <v/>
          </cell>
        </row>
        <row r="39">
          <cell r="F39" t="str">
            <v/>
          </cell>
        </row>
        <row r="40">
          <cell r="F40" t="str">
            <v/>
          </cell>
        </row>
        <row r="41">
          <cell r="F41" t="str">
            <v/>
          </cell>
        </row>
        <row r="42">
          <cell r="F42" t="str">
            <v/>
          </cell>
        </row>
        <row r="43">
          <cell r="F43" t="str">
            <v/>
          </cell>
        </row>
        <row r="44">
          <cell r="F44" t="str">
            <v/>
          </cell>
        </row>
        <row r="45">
          <cell r="F45" t="str">
            <v/>
          </cell>
        </row>
        <row r="46">
          <cell r="F46" t="str">
            <v/>
          </cell>
        </row>
        <row r="47">
          <cell r="F47" t="str">
            <v/>
          </cell>
        </row>
        <row r="48">
          <cell r="F48" t="str">
            <v/>
          </cell>
        </row>
        <row r="49">
          <cell r="F49" t="str">
            <v/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</sheetData>
      <sheetData sheetId="7">
        <row r="1">
          <cell r="F1" t="str">
            <v>www.micromeritics.com</v>
          </cell>
        </row>
        <row r="2">
          <cell r="F2" t="str">
            <v>RP</v>
          </cell>
        </row>
        <row r="3">
          <cell r="F3" t="str">
            <v>&gt;=0.049</v>
          </cell>
        </row>
        <row r="4">
          <cell r="F4" t="str">
            <v>RP</v>
          </cell>
          <cell r="H4" t="str">
            <v>RP</v>
          </cell>
        </row>
        <row r="5">
          <cell r="F5" t="str">
            <v>&gt;=0.00569561</v>
          </cell>
          <cell r="H5" t="str">
            <v>&lt;=0.499708696</v>
          </cell>
        </row>
        <row r="6">
          <cell r="F6" t="str">
            <v>Minimum/Maximum
Analysis</v>
          </cell>
        </row>
        <row r="7">
          <cell r="F7" t="str">
            <v>Fit Data Limits</v>
          </cell>
          <cell r="G7">
            <v>4.9000000000000002E-2</v>
          </cell>
          <cell r="H7">
            <v>0.35141766000000002</v>
          </cell>
        </row>
        <row r="8">
          <cell r="F8" t="str">
            <v>Experimental Data Limits</v>
          </cell>
          <cell r="G8">
            <v>5.0000000000000001E-3</v>
          </cell>
          <cell r="H8">
            <v>0.5</v>
          </cell>
        </row>
        <row r="9">
          <cell r="F9" t="str">
            <v>Real limits</v>
          </cell>
          <cell r="G9">
            <v>5.6956100000000003E-3</v>
          </cell>
          <cell r="H9">
            <v>0.49970869600000001</v>
          </cell>
        </row>
        <row r="12">
          <cell r="F12" t="str">
            <v>N</v>
          </cell>
        </row>
        <row r="13">
          <cell r="F13" t="str">
            <v>Sum X</v>
          </cell>
        </row>
        <row r="14">
          <cell r="F14" t="str">
            <v>Sum Y</v>
          </cell>
        </row>
        <row r="15">
          <cell r="F15" t="str">
            <v>Sum XY</v>
          </cell>
        </row>
        <row r="16">
          <cell r="F16" t="str">
            <v>Sum Y^2</v>
          </cell>
        </row>
        <row r="17">
          <cell r="F17" t="str">
            <v>Delta</v>
          </cell>
        </row>
        <row r="18">
          <cell r="F18" t="str">
            <v>SIGxx</v>
          </cell>
        </row>
        <row r="19">
          <cell r="F19" t="str">
            <v>SIGyy</v>
          </cell>
        </row>
        <row r="20">
          <cell r="F20" t="str">
            <v>SIGxy</v>
          </cell>
        </row>
        <row r="21">
          <cell r="F21" t="str">
            <v>Sum X^2</v>
          </cell>
        </row>
        <row r="22">
          <cell r="F22" t="str">
            <v>AVOGADRO</v>
          </cell>
        </row>
        <row r="23">
          <cell r="F23" t="str">
            <v>VOLGASTP</v>
          </cell>
        </row>
        <row r="24">
          <cell r="F24" t="str">
            <v>NM2_M2</v>
          </cell>
        </row>
        <row r="25">
          <cell r="F25" t="str">
            <v>A_M</v>
          </cell>
        </row>
        <row r="26">
          <cell r="F26" t="str">
            <v>CM3_M3</v>
          </cell>
        </row>
        <row r="27">
          <cell r="F27" t="str">
            <v>Micropore Volume (cm3/g):</v>
          </cell>
        </row>
        <row r="28">
          <cell r="F28" t="str">
            <v>Micropore Area (m2/g):</v>
          </cell>
        </row>
        <row r="29">
          <cell r="F29" t="str">
            <v>External Surface Area (m2/g)</v>
          </cell>
        </row>
        <row r="30">
          <cell r="F30" t="str">
            <v>Molecular CSA (nm2)</v>
          </cell>
          <cell r="H30" t="str">
            <v>Nitrogen</v>
          </cell>
        </row>
        <row r="31">
          <cell r="F31" t="str">
            <v>Molecular DCF</v>
          </cell>
        </row>
        <row r="32">
          <cell r="F32" t="str">
            <v>Surface Area Correction Factor</v>
          </cell>
        </row>
        <row r="33">
          <cell r="F33" t="str">
            <v>Total Surface Area (m2/g)</v>
          </cell>
        </row>
        <row r="34">
          <cell r="F34" t="str">
            <v>Thickness Curve</v>
          </cell>
          <cell r="H34" t="str">
            <v>Broekoff-de Boer</v>
          </cell>
        </row>
        <row r="35">
          <cell r="F35" t="str">
            <v>t-Plot Surface Area (m2/g)</v>
          </cell>
        </row>
        <row r="36">
          <cell r="F36" t="str">
            <v>Slope (cm3/g-A STP)</v>
          </cell>
        </row>
        <row r="37">
          <cell r="F37" t="str">
            <v>Y-Intercept (cm3/g STP)</v>
          </cell>
        </row>
        <row r="38">
          <cell r="F38" t="str">
            <v>Correlation</v>
          </cell>
        </row>
        <row r="42">
          <cell r="F42" t="str">
            <v>t-Plot Data</v>
          </cell>
        </row>
        <row r="43">
          <cell r="F43" t="str">
            <v>Relative Pressure 
(p/p°)</v>
          </cell>
        </row>
        <row r="44">
          <cell r="F44" t="str">
            <v>RP</v>
          </cell>
        </row>
        <row r="45">
          <cell r="F45">
            <v>8.253793287265547E-3</v>
          </cell>
        </row>
        <row r="46">
          <cell r="E46">
            <v>1</v>
          </cell>
          <cell r="F46">
            <v>6.2762706910167818E-2</v>
          </cell>
        </row>
        <row r="47">
          <cell r="E47">
            <v>3</v>
          </cell>
          <cell r="F47">
            <v>0.15368327462981243</v>
          </cell>
        </row>
        <row r="48">
          <cell r="F48">
            <v>0.25229604</v>
          </cell>
        </row>
        <row r="49">
          <cell r="F49">
            <v>0.37039034916090824</v>
          </cell>
        </row>
        <row r="50">
          <cell r="F50" t="str">
            <v/>
          </cell>
        </row>
        <row r="51">
          <cell r="F51" t="str">
            <v/>
          </cell>
        </row>
        <row r="52">
          <cell r="F52" t="str">
            <v/>
          </cell>
        </row>
        <row r="53">
          <cell r="F53" t="str">
            <v/>
          </cell>
        </row>
        <row r="54">
          <cell r="F54" t="str">
            <v/>
          </cell>
        </row>
        <row r="55">
          <cell r="F55" t="str">
            <v/>
          </cell>
        </row>
        <row r="56">
          <cell r="F56" t="str">
            <v/>
          </cell>
        </row>
        <row r="57">
          <cell r="F57" t="str">
            <v/>
          </cell>
        </row>
        <row r="58">
          <cell r="F58" t="str">
            <v/>
          </cell>
        </row>
        <row r="59">
          <cell r="F59" t="str">
            <v/>
          </cell>
        </row>
        <row r="60">
          <cell r="F60" t="str">
            <v/>
          </cell>
        </row>
        <row r="61">
          <cell r="F61" t="str">
            <v/>
          </cell>
        </row>
        <row r="62">
          <cell r="F62" t="str">
            <v/>
          </cell>
        </row>
        <row r="63">
          <cell r="F63" t="str">
            <v/>
          </cell>
        </row>
        <row r="64">
          <cell r="F64" t="str">
            <v/>
          </cell>
        </row>
        <row r="65">
          <cell r="F65" t="str">
            <v/>
          </cell>
        </row>
        <row r="66">
          <cell r="F66" t="str">
            <v/>
          </cell>
        </row>
        <row r="67">
          <cell r="F67" t="str">
            <v/>
          </cell>
        </row>
        <row r="68">
          <cell r="F68" t="str">
            <v/>
          </cell>
        </row>
        <row r="69">
          <cell r="F69" t="str">
            <v/>
          </cell>
        </row>
        <row r="70">
          <cell r="F70" t="str">
            <v/>
          </cell>
        </row>
        <row r="71">
          <cell r="F71" t="str">
            <v/>
          </cell>
        </row>
        <row r="72">
          <cell r="F72" t="str">
            <v/>
          </cell>
        </row>
        <row r="73">
          <cell r="F73" t="str">
            <v/>
          </cell>
        </row>
        <row r="74">
          <cell r="F74" t="str">
            <v/>
          </cell>
        </row>
        <row r="75">
          <cell r="F75" t="str">
            <v/>
          </cell>
        </row>
        <row r="76">
          <cell r="F76" t="str">
            <v/>
          </cell>
        </row>
        <row r="77">
          <cell r="F77" t="str">
            <v/>
          </cell>
        </row>
        <row r="78">
          <cell r="F78" t="str">
            <v/>
          </cell>
        </row>
        <row r="79">
          <cell r="F79" t="str">
            <v/>
          </cell>
        </row>
        <row r="80">
          <cell r="F80" t="str">
            <v/>
          </cell>
        </row>
        <row r="81">
          <cell r="F81" t="str">
            <v/>
          </cell>
        </row>
        <row r="82">
          <cell r="F82" t="str">
            <v/>
          </cell>
        </row>
        <row r="83">
          <cell r="F83" t="str">
            <v/>
          </cell>
        </row>
        <row r="84">
          <cell r="F84" t="str">
            <v/>
          </cell>
        </row>
        <row r="85">
          <cell r="F85" t="str">
            <v/>
          </cell>
        </row>
        <row r="86">
          <cell r="F86" t="str">
            <v/>
          </cell>
        </row>
        <row r="87">
          <cell r="F87" t="str">
            <v/>
          </cell>
        </row>
        <row r="88">
          <cell r="F88" t="str">
            <v/>
          </cell>
        </row>
        <row r="89">
          <cell r="F89" t="str">
            <v/>
          </cell>
        </row>
        <row r="90">
          <cell r="F90" t="str">
            <v/>
          </cell>
        </row>
        <row r="91">
          <cell r="F91" t="str">
            <v/>
          </cell>
        </row>
        <row r="92">
          <cell r="F92" t="str">
            <v/>
          </cell>
        </row>
        <row r="93">
          <cell r="F93" t="str">
            <v/>
          </cell>
        </row>
        <row r="94">
          <cell r="F94" t="str">
            <v/>
          </cell>
        </row>
        <row r="95">
          <cell r="F95" t="str">
            <v/>
          </cell>
        </row>
        <row r="96">
          <cell r="F96" t="str">
            <v/>
          </cell>
        </row>
        <row r="97">
          <cell r="F97" t="str">
            <v/>
          </cell>
        </row>
        <row r="98">
          <cell r="F98" t="str">
            <v/>
          </cell>
        </row>
        <row r="99">
          <cell r="F99" t="str">
            <v/>
          </cell>
        </row>
        <row r="100">
          <cell r="F100" t="str">
            <v/>
          </cell>
        </row>
        <row r="101">
          <cell r="F101" t="str">
            <v/>
          </cell>
        </row>
        <row r="102">
          <cell r="F102" t="str">
            <v/>
          </cell>
        </row>
        <row r="103">
          <cell r="F103" t="str">
            <v/>
          </cell>
        </row>
        <row r="104">
          <cell r="F104" t="str">
            <v/>
          </cell>
        </row>
        <row r="105">
          <cell r="F105" t="str">
            <v/>
          </cell>
        </row>
        <row r="106">
          <cell r="F106" t="str">
            <v/>
          </cell>
        </row>
        <row r="107">
          <cell r="F107" t="str">
            <v/>
          </cell>
        </row>
        <row r="108">
          <cell r="F108" t="str">
            <v/>
          </cell>
        </row>
        <row r="109">
          <cell r="F109" t="str">
            <v/>
          </cell>
        </row>
        <row r="110">
          <cell r="F110" t="str">
            <v/>
          </cell>
        </row>
        <row r="111">
          <cell r="F111" t="str">
            <v/>
          </cell>
        </row>
        <row r="112">
          <cell r="F112" t="str">
            <v/>
          </cell>
        </row>
        <row r="113">
          <cell r="F113" t="str">
            <v/>
          </cell>
        </row>
        <row r="114">
          <cell r="F114" t="str">
            <v/>
          </cell>
        </row>
        <row r="115">
          <cell r="F115" t="str">
            <v/>
          </cell>
        </row>
        <row r="116">
          <cell r="F116" t="str">
            <v/>
          </cell>
        </row>
        <row r="117">
          <cell r="F117" t="str">
            <v/>
          </cell>
        </row>
        <row r="118">
          <cell r="F118" t="str">
            <v/>
          </cell>
        </row>
        <row r="119">
          <cell r="F119" t="str">
            <v/>
          </cell>
        </row>
        <row r="120">
          <cell r="F120" t="str">
            <v/>
          </cell>
        </row>
        <row r="121">
          <cell r="F121" t="str">
            <v/>
          </cell>
        </row>
        <row r="122">
          <cell r="F122" t="str">
            <v/>
          </cell>
        </row>
        <row r="123">
          <cell r="F123" t="str">
            <v/>
          </cell>
        </row>
        <row r="124">
          <cell r="F124" t="str">
            <v/>
          </cell>
        </row>
        <row r="125">
          <cell r="F125" t="str">
            <v/>
          </cell>
        </row>
        <row r="126">
          <cell r="F126" t="str">
            <v/>
          </cell>
        </row>
        <row r="127">
          <cell r="F127" t="str">
            <v/>
          </cell>
        </row>
        <row r="128">
          <cell r="F128" t="str">
            <v/>
          </cell>
        </row>
        <row r="129">
          <cell r="F129" t="str">
            <v/>
          </cell>
        </row>
        <row r="130">
          <cell r="F130" t="str">
            <v/>
          </cell>
        </row>
        <row r="131">
          <cell r="F131" t="str">
            <v/>
          </cell>
        </row>
        <row r="132">
          <cell r="F132" t="str">
            <v/>
          </cell>
        </row>
        <row r="133">
          <cell r="F133" t="str">
            <v/>
          </cell>
        </row>
        <row r="134">
          <cell r="F134" t="str">
            <v/>
          </cell>
        </row>
        <row r="135">
          <cell r="F135" t="str">
            <v/>
          </cell>
        </row>
        <row r="136">
          <cell r="F136" t="str">
            <v/>
          </cell>
        </row>
        <row r="137">
          <cell r="F137" t="str">
            <v/>
          </cell>
        </row>
        <row r="138">
          <cell r="F138" t="str">
            <v/>
          </cell>
        </row>
        <row r="139">
          <cell r="F139" t="str">
            <v/>
          </cell>
        </row>
        <row r="140">
          <cell r="F140" t="str">
            <v/>
          </cell>
        </row>
        <row r="141">
          <cell r="F141" t="str">
            <v/>
          </cell>
        </row>
        <row r="142">
          <cell r="F142" t="str">
            <v/>
          </cell>
        </row>
        <row r="143">
          <cell r="F143" t="str">
            <v/>
          </cell>
        </row>
        <row r="144">
          <cell r="F144" t="str">
            <v/>
          </cell>
        </row>
        <row r="145">
          <cell r="F145" t="str">
            <v/>
          </cell>
        </row>
        <row r="146">
          <cell r="F146" t="str">
            <v/>
          </cell>
        </row>
        <row r="147">
          <cell r="F147" t="str">
            <v/>
          </cell>
        </row>
        <row r="148">
          <cell r="F148" t="str">
            <v/>
          </cell>
        </row>
        <row r="149">
          <cell r="F149" t="str">
            <v/>
          </cell>
        </row>
        <row r="150">
          <cell r="F150" t="str">
            <v/>
          </cell>
        </row>
        <row r="151">
          <cell r="F151" t="str">
            <v/>
          </cell>
        </row>
        <row r="152">
          <cell r="F152" t="str">
            <v/>
          </cell>
        </row>
        <row r="153">
          <cell r="F153" t="str">
            <v/>
          </cell>
        </row>
        <row r="154">
          <cell r="F154" t="str">
            <v/>
          </cell>
        </row>
        <row r="155">
          <cell r="F155" t="str">
            <v/>
          </cell>
        </row>
        <row r="156">
          <cell r="F156" t="str">
            <v/>
          </cell>
        </row>
        <row r="157">
          <cell r="F157" t="str">
            <v/>
          </cell>
        </row>
        <row r="158">
          <cell r="F158" t="str">
            <v/>
          </cell>
        </row>
        <row r="159">
          <cell r="F159" t="str">
            <v/>
          </cell>
        </row>
        <row r="160">
          <cell r="F160" t="str">
            <v/>
          </cell>
        </row>
        <row r="161">
          <cell r="F161" t="str">
            <v/>
          </cell>
        </row>
        <row r="162">
          <cell r="F162" t="str">
            <v/>
          </cell>
        </row>
        <row r="163">
          <cell r="F163" t="str">
            <v/>
          </cell>
        </row>
        <row r="164">
          <cell r="F164" t="str">
            <v/>
          </cell>
        </row>
        <row r="165">
          <cell r="F165" t="str">
            <v/>
          </cell>
        </row>
        <row r="166">
          <cell r="F166" t="str">
            <v/>
          </cell>
        </row>
        <row r="167">
          <cell r="F167" t="str">
            <v/>
          </cell>
        </row>
        <row r="168">
          <cell r="F168" t="str">
            <v/>
          </cell>
        </row>
        <row r="169">
          <cell r="F169" t="str">
            <v/>
          </cell>
        </row>
        <row r="170">
          <cell r="F170" t="str">
            <v/>
          </cell>
        </row>
        <row r="171">
          <cell r="F171" t="str">
            <v/>
          </cell>
        </row>
        <row r="172">
          <cell r="F172" t="str">
            <v/>
          </cell>
        </row>
        <row r="173">
          <cell r="F173" t="str">
            <v/>
          </cell>
        </row>
        <row r="174">
          <cell r="F174" t="str">
            <v/>
          </cell>
        </row>
        <row r="175">
          <cell r="F175" t="str">
            <v/>
          </cell>
        </row>
        <row r="176">
          <cell r="F176" t="str">
            <v/>
          </cell>
        </row>
        <row r="177">
          <cell r="F177" t="str">
            <v/>
          </cell>
        </row>
        <row r="178">
          <cell r="F178" t="str">
            <v/>
          </cell>
        </row>
        <row r="179">
          <cell r="F179" t="str">
            <v/>
          </cell>
        </row>
        <row r="180">
          <cell r="F180" t="str">
            <v/>
          </cell>
        </row>
        <row r="181">
          <cell r="F181" t="str">
            <v/>
          </cell>
        </row>
        <row r="182">
          <cell r="F182" t="str">
            <v/>
          </cell>
        </row>
        <row r="183">
          <cell r="F183" t="str">
            <v/>
          </cell>
        </row>
        <row r="184">
          <cell r="F184" t="str">
            <v/>
          </cell>
        </row>
        <row r="185">
          <cell r="F185" t="str">
            <v/>
          </cell>
        </row>
        <row r="186">
          <cell r="F186" t="str">
            <v/>
          </cell>
        </row>
        <row r="187">
          <cell r="F187" t="str">
            <v/>
          </cell>
        </row>
        <row r="188">
          <cell r="F188" t="str">
            <v/>
          </cell>
        </row>
        <row r="189">
          <cell r="F189" t="str">
            <v/>
          </cell>
        </row>
        <row r="190">
          <cell r="F190" t="str">
            <v/>
          </cell>
        </row>
        <row r="191">
          <cell r="F191" t="str">
            <v/>
          </cell>
        </row>
        <row r="192">
          <cell r="F192" t="str">
            <v/>
          </cell>
        </row>
        <row r="193">
          <cell r="F193" t="str">
            <v/>
          </cell>
        </row>
        <row r="194">
          <cell r="F194" t="str">
            <v/>
          </cell>
        </row>
        <row r="195">
          <cell r="F195" t="str">
            <v/>
          </cell>
        </row>
        <row r="196">
          <cell r="F196" t="str">
            <v/>
          </cell>
        </row>
        <row r="197">
          <cell r="F197" t="str">
            <v/>
          </cell>
        </row>
        <row r="198">
          <cell r="F198" t="str">
            <v/>
          </cell>
        </row>
        <row r="199">
          <cell r="F199" t="str">
            <v/>
          </cell>
        </row>
        <row r="200">
          <cell r="F200" t="str">
            <v/>
          </cell>
        </row>
        <row r="201">
          <cell r="F201" t="str">
            <v/>
          </cell>
        </row>
        <row r="202">
          <cell r="F202" t="str">
            <v/>
          </cell>
        </row>
        <row r="203">
          <cell r="F203" t="str">
            <v/>
          </cell>
        </row>
        <row r="204">
          <cell r="F204" t="str">
            <v/>
          </cell>
        </row>
        <row r="205">
          <cell r="F205" t="str">
            <v/>
          </cell>
        </row>
        <row r="206">
          <cell r="F206" t="str">
            <v/>
          </cell>
        </row>
        <row r="207">
          <cell r="F207" t="str">
            <v/>
          </cell>
        </row>
        <row r="208">
          <cell r="F208" t="str">
            <v/>
          </cell>
        </row>
        <row r="209">
          <cell r="F209" t="str">
            <v/>
          </cell>
        </row>
        <row r="210">
          <cell r="F210" t="str">
            <v/>
          </cell>
        </row>
        <row r="211">
          <cell r="F211" t="str">
            <v/>
          </cell>
        </row>
        <row r="212">
          <cell r="F212" t="str">
            <v/>
          </cell>
        </row>
        <row r="213">
          <cell r="F213" t="str">
            <v/>
          </cell>
        </row>
        <row r="214">
          <cell r="F214" t="str">
            <v/>
          </cell>
        </row>
        <row r="215">
          <cell r="F215" t="str">
            <v/>
          </cell>
        </row>
        <row r="216">
          <cell r="F216" t="str">
            <v/>
          </cell>
        </row>
        <row r="217">
          <cell r="F217" t="str">
            <v/>
          </cell>
        </row>
        <row r="218">
          <cell r="F218" t="str">
            <v/>
          </cell>
        </row>
        <row r="219">
          <cell r="F219" t="str">
            <v/>
          </cell>
        </row>
        <row r="220">
          <cell r="F220" t="str">
            <v/>
          </cell>
        </row>
        <row r="221">
          <cell r="F221" t="str">
            <v/>
          </cell>
        </row>
        <row r="222">
          <cell r="F222" t="str">
            <v/>
          </cell>
        </row>
        <row r="223">
          <cell r="F223" t="str">
            <v/>
          </cell>
        </row>
        <row r="224">
          <cell r="F224" t="str">
            <v/>
          </cell>
        </row>
        <row r="225">
          <cell r="F225" t="str">
            <v/>
          </cell>
        </row>
        <row r="226">
          <cell r="F226" t="str">
            <v/>
          </cell>
        </row>
        <row r="227">
          <cell r="F227" t="str">
            <v/>
          </cell>
        </row>
        <row r="228">
          <cell r="F228" t="str">
            <v/>
          </cell>
        </row>
        <row r="229">
          <cell r="F229" t="str">
            <v/>
          </cell>
        </row>
        <row r="230">
          <cell r="F230" t="str">
            <v/>
          </cell>
        </row>
        <row r="231">
          <cell r="F231" t="str">
            <v/>
          </cell>
        </row>
        <row r="232">
          <cell r="F232" t="str">
            <v/>
          </cell>
        </row>
        <row r="233">
          <cell r="F233" t="str">
            <v/>
          </cell>
        </row>
        <row r="234">
          <cell r="F234" t="str">
            <v/>
          </cell>
        </row>
        <row r="235">
          <cell r="F235" t="str">
            <v/>
          </cell>
        </row>
        <row r="236">
          <cell r="F236" t="str">
            <v/>
          </cell>
        </row>
        <row r="237">
          <cell r="F237" t="str">
            <v/>
          </cell>
        </row>
        <row r="238">
          <cell r="F238" t="str">
            <v/>
          </cell>
        </row>
        <row r="239">
          <cell r="F239" t="str">
            <v/>
          </cell>
        </row>
        <row r="240">
          <cell r="F240" t="str">
            <v/>
          </cell>
        </row>
        <row r="241">
          <cell r="F241" t="str">
            <v/>
          </cell>
        </row>
        <row r="242">
          <cell r="F242" t="str">
            <v/>
          </cell>
        </row>
        <row r="243">
          <cell r="F243" t="str">
            <v/>
          </cell>
        </row>
        <row r="244">
          <cell r="F244" t="str">
            <v/>
          </cell>
        </row>
        <row r="245">
          <cell r="F245" t="str">
            <v/>
          </cell>
        </row>
        <row r="246">
          <cell r="F246" t="str">
            <v/>
          </cell>
        </row>
        <row r="247">
          <cell r="F247" t="str">
            <v/>
          </cell>
        </row>
        <row r="248">
          <cell r="F248" t="str">
            <v/>
          </cell>
        </row>
        <row r="249">
          <cell r="F249" t="str">
            <v/>
          </cell>
        </row>
        <row r="250">
          <cell r="F250" t="str">
            <v/>
          </cell>
        </row>
        <row r="251">
          <cell r="F251" t="str">
            <v/>
          </cell>
        </row>
        <row r="252">
          <cell r="F252" t="str">
            <v/>
          </cell>
        </row>
        <row r="253">
          <cell r="F253" t="str">
            <v/>
          </cell>
        </row>
        <row r="254">
          <cell r="F254" t="str">
            <v/>
          </cell>
        </row>
        <row r="255">
          <cell r="F255" t="str">
            <v/>
          </cell>
        </row>
        <row r="256">
          <cell r="F256" t="str">
            <v/>
          </cell>
        </row>
        <row r="257">
          <cell r="F257" t="str">
            <v/>
          </cell>
        </row>
        <row r="258">
          <cell r="F258" t="str">
            <v/>
          </cell>
        </row>
        <row r="259">
          <cell r="F259" t="str">
            <v/>
          </cell>
        </row>
        <row r="260">
          <cell r="F260" t="str">
            <v/>
          </cell>
        </row>
        <row r="261">
          <cell r="F261" t="str">
            <v/>
          </cell>
        </row>
        <row r="262">
          <cell r="F262" t="str">
            <v/>
          </cell>
        </row>
        <row r="263">
          <cell r="F263" t="str">
            <v/>
          </cell>
        </row>
        <row r="264">
          <cell r="F264" t="str">
            <v/>
          </cell>
        </row>
        <row r="265">
          <cell r="F265" t="str">
            <v/>
          </cell>
        </row>
        <row r="266">
          <cell r="F266" t="str">
            <v/>
          </cell>
        </row>
        <row r="267">
          <cell r="F267" t="str">
            <v/>
          </cell>
        </row>
        <row r="268">
          <cell r="F268" t="str">
            <v/>
          </cell>
        </row>
        <row r="269">
          <cell r="F269" t="str">
            <v/>
          </cell>
        </row>
        <row r="270">
          <cell r="F270" t="str">
            <v/>
          </cell>
        </row>
        <row r="271">
          <cell r="F271" t="str">
            <v/>
          </cell>
        </row>
        <row r="272">
          <cell r="F272" t="str">
            <v/>
          </cell>
        </row>
        <row r="273">
          <cell r="F273" t="str">
            <v/>
          </cell>
        </row>
        <row r="274">
          <cell r="F274" t="str">
            <v/>
          </cell>
        </row>
        <row r="275">
          <cell r="F275" t="str">
            <v/>
          </cell>
        </row>
        <row r="276">
          <cell r="F276" t="str">
            <v/>
          </cell>
        </row>
        <row r="277">
          <cell r="F277" t="str">
            <v/>
          </cell>
        </row>
        <row r="278">
          <cell r="F278" t="str">
            <v/>
          </cell>
        </row>
        <row r="279">
          <cell r="F279" t="str">
            <v/>
          </cell>
        </row>
        <row r="280">
          <cell r="F280" t="str">
            <v/>
          </cell>
        </row>
        <row r="281">
          <cell r="F281" t="str">
            <v/>
          </cell>
        </row>
        <row r="282">
          <cell r="F282" t="str">
            <v/>
          </cell>
        </row>
        <row r="283">
          <cell r="F283" t="str">
            <v/>
          </cell>
        </row>
        <row r="284">
          <cell r="F284" t="str">
            <v/>
          </cell>
        </row>
        <row r="285">
          <cell r="F285" t="str">
            <v/>
          </cell>
        </row>
        <row r="286">
          <cell r="F286" t="str">
            <v/>
          </cell>
        </row>
        <row r="287">
          <cell r="F287" t="str">
            <v/>
          </cell>
        </row>
        <row r="288">
          <cell r="F288" t="str">
            <v/>
          </cell>
        </row>
        <row r="289">
          <cell r="F289" t="str">
            <v/>
          </cell>
        </row>
        <row r="290">
          <cell r="F290" t="str">
            <v/>
          </cell>
        </row>
        <row r="291">
          <cell r="F291" t="str">
            <v/>
          </cell>
        </row>
        <row r="292">
          <cell r="F292" t="str">
            <v/>
          </cell>
        </row>
        <row r="293">
          <cell r="F293" t="str">
            <v/>
          </cell>
        </row>
        <row r="294">
          <cell r="F294" t="str">
            <v/>
          </cell>
        </row>
        <row r="295">
          <cell r="F295" t="str">
            <v/>
          </cell>
        </row>
        <row r="296">
          <cell r="F296" t="str">
            <v/>
          </cell>
        </row>
        <row r="297">
          <cell r="F297" t="str">
            <v/>
          </cell>
        </row>
        <row r="298">
          <cell r="F298" t="str">
            <v/>
          </cell>
        </row>
        <row r="299">
          <cell r="F299" t="str">
            <v/>
          </cell>
        </row>
        <row r="300">
          <cell r="F300" t="str">
            <v/>
          </cell>
        </row>
        <row r="301">
          <cell r="F301" t="str">
            <v/>
          </cell>
        </row>
        <row r="302">
          <cell r="F302" t="str">
            <v/>
          </cell>
        </row>
        <row r="303">
          <cell r="F303" t="str">
            <v/>
          </cell>
        </row>
        <row r="304">
          <cell r="F304" t="str">
            <v/>
          </cell>
        </row>
        <row r="305">
          <cell r="F305" t="str">
            <v/>
          </cell>
        </row>
        <row r="306">
          <cell r="F306" t="str">
            <v/>
          </cell>
        </row>
        <row r="307">
          <cell r="F307" t="str">
            <v/>
          </cell>
        </row>
        <row r="308">
          <cell r="F308" t="str">
            <v/>
          </cell>
        </row>
        <row r="309">
          <cell r="F309" t="str">
            <v/>
          </cell>
        </row>
        <row r="310">
          <cell r="F310" t="str">
            <v/>
          </cell>
        </row>
        <row r="311">
          <cell r="F311" t="str">
            <v/>
          </cell>
        </row>
        <row r="312">
          <cell r="F312" t="str">
            <v/>
          </cell>
        </row>
        <row r="313">
          <cell r="F313" t="str">
            <v/>
          </cell>
        </row>
        <row r="314">
          <cell r="F314" t="str">
            <v/>
          </cell>
        </row>
        <row r="315">
          <cell r="F315" t="str">
            <v/>
          </cell>
        </row>
        <row r="316">
          <cell r="F316" t="str">
            <v/>
          </cell>
        </row>
        <row r="317">
          <cell r="F317" t="str">
            <v/>
          </cell>
        </row>
        <row r="318">
          <cell r="F318" t="str">
            <v/>
          </cell>
        </row>
        <row r="319">
          <cell r="F319" t="str">
            <v/>
          </cell>
        </row>
        <row r="320">
          <cell r="F320" t="str">
            <v/>
          </cell>
        </row>
        <row r="321">
          <cell r="F321" t="str">
            <v/>
          </cell>
        </row>
        <row r="322">
          <cell r="F322" t="str">
            <v/>
          </cell>
        </row>
        <row r="323">
          <cell r="F323" t="str">
            <v/>
          </cell>
        </row>
        <row r="324">
          <cell r="F324" t="str">
            <v/>
          </cell>
        </row>
        <row r="325">
          <cell r="F325" t="str">
            <v/>
          </cell>
        </row>
        <row r="326">
          <cell r="F326" t="str">
            <v/>
          </cell>
        </row>
        <row r="327">
          <cell r="F327" t="str">
            <v/>
          </cell>
        </row>
        <row r="328">
          <cell r="F328" t="str">
            <v/>
          </cell>
        </row>
        <row r="329">
          <cell r="F329" t="str">
            <v/>
          </cell>
        </row>
        <row r="330">
          <cell r="F330" t="str">
            <v/>
          </cell>
        </row>
        <row r="331">
          <cell r="F331" t="str">
            <v/>
          </cell>
        </row>
        <row r="332">
          <cell r="F332" t="str">
            <v/>
          </cell>
        </row>
        <row r="333">
          <cell r="F333" t="str">
            <v/>
          </cell>
        </row>
        <row r="334">
          <cell r="F334" t="str">
            <v/>
          </cell>
        </row>
        <row r="335">
          <cell r="F335" t="str">
            <v/>
          </cell>
        </row>
        <row r="336">
          <cell r="F336" t="str">
            <v/>
          </cell>
        </row>
        <row r="337">
          <cell r="F337" t="str">
            <v/>
          </cell>
        </row>
        <row r="338">
          <cell r="F338" t="str">
            <v/>
          </cell>
        </row>
        <row r="339">
          <cell r="F339" t="str">
            <v/>
          </cell>
        </row>
        <row r="340">
          <cell r="F340" t="str">
            <v/>
          </cell>
        </row>
        <row r="341">
          <cell r="F341" t="str">
            <v/>
          </cell>
        </row>
        <row r="342">
          <cell r="F342" t="str">
            <v/>
          </cell>
        </row>
        <row r="343">
          <cell r="F343" t="str">
            <v/>
          </cell>
        </row>
        <row r="344">
          <cell r="F344" t="str">
            <v/>
          </cell>
        </row>
        <row r="345">
          <cell r="F345" t="str">
            <v/>
          </cell>
        </row>
        <row r="346">
          <cell r="F346" t="str">
            <v/>
          </cell>
        </row>
        <row r="347">
          <cell r="F347" t="str">
            <v/>
          </cell>
        </row>
        <row r="348">
          <cell r="F348" t="str">
            <v/>
          </cell>
        </row>
        <row r="349">
          <cell r="F349" t="str">
            <v/>
          </cell>
        </row>
        <row r="350">
          <cell r="F350" t="str">
            <v/>
          </cell>
        </row>
        <row r="351">
          <cell r="F351" t="str">
            <v/>
          </cell>
        </row>
        <row r="352">
          <cell r="F352" t="str">
            <v/>
          </cell>
        </row>
        <row r="353">
          <cell r="F353" t="str">
            <v/>
          </cell>
        </row>
        <row r="354">
          <cell r="F354" t="str">
            <v/>
          </cell>
        </row>
        <row r="355">
          <cell r="F355" t="str">
            <v/>
          </cell>
        </row>
        <row r="356">
          <cell r="F356" t="str">
            <v/>
          </cell>
        </row>
        <row r="357">
          <cell r="F357" t="str">
            <v/>
          </cell>
        </row>
        <row r="358">
          <cell r="F358" t="str">
            <v/>
          </cell>
        </row>
        <row r="359">
          <cell r="F359" t="str">
            <v/>
          </cell>
        </row>
        <row r="360">
          <cell r="F360" t="str">
            <v/>
          </cell>
        </row>
        <row r="361">
          <cell r="F361" t="str">
            <v/>
          </cell>
        </row>
        <row r="362">
          <cell r="F362" t="str">
            <v/>
          </cell>
        </row>
        <row r="363">
          <cell r="F363" t="str">
            <v/>
          </cell>
        </row>
        <row r="364">
          <cell r="F364" t="str">
            <v/>
          </cell>
        </row>
        <row r="365">
          <cell r="F365" t="str">
            <v/>
          </cell>
        </row>
        <row r="366">
          <cell r="F366" t="str">
            <v/>
          </cell>
        </row>
        <row r="367">
          <cell r="F367" t="str">
            <v/>
          </cell>
        </row>
        <row r="368">
          <cell r="F368" t="str">
            <v/>
          </cell>
        </row>
        <row r="369">
          <cell r="F369" t="str">
            <v/>
          </cell>
        </row>
        <row r="370">
          <cell r="F370" t="str">
            <v/>
          </cell>
        </row>
        <row r="371">
          <cell r="F371" t="str">
            <v/>
          </cell>
        </row>
        <row r="372">
          <cell r="F372" t="str">
            <v/>
          </cell>
        </row>
        <row r="373">
          <cell r="F373" t="str">
            <v/>
          </cell>
        </row>
        <row r="374">
          <cell r="F374" t="str">
            <v/>
          </cell>
        </row>
        <row r="375">
          <cell r="F375" t="str">
            <v/>
          </cell>
        </row>
        <row r="376">
          <cell r="F376" t="str">
            <v/>
          </cell>
        </row>
        <row r="377">
          <cell r="F377" t="str">
            <v/>
          </cell>
        </row>
        <row r="378">
          <cell r="F378" t="str">
            <v/>
          </cell>
        </row>
        <row r="379">
          <cell r="F379" t="str">
            <v/>
          </cell>
        </row>
        <row r="380">
          <cell r="F380" t="str">
            <v/>
          </cell>
        </row>
        <row r="381">
          <cell r="F381" t="str">
            <v/>
          </cell>
        </row>
        <row r="382">
          <cell r="F382" t="str">
            <v/>
          </cell>
        </row>
        <row r="383">
          <cell r="F383" t="str">
            <v/>
          </cell>
        </row>
        <row r="384">
          <cell r="F384" t="str">
            <v/>
          </cell>
        </row>
        <row r="385">
          <cell r="F385" t="str">
            <v/>
          </cell>
        </row>
        <row r="386">
          <cell r="F386" t="str">
            <v/>
          </cell>
        </row>
        <row r="387">
          <cell r="F387" t="str">
            <v/>
          </cell>
        </row>
        <row r="388">
          <cell r="F388" t="str">
            <v/>
          </cell>
        </row>
        <row r="389">
          <cell r="F389" t="str">
            <v/>
          </cell>
        </row>
        <row r="390">
          <cell r="F390" t="str">
            <v/>
          </cell>
        </row>
        <row r="391">
          <cell r="F391" t="str">
            <v/>
          </cell>
        </row>
        <row r="392">
          <cell r="F392" t="str">
            <v/>
          </cell>
        </row>
        <row r="393">
          <cell r="F393" t="str">
            <v/>
          </cell>
        </row>
        <row r="394">
          <cell r="F394" t="str">
            <v/>
          </cell>
        </row>
        <row r="395">
          <cell r="F395" t="str">
            <v/>
          </cell>
        </row>
        <row r="396">
          <cell r="F396" t="str">
            <v/>
          </cell>
        </row>
        <row r="397">
          <cell r="F397" t="str">
            <v/>
          </cell>
        </row>
        <row r="398">
          <cell r="F398" t="str">
            <v/>
          </cell>
        </row>
        <row r="399">
          <cell r="F399" t="str">
            <v/>
          </cell>
        </row>
        <row r="400">
          <cell r="F400" t="str">
            <v/>
          </cell>
        </row>
        <row r="401">
          <cell r="F401" t="str">
            <v/>
          </cell>
        </row>
        <row r="402">
          <cell r="F402" t="str">
            <v/>
          </cell>
        </row>
        <row r="403">
          <cell r="F403" t="str">
            <v/>
          </cell>
        </row>
        <row r="404">
          <cell r="F404" t="str">
            <v/>
          </cell>
        </row>
        <row r="405">
          <cell r="F405" t="str">
            <v/>
          </cell>
        </row>
        <row r="406">
          <cell r="F406" t="str">
            <v/>
          </cell>
        </row>
        <row r="407">
          <cell r="F407" t="str">
            <v/>
          </cell>
        </row>
        <row r="408">
          <cell r="F408" t="str">
            <v/>
          </cell>
        </row>
        <row r="409">
          <cell r="F409" t="str">
            <v/>
          </cell>
        </row>
        <row r="410">
          <cell r="F410" t="str">
            <v/>
          </cell>
        </row>
        <row r="411">
          <cell r="F411" t="str">
            <v/>
          </cell>
        </row>
        <row r="412">
          <cell r="F412" t="str">
            <v/>
          </cell>
        </row>
        <row r="413">
          <cell r="F413" t="str">
            <v/>
          </cell>
        </row>
        <row r="414">
          <cell r="F414" t="str">
            <v/>
          </cell>
        </row>
        <row r="415">
          <cell r="F415" t="str">
            <v/>
          </cell>
        </row>
        <row r="416">
          <cell r="F416" t="str">
            <v/>
          </cell>
        </row>
        <row r="417">
          <cell r="F417" t="str">
            <v/>
          </cell>
        </row>
        <row r="418">
          <cell r="F418" t="str">
            <v/>
          </cell>
        </row>
        <row r="419">
          <cell r="F419" t="str">
            <v/>
          </cell>
        </row>
        <row r="420">
          <cell r="F420" t="str">
            <v/>
          </cell>
        </row>
        <row r="421">
          <cell r="F421" t="str">
            <v/>
          </cell>
        </row>
        <row r="422">
          <cell r="F422" t="str">
            <v/>
          </cell>
        </row>
        <row r="423">
          <cell r="F423" t="str">
            <v/>
          </cell>
        </row>
        <row r="424">
          <cell r="F424" t="str">
            <v/>
          </cell>
        </row>
        <row r="425">
          <cell r="F425" t="str">
            <v/>
          </cell>
        </row>
        <row r="426">
          <cell r="F426" t="str">
            <v/>
          </cell>
        </row>
        <row r="427">
          <cell r="F427" t="str">
            <v/>
          </cell>
        </row>
        <row r="428">
          <cell r="F428" t="str">
            <v/>
          </cell>
        </row>
        <row r="429">
          <cell r="F429" t="str">
            <v/>
          </cell>
        </row>
        <row r="430">
          <cell r="F430" t="str">
            <v/>
          </cell>
        </row>
        <row r="431">
          <cell r="F431" t="str">
            <v/>
          </cell>
        </row>
        <row r="432">
          <cell r="F432" t="str">
            <v/>
          </cell>
        </row>
        <row r="433">
          <cell r="F433" t="str">
            <v/>
          </cell>
        </row>
        <row r="434">
          <cell r="F434" t="str">
            <v/>
          </cell>
        </row>
        <row r="435">
          <cell r="F435" t="str">
            <v/>
          </cell>
        </row>
        <row r="436">
          <cell r="F436" t="str">
            <v/>
          </cell>
        </row>
        <row r="437">
          <cell r="F437" t="str">
            <v/>
          </cell>
        </row>
        <row r="438">
          <cell r="F438" t="str">
            <v/>
          </cell>
        </row>
        <row r="439">
          <cell r="F439" t="str">
            <v/>
          </cell>
        </row>
        <row r="440">
          <cell r="F440" t="str">
            <v/>
          </cell>
        </row>
        <row r="441">
          <cell r="F441" t="str">
            <v/>
          </cell>
        </row>
        <row r="442">
          <cell r="F442" t="str">
            <v/>
          </cell>
        </row>
        <row r="443">
          <cell r="F443" t="str">
            <v/>
          </cell>
        </row>
        <row r="444">
          <cell r="F444" t="str">
            <v/>
          </cell>
        </row>
        <row r="445">
          <cell r="F445" t="str">
            <v/>
          </cell>
        </row>
        <row r="446">
          <cell r="F446" t="str">
            <v/>
          </cell>
        </row>
        <row r="447">
          <cell r="F447" t="str">
            <v/>
          </cell>
        </row>
        <row r="448">
          <cell r="F448" t="str">
            <v/>
          </cell>
        </row>
        <row r="449">
          <cell r="F449" t="str">
            <v/>
          </cell>
        </row>
        <row r="450">
          <cell r="F450" t="str">
            <v/>
          </cell>
        </row>
        <row r="451">
          <cell r="F451" t="str">
            <v/>
          </cell>
        </row>
        <row r="452">
          <cell r="F452" t="str">
            <v/>
          </cell>
        </row>
        <row r="453">
          <cell r="F453" t="str">
            <v/>
          </cell>
        </row>
        <row r="454">
          <cell r="F454" t="str">
            <v/>
          </cell>
        </row>
        <row r="455">
          <cell r="F455" t="str">
            <v/>
          </cell>
        </row>
        <row r="456">
          <cell r="F456" t="str">
            <v/>
          </cell>
        </row>
        <row r="457">
          <cell r="F457" t="str">
            <v/>
          </cell>
        </row>
        <row r="458">
          <cell r="F458" t="str">
            <v/>
          </cell>
        </row>
        <row r="459">
          <cell r="F459" t="str">
            <v/>
          </cell>
        </row>
        <row r="460">
          <cell r="F460" t="str">
            <v/>
          </cell>
        </row>
        <row r="461">
          <cell r="F461" t="str">
            <v/>
          </cell>
        </row>
        <row r="462">
          <cell r="F462" t="str">
            <v/>
          </cell>
        </row>
        <row r="463">
          <cell r="F463" t="str">
            <v/>
          </cell>
        </row>
        <row r="464">
          <cell r="F464" t="str">
            <v/>
          </cell>
        </row>
        <row r="465">
          <cell r="F465" t="str">
            <v/>
          </cell>
        </row>
        <row r="466">
          <cell r="F466" t="str">
            <v/>
          </cell>
        </row>
        <row r="467">
          <cell r="F467" t="str">
            <v/>
          </cell>
        </row>
        <row r="468">
          <cell r="F468" t="str">
            <v/>
          </cell>
        </row>
        <row r="469">
          <cell r="F469" t="str">
            <v/>
          </cell>
        </row>
        <row r="470">
          <cell r="F470" t="str">
            <v/>
          </cell>
        </row>
        <row r="471">
          <cell r="F471" t="str">
            <v/>
          </cell>
        </row>
        <row r="472">
          <cell r="F472" t="str">
            <v/>
          </cell>
        </row>
        <row r="473">
          <cell r="F473" t="str">
            <v/>
          </cell>
        </row>
        <row r="474">
          <cell r="F474" t="str">
            <v/>
          </cell>
        </row>
        <row r="475">
          <cell r="F475" t="str">
            <v/>
          </cell>
        </row>
        <row r="476">
          <cell r="F476" t="str">
            <v/>
          </cell>
        </row>
        <row r="477">
          <cell r="F477" t="str">
            <v/>
          </cell>
        </row>
        <row r="478">
          <cell r="F478" t="str">
            <v/>
          </cell>
        </row>
        <row r="479">
          <cell r="F479" t="str">
            <v/>
          </cell>
        </row>
        <row r="480">
          <cell r="F480" t="str">
            <v/>
          </cell>
        </row>
        <row r="481">
          <cell r="F481" t="str">
            <v/>
          </cell>
        </row>
        <row r="482">
          <cell r="F482" t="str">
            <v/>
          </cell>
        </row>
        <row r="483">
          <cell r="F483" t="str">
            <v/>
          </cell>
        </row>
        <row r="484">
          <cell r="F484" t="str">
            <v/>
          </cell>
        </row>
        <row r="485">
          <cell r="F485" t="str">
            <v/>
          </cell>
        </row>
        <row r="486">
          <cell r="F486" t="str">
            <v/>
          </cell>
        </row>
        <row r="487">
          <cell r="F487" t="str">
            <v/>
          </cell>
        </row>
        <row r="488">
          <cell r="F488" t="str">
            <v/>
          </cell>
        </row>
        <row r="489">
          <cell r="F489" t="str">
            <v/>
          </cell>
        </row>
        <row r="490">
          <cell r="F490" t="str">
            <v/>
          </cell>
        </row>
        <row r="491">
          <cell r="F491" t="str">
            <v/>
          </cell>
        </row>
        <row r="492">
          <cell r="F492" t="str">
            <v/>
          </cell>
        </row>
        <row r="493">
          <cell r="F493" t="str">
            <v/>
          </cell>
        </row>
        <row r="494">
          <cell r="F494" t="str">
            <v/>
          </cell>
        </row>
        <row r="495">
          <cell r="F495" t="str">
            <v/>
          </cell>
        </row>
        <row r="496">
          <cell r="F496" t="str">
            <v/>
          </cell>
        </row>
        <row r="497">
          <cell r="F497" t="str">
            <v/>
          </cell>
        </row>
        <row r="498">
          <cell r="F498" t="str">
            <v/>
          </cell>
        </row>
        <row r="499">
          <cell r="F499" t="str">
            <v/>
          </cell>
        </row>
        <row r="500">
          <cell r="F500" t="str">
            <v/>
          </cell>
        </row>
        <row r="501">
          <cell r="F501" t="str">
            <v/>
          </cell>
        </row>
        <row r="502">
          <cell r="F502" t="str">
            <v/>
          </cell>
        </row>
        <row r="503">
          <cell r="F503" t="str">
            <v/>
          </cell>
        </row>
        <row r="504">
          <cell r="F504" t="str">
            <v/>
          </cell>
        </row>
        <row r="505">
          <cell r="F505" t="str">
            <v/>
          </cell>
        </row>
        <row r="506">
          <cell r="F506" t="str">
            <v/>
          </cell>
        </row>
        <row r="507">
          <cell r="F507" t="str">
            <v/>
          </cell>
        </row>
        <row r="508">
          <cell r="F508" t="str">
            <v/>
          </cell>
        </row>
        <row r="509">
          <cell r="F509" t="str">
            <v/>
          </cell>
        </row>
        <row r="510">
          <cell r="F510" t="str">
            <v/>
          </cell>
        </row>
        <row r="511">
          <cell r="F511" t="str">
            <v/>
          </cell>
        </row>
        <row r="512">
          <cell r="F512" t="str">
            <v/>
          </cell>
        </row>
        <row r="513">
          <cell r="F513" t="str">
            <v/>
          </cell>
        </row>
        <row r="514">
          <cell r="F514" t="str">
            <v/>
          </cell>
        </row>
        <row r="515">
          <cell r="F515" t="str">
            <v/>
          </cell>
        </row>
        <row r="516">
          <cell r="F516" t="str">
            <v/>
          </cell>
        </row>
        <row r="517">
          <cell r="F517" t="str">
            <v/>
          </cell>
        </row>
        <row r="518">
          <cell r="F518" t="str">
            <v/>
          </cell>
        </row>
        <row r="519">
          <cell r="F519" t="str">
            <v/>
          </cell>
        </row>
        <row r="520">
          <cell r="F520" t="str">
            <v/>
          </cell>
        </row>
        <row r="521">
          <cell r="F521" t="str">
            <v/>
          </cell>
        </row>
        <row r="522">
          <cell r="F522" t="str">
            <v/>
          </cell>
        </row>
        <row r="523">
          <cell r="F523" t="str">
            <v/>
          </cell>
        </row>
        <row r="524">
          <cell r="F524" t="str">
            <v/>
          </cell>
        </row>
        <row r="525">
          <cell r="F525" t="str">
            <v/>
          </cell>
        </row>
        <row r="526">
          <cell r="F526" t="str">
            <v/>
          </cell>
        </row>
        <row r="527">
          <cell r="F527" t="str">
            <v/>
          </cell>
        </row>
        <row r="528">
          <cell r="F528" t="str">
            <v/>
          </cell>
        </row>
        <row r="529">
          <cell r="F529" t="str">
            <v/>
          </cell>
        </row>
        <row r="530">
          <cell r="F530" t="str">
            <v/>
          </cell>
        </row>
        <row r="531">
          <cell r="F531" t="str">
            <v/>
          </cell>
        </row>
        <row r="532">
          <cell r="F532" t="str">
            <v/>
          </cell>
        </row>
        <row r="533">
          <cell r="F533" t="str">
            <v/>
          </cell>
        </row>
        <row r="534">
          <cell r="F534" t="str">
            <v/>
          </cell>
        </row>
        <row r="535">
          <cell r="F535" t="str">
            <v/>
          </cell>
        </row>
        <row r="536">
          <cell r="F536" t="str">
            <v/>
          </cell>
        </row>
        <row r="537">
          <cell r="F537" t="str">
            <v/>
          </cell>
        </row>
        <row r="538">
          <cell r="F538" t="str">
            <v/>
          </cell>
        </row>
        <row r="539">
          <cell r="F539" t="str">
            <v/>
          </cell>
        </row>
        <row r="540">
          <cell r="F540" t="str">
            <v/>
          </cell>
        </row>
        <row r="541">
          <cell r="F541" t="str">
            <v/>
          </cell>
        </row>
        <row r="542">
          <cell r="F542" t="str">
            <v/>
          </cell>
        </row>
        <row r="543">
          <cell r="F543" t="str">
            <v/>
          </cell>
        </row>
        <row r="544">
          <cell r="F544" t="str">
            <v/>
          </cell>
        </row>
      </sheetData>
      <sheetData sheetId="8">
        <row r="1">
          <cell r="B1" t="str">
            <v>www.micromeritics.com</v>
          </cell>
          <cell r="Q1" t="str">
            <v>User Defined Thickness</v>
          </cell>
        </row>
        <row r="2">
          <cell r="B2" t="str">
            <v>Name of Gas</v>
          </cell>
          <cell r="G2" t="str">
            <v>ISO Data Worksheets</v>
          </cell>
          <cell r="I2" t="str">
            <v>All Worksheets</v>
          </cell>
          <cell r="J2" t="str">
            <v>Show Worksheets</v>
          </cell>
          <cell r="K2" t="str">
            <v>key sheets</v>
          </cell>
          <cell r="L2" t="str">
            <v>Type:</v>
          </cell>
          <cell r="M2" t="str">
            <v>Prm1</v>
          </cell>
          <cell r="N2" t="str">
            <v>Prm2</v>
          </cell>
          <cell r="O2" t="str">
            <v>Prm3</v>
          </cell>
          <cell r="Q2" t="str">
            <v>Relative Pressure (p/p°)</v>
          </cell>
        </row>
        <row r="3">
          <cell r="B3" t="str">
            <v>Argon</v>
          </cell>
          <cell r="G3" t="str">
            <v>n/a</v>
          </cell>
          <cell r="I3" t="str">
            <v>LAN Overlays</v>
          </cell>
          <cell r="J3" t="str">
            <v>Instructions</v>
          </cell>
          <cell r="K3" t="str">
            <v>Isotherm Data</v>
          </cell>
          <cell r="L3" t="str">
            <v>Halsey</v>
          </cell>
          <cell r="M3">
            <v>3.54</v>
          </cell>
          <cell r="N3">
            <v>-5</v>
          </cell>
          <cell r="O3">
            <v>0.33300000000000002</v>
          </cell>
          <cell r="Q3">
            <v>9.9882779999999997E-3</v>
          </cell>
        </row>
        <row r="4">
          <cell r="B4" t="str">
            <v>Nitrogen</v>
          </cell>
          <cell r="G4" t="str">
            <v>ISO_MCM41</v>
          </cell>
          <cell r="I4" t="str">
            <v>t-Plot Overlays</v>
          </cell>
          <cell r="J4" t="str">
            <v>Isotherm Data</v>
          </cell>
          <cell r="K4" t="str">
            <v>t-Plot</v>
          </cell>
          <cell r="L4" t="str">
            <v>Harkin-Jura</v>
          </cell>
          <cell r="M4">
            <v>13.99</v>
          </cell>
          <cell r="N4">
            <v>3.4000000000000002E-2</v>
          </cell>
          <cell r="O4">
            <v>0.5</v>
          </cell>
          <cell r="Q4">
            <v>1.5255688E-2</v>
          </cell>
        </row>
        <row r="5">
          <cell r="B5" t="str">
            <v>Carbon Dioxide</v>
          </cell>
          <cell r="I5" t="str">
            <v>Instructions</v>
          </cell>
          <cell r="J5" t="str">
            <v>BET Surface Area Report</v>
          </cell>
          <cell r="K5" t="str">
            <v>BET Surface Area Report</v>
          </cell>
          <cell r="L5" t="str">
            <v>Broekoff-de Boer</v>
          </cell>
          <cell r="M5">
            <v>-16.11</v>
          </cell>
          <cell r="N5">
            <v>0.16819999999999999</v>
          </cell>
          <cell r="O5">
            <v>-0.1137</v>
          </cell>
          <cell r="Q5">
            <v>2.0162657E-2</v>
          </cell>
        </row>
        <row r="6">
          <cell r="B6" t="str">
            <v>Krypton</v>
          </cell>
          <cell r="I6" t="str">
            <v>Isotherm Data</v>
          </cell>
          <cell r="J6" t="str">
            <v>Langmuir</v>
          </cell>
          <cell r="K6" t="str">
            <v>Langmuir</v>
          </cell>
          <cell r="L6" t="str">
            <v>Carbon Black STSA</v>
          </cell>
          <cell r="M6">
            <v>2.98</v>
          </cell>
          <cell r="N6">
            <v>6.45</v>
          </cell>
          <cell r="O6">
            <v>0.88</v>
          </cell>
          <cell r="Q6">
            <v>2.5311861000000001E-2</v>
          </cell>
        </row>
        <row r="7">
          <cell r="I7" t="str">
            <v>BET Surface Area Report</v>
          </cell>
          <cell r="J7" t="str">
            <v>t-Plot</v>
          </cell>
          <cell r="L7" t="str">
            <v>User Defined</v>
          </cell>
          <cell r="Q7">
            <v>2.965112E-2</v>
          </cell>
        </row>
        <row r="8">
          <cell r="I8" t="str">
            <v>Langmuir</v>
          </cell>
          <cell r="J8" t="str">
            <v>Parameters</v>
          </cell>
          <cell r="Q8">
            <v>3.4921001E-2</v>
          </cell>
        </row>
        <row r="9">
          <cell r="I9" t="str">
            <v>t-Plot</v>
          </cell>
          <cell r="J9" t="str">
            <v>Techniques</v>
          </cell>
          <cell r="Q9">
            <v>4.0035932000000003E-2</v>
          </cell>
        </row>
        <row r="10">
          <cell r="I10" t="str">
            <v>Parameters</v>
          </cell>
          <cell r="J10" t="str">
            <v>ISO_Primary</v>
          </cell>
          <cell r="Q10">
            <v>4.4959910999999998E-2</v>
          </cell>
        </row>
        <row r="11">
          <cell r="I11" t="str">
            <v>Techniques</v>
          </cell>
          <cell r="J11" t="str">
            <v>ISO_MCM41</v>
          </cell>
          <cell r="Q11">
            <v>5.0010122999999997E-2</v>
          </cell>
        </row>
        <row r="12">
          <cell r="I12" t="str">
            <v>License</v>
          </cell>
          <cell r="Q12">
            <v>7.5176831E-2</v>
          </cell>
        </row>
        <row r="13">
          <cell r="I13" t="str">
            <v>ISO_MCM41</v>
          </cell>
          <cell r="Q13">
            <v>0.103959526</v>
          </cell>
        </row>
        <row r="14">
          <cell r="I14" t="str">
            <v>ISO_Primary</v>
          </cell>
          <cell r="Q14">
            <v>0.13007400599999999</v>
          </cell>
        </row>
        <row r="15">
          <cell r="I15" t="str">
            <v>BET Overlays</v>
          </cell>
          <cell r="Q15">
            <v>0.15694949599999999</v>
          </cell>
        </row>
        <row r="16">
          <cell r="I16" t="str">
            <v>zISO Overlays</v>
          </cell>
          <cell r="Q16">
            <v>0.179572335</v>
          </cell>
        </row>
        <row r="17">
          <cell r="Q17">
            <v>0.20354256200000001</v>
          </cell>
        </row>
        <row r="18">
          <cell r="Q18">
            <v>0.22713504700000001</v>
          </cell>
        </row>
        <row r="19">
          <cell r="Q19">
            <v>0.25189668799999998</v>
          </cell>
        </row>
        <row r="20">
          <cell r="Q20">
            <v>0.276709661</v>
          </cell>
        </row>
        <row r="21">
          <cell r="Q21">
            <v>0.30165506600000003</v>
          </cell>
        </row>
        <row r="22">
          <cell r="Q22">
            <v>0.326554552</v>
          </cell>
        </row>
        <row r="23">
          <cell r="Q23">
            <v>0.35141766000000002</v>
          </cell>
        </row>
        <row r="24">
          <cell r="Q24">
            <v>0.37556135699999998</v>
          </cell>
        </row>
        <row r="25">
          <cell r="Q25">
            <v>0.40056323100000002</v>
          </cell>
        </row>
        <row r="26">
          <cell r="Q26">
            <v>0.42511147700000002</v>
          </cell>
        </row>
        <row r="27">
          <cell r="Q27">
            <v>0.45037894899999997</v>
          </cell>
        </row>
        <row r="28">
          <cell r="Q28">
            <v>0.47519604199999999</v>
          </cell>
        </row>
        <row r="29">
          <cell r="Q29">
            <v>0.49970869600000001</v>
          </cell>
        </row>
        <row r="30">
          <cell r="Q30">
            <v>0.52549695399999996</v>
          </cell>
        </row>
        <row r="31">
          <cell r="Q31">
            <v>0.55011793499999995</v>
          </cell>
        </row>
        <row r="32">
          <cell r="Q32">
            <v>0.57496686900000005</v>
          </cell>
        </row>
        <row r="33">
          <cell r="Q33">
            <v>0.600147659</v>
          </cell>
        </row>
        <row r="34">
          <cell r="Q34">
            <v>0.62507379500000004</v>
          </cell>
        </row>
      </sheetData>
      <sheetData sheetId="9"/>
      <sheetData sheetId="10"/>
      <sheetData sheetId="11"/>
      <sheetData sheetId="12"/>
      <sheetData sheetId="13">
        <row r="11">
          <cell r="C11">
            <v>0</v>
          </cell>
          <cell r="D11">
            <v>4.6413831690277226E-5</v>
          </cell>
          <cell r="I11">
            <v>0</v>
          </cell>
          <cell r="J11">
            <v>0</v>
          </cell>
          <cell r="O11">
            <v>0</v>
          </cell>
          <cell r="P11">
            <v>0</v>
          </cell>
          <cell r="U11">
            <v>0</v>
          </cell>
          <cell r="V11">
            <v>0</v>
          </cell>
          <cell r="AA11">
            <v>0</v>
          </cell>
          <cell r="AB11">
            <v>0</v>
          </cell>
        </row>
        <row r="14">
          <cell r="C14" t="str">
            <v>ISO_MCM41</v>
          </cell>
          <cell r="I14" t="str">
            <v>ISO_CARBSV-G</v>
          </cell>
          <cell r="O14" t="str">
            <v>ISO_ZSM5_B</v>
          </cell>
          <cell r="U14" t="str">
            <v>ISO_CBV600</v>
          </cell>
          <cell r="AA14" t="str">
            <v>ISO_MCM41_1</v>
          </cell>
        </row>
        <row r="17">
          <cell r="A17">
            <v>103</v>
          </cell>
          <cell r="G17">
            <v>1</v>
          </cell>
          <cell r="M17">
            <v>1</v>
          </cell>
          <cell r="S17">
            <v>1</v>
          </cell>
          <cell r="Y17">
            <v>1</v>
          </cell>
        </row>
        <row r="18">
          <cell r="A18">
            <v>55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  <row r="19">
          <cell r="A19">
            <v>0</v>
          </cell>
          <cell r="G19">
            <v>0</v>
          </cell>
          <cell r="M19">
            <v>0</v>
          </cell>
          <cell r="S19">
            <v>0</v>
          </cell>
          <cell r="Y19">
            <v>0</v>
          </cell>
        </row>
      </sheetData>
      <sheetData sheetId="14">
        <row r="15">
          <cell r="C15" t="str">
            <v>ISO_MCM41</v>
          </cell>
          <cell r="I15" t="str">
            <v>ISO_CARBSV-G</v>
          </cell>
          <cell r="O15" t="str">
            <v>ISO_ZSM5_B</v>
          </cell>
          <cell r="U15" t="str">
            <v>ISO_CBV600</v>
          </cell>
          <cell r="AA15" t="str">
            <v>ISO_MCM41_1</v>
          </cell>
        </row>
        <row r="18">
          <cell r="A18">
            <v>282</v>
          </cell>
          <cell r="G18">
            <v>0</v>
          </cell>
          <cell r="M18">
            <v>0</v>
          </cell>
          <cell r="S18">
            <v>0</v>
          </cell>
          <cell r="Y18">
            <v>0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4.xml><?xml version="1.0" encoding="utf-8"?>
<a:themeOverride xmlns:a="http://schemas.openxmlformats.org/drawingml/2006/main">
  <a:clrScheme name="Office Them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 Them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 Them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7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7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5:A35"/>
  <sheetViews>
    <sheetView zoomScale="60" zoomScaleNormal="60" workbookViewId="0">
      <selection activeCell="B32" sqref="B32"/>
    </sheetView>
  </sheetViews>
  <sheetFormatPr defaultColWidth="9.140625" defaultRowHeight="14.25" x14ac:dyDescent="0.2"/>
  <cols>
    <col min="1" max="1" width="199.85546875" style="1" customWidth="1"/>
    <col min="2" max="2" width="49" style="1" customWidth="1"/>
    <col min="3" max="16384" width="9.140625" style="1"/>
  </cols>
  <sheetData>
    <row r="5" spans="1:1" ht="20.25" x14ac:dyDescent="0.3">
      <c r="A5" s="43" t="s">
        <v>35</v>
      </c>
    </row>
    <row r="6" spans="1:1" ht="20.25" x14ac:dyDescent="0.2">
      <c r="A6" s="2"/>
    </row>
    <row r="7" spans="1:1" ht="26.25" x14ac:dyDescent="0.2">
      <c r="A7" s="3"/>
    </row>
    <row r="8" spans="1:1" ht="26.25" x14ac:dyDescent="0.2">
      <c r="A8" s="3"/>
    </row>
    <row r="9" spans="1:1" ht="24" x14ac:dyDescent="0.3">
      <c r="A9" s="42" t="s">
        <v>36</v>
      </c>
    </row>
    <row r="10" spans="1:1" ht="20.25" x14ac:dyDescent="0.2">
      <c r="A10" s="4"/>
    </row>
    <row r="11" spans="1:1" ht="20.25" x14ac:dyDescent="0.2">
      <c r="A11" s="41" t="s">
        <v>6</v>
      </c>
    </row>
    <row r="12" spans="1:1" ht="20.25" x14ac:dyDescent="0.2">
      <c r="A12" s="41" t="s">
        <v>39</v>
      </c>
    </row>
    <row r="14" spans="1:1" ht="20.25" x14ac:dyDescent="0.2">
      <c r="A14" s="41"/>
    </row>
    <row r="15" spans="1:1" ht="20.25" x14ac:dyDescent="0.2">
      <c r="A15" s="40" t="s">
        <v>0</v>
      </c>
    </row>
    <row r="16" spans="1:1" ht="18.75" x14ac:dyDescent="0.2">
      <c r="A16" s="39"/>
    </row>
    <row r="17" spans="1:1" ht="18.75" x14ac:dyDescent="0.2">
      <c r="A17" s="39"/>
    </row>
    <row r="18" spans="1:1" ht="20.25" x14ac:dyDescent="0.2">
      <c r="A18" s="40" t="s">
        <v>5</v>
      </c>
    </row>
    <row r="19" spans="1:1" ht="18.75" x14ac:dyDescent="0.2">
      <c r="A19" s="39"/>
    </row>
    <row r="21" spans="1:1" ht="18" x14ac:dyDescent="0.2">
      <c r="A21" s="5"/>
    </row>
    <row r="35" spans="1:1" ht="15" x14ac:dyDescent="0.2">
      <c r="A35" s="6"/>
    </row>
  </sheetData>
  <pageMargins left="0.7" right="0.7" top="0.75" bottom="0.75" header="0.3" footer="0.3"/>
  <pageSetup paperSize="9" orientation="portrait" horizontalDpi="90" verticalDpi="9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2730A-8D78-45D8-9536-3B4639F50F61}">
  <dimension ref="A13:V58"/>
  <sheetViews>
    <sheetView workbookViewId="0">
      <selection activeCell="P8" sqref="P8"/>
    </sheetView>
  </sheetViews>
  <sheetFormatPr defaultRowHeight="15" x14ac:dyDescent="0.25"/>
  <cols>
    <col min="12" max="12" width="12.140625" customWidth="1"/>
  </cols>
  <sheetData>
    <row r="13" spans="1:22" x14ac:dyDescent="0.25">
      <c r="A13" s="11" t="s">
        <v>8</v>
      </c>
      <c r="N13" s="11" t="s">
        <v>8</v>
      </c>
    </row>
    <row r="14" spans="1:22" x14ac:dyDescent="0.25">
      <c r="A14" s="11" t="s">
        <v>9</v>
      </c>
      <c r="B14" s="37" t="s">
        <v>7</v>
      </c>
      <c r="N14" s="11" t="s">
        <v>9</v>
      </c>
      <c r="O14" s="37" t="s">
        <v>7</v>
      </c>
    </row>
    <row r="15" spans="1:22" x14ac:dyDescent="0.25">
      <c r="B15" s="11" t="s">
        <v>11</v>
      </c>
      <c r="C15" s="11"/>
      <c r="D15" s="11"/>
      <c r="E15" s="11" t="s">
        <v>12</v>
      </c>
      <c r="F15" s="11"/>
      <c r="G15" s="11"/>
      <c r="H15" s="11" t="s">
        <v>13</v>
      </c>
      <c r="I15" s="11">
        <v>391</v>
      </c>
      <c r="J15" s="11"/>
      <c r="K15" s="11" t="s">
        <v>14</v>
      </c>
      <c r="L15" s="11"/>
      <c r="O15" s="7" t="s">
        <v>15</v>
      </c>
      <c r="P15" s="11"/>
      <c r="Q15" s="11"/>
      <c r="R15" s="11" t="s">
        <v>16</v>
      </c>
      <c r="S15" s="11">
        <v>380</v>
      </c>
      <c r="T15" s="11"/>
      <c r="U15" s="11" t="s">
        <v>17</v>
      </c>
      <c r="V15" s="11">
        <v>367</v>
      </c>
    </row>
    <row r="16" spans="1:22" x14ac:dyDescent="0.25">
      <c r="B16" s="11" t="s">
        <v>1</v>
      </c>
      <c r="C16" s="11" t="s">
        <v>2</v>
      </c>
      <c r="D16" s="11"/>
      <c r="E16" s="11" t="s">
        <v>1</v>
      </c>
      <c r="F16" s="11" t="s">
        <v>2</v>
      </c>
      <c r="G16" s="11"/>
      <c r="H16" s="11" t="s">
        <v>1</v>
      </c>
      <c r="I16" s="11" t="s">
        <v>2</v>
      </c>
      <c r="J16" s="11"/>
      <c r="K16" s="11" t="s">
        <v>1</v>
      </c>
      <c r="L16" s="11" t="s">
        <v>2</v>
      </c>
      <c r="O16" s="11" t="s">
        <v>1</v>
      </c>
      <c r="P16" s="11" t="s">
        <v>2</v>
      </c>
      <c r="Q16" s="11"/>
      <c r="R16" s="11" t="s">
        <v>1</v>
      </c>
      <c r="S16" s="11" t="s">
        <v>2</v>
      </c>
      <c r="T16" s="11"/>
      <c r="U16" s="11" t="s">
        <v>1</v>
      </c>
      <c r="V16" s="11" t="s">
        <v>2</v>
      </c>
    </row>
    <row r="17" spans="2:22" x14ac:dyDescent="0.25">
      <c r="B17" s="10">
        <v>8.7600000000000008E-6</v>
      </c>
      <c r="C17" s="10">
        <v>35.154620000000001</v>
      </c>
      <c r="D17" s="10"/>
      <c r="E17" s="10">
        <v>2.0053399999999999E-2</v>
      </c>
      <c r="F17" s="10">
        <v>63.929040000000001</v>
      </c>
      <c r="G17" s="10"/>
      <c r="H17" s="10">
        <v>3.9694800000000001E-3</v>
      </c>
      <c r="I17" s="10">
        <v>49.841160000000002</v>
      </c>
      <c r="J17" s="10"/>
      <c r="K17" s="10">
        <v>1.44743E-3</v>
      </c>
      <c r="L17" s="10">
        <v>41.21416</v>
      </c>
      <c r="O17" s="10">
        <v>3.0871700000000002E-3</v>
      </c>
      <c r="P17" s="10">
        <v>46.093559999999997</v>
      </c>
      <c r="Q17" s="10"/>
      <c r="R17" s="10">
        <v>3.35703E-3</v>
      </c>
      <c r="S17" s="10">
        <v>46.88767</v>
      </c>
      <c r="T17" s="10"/>
      <c r="U17" s="10">
        <v>4.7436400000000004E-3</v>
      </c>
      <c r="V17" s="10">
        <v>45.986289999999997</v>
      </c>
    </row>
    <row r="18" spans="2:22" x14ac:dyDescent="0.25">
      <c r="B18" s="10">
        <v>1.0750340000000001E-2</v>
      </c>
      <c r="C18" s="10">
        <v>69.614469999999997</v>
      </c>
      <c r="D18" s="10"/>
      <c r="E18" s="10">
        <v>0.13870047999999999</v>
      </c>
      <c r="F18" s="10">
        <v>97.072640000000007</v>
      </c>
      <c r="G18" s="10"/>
      <c r="H18" s="10">
        <v>6.7676630000000002E-2</v>
      </c>
      <c r="I18" s="10">
        <v>85.61645</v>
      </c>
      <c r="J18" s="10"/>
      <c r="K18" s="10">
        <v>3.8699699999999997E-2</v>
      </c>
      <c r="L18" s="10">
        <v>75.78913</v>
      </c>
      <c r="O18" s="10">
        <v>5.5755310000000002E-2</v>
      </c>
      <c r="P18" s="10">
        <v>81.097099999999998</v>
      </c>
      <c r="Q18" s="10"/>
      <c r="R18" s="10">
        <v>5.9863649999999997E-2</v>
      </c>
      <c r="S18" s="10">
        <v>82.21181</v>
      </c>
      <c r="T18" s="10"/>
      <c r="U18" s="10">
        <v>6.6830619999999993E-2</v>
      </c>
      <c r="V18" s="10">
        <v>79.770679999999999</v>
      </c>
    </row>
    <row r="19" spans="2:22" x14ac:dyDescent="0.25">
      <c r="B19" s="10">
        <v>4.9694660000000002E-2</v>
      </c>
      <c r="C19" s="10">
        <v>96.004109999999997</v>
      </c>
      <c r="D19" s="10"/>
      <c r="E19" s="10">
        <v>0.37460248000000002</v>
      </c>
      <c r="F19" s="10">
        <v>133.94837999999999</v>
      </c>
      <c r="G19" s="10"/>
      <c r="H19" s="10">
        <v>0.18709964000000001</v>
      </c>
      <c r="I19" s="10">
        <v>108.02428999999999</v>
      </c>
      <c r="J19" s="10"/>
      <c r="K19" s="10">
        <v>0.13597936999999999</v>
      </c>
      <c r="L19" s="10">
        <v>98.85848</v>
      </c>
      <c r="O19" s="10">
        <v>0.16417055</v>
      </c>
      <c r="P19" s="10">
        <v>103.66976</v>
      </c>
      <c r="Q19" s="10"/>
      <c r="R19" s="10">
        <v>0.17366124999999999</v>
      </c>
      <c r="S19" s="10">
        <v>105.11994</v>
      </c>
      <c r="T19" s="10"/>
      <c r="U19" s="10">
        <v>0.17994977000000001</v>
      </c>
      <c r="V19" s="10">
        <v>101.5361</v>
      </c>
    </row>
    <row r="20" spans="2:22" x14ac:dyDescent="0.25">
      <c r="B20" s="10">
        <v>0.11006498000000001</v>
      </c>
      <c r="C20" s="10">
        <v>114.66924</v>
      </c>
      <c r="D20" s="10"/>
      <c r="E20" s="10">
        <v>0.61269101999999998</v>
      </c>
      <c r="F20" s="10">
        <v>182.91884999999999</v>
      </c>
      <c r="G20" s="10"/>
      <c r="H20" s="10">
        <v>0.40418965000000001</v>
      </c>
      <c r="I20" s="10">
        <v>140.05976000000001</v>
      </c>
      <c r="J20" s="10"/>
      <c r="K20" s="10">
        <v>0.34167861999999999</v>
      </c>
      <c r="L20" s="10">
        <v>129.49441999999999</v>
      </c>
      <c r="O20" s="10">
        <v>0.36819393</v>
      </c>
      <c r="P20" s="10">
        <v>135.09868</v>
      </c>
      <c r="Q20" s="10"/>
      <c r="R20" s="10">
        <v>0.38713247000000001</v>
      </c>
      <c r="S20" s="10">
        <v>137.12253000000001</v>
      </c>
      <c r="T20" s="10"/>
      <c r="U20" s="10">
        <v>0.39187947000000001</v>
      </c>
      <c r="V20" s="10">
        <v>133.21338</v>
      </c>
    </row>
    <row r="21" spans="2:22" x14ac:dyDescent="0.25">
      <c r="B21" s="10">
        <v>0.25054134</v>
      </c>
      <c r="C21" s="10">
        <v>143.49137999999999</v>
      </c>
      <c r="D21" s="10"/>
      <c r="E21" s="10">
        <v>0.73152795000000004</v>
      </c>
      <c r="F21" s="10">
        <v>235.82064</v>
      </c>
      <c r="G21" s="10"/>
      <c r="H21" s="10">
        <v>0.59686055999999998</v>
      </c>
      <c r="I21" s="10">
        <v>178.01766000000001</v>
      </c>
      <c r="J21" s="10"/>
      <c r="K21" s="10">
        <v>0.53581168999999995</v>
      </c>
      <c r="L21" s="10">
        <v>161.97425000000001</v>
      </c>
      <c r="O21" s="10">
        <v>0.55427223999999997</v>
      </c>
      <c r="P21" s="10">
        <v>169.96827999999999</v>
      </c>
      <c r="Q21" s="10"/>
      <c r="R21" s="10">
        <v>0.57991585999999995</v>
      </c>
      <c r="S21" s="10">
        <v>173.80837</v>
      </c>
      <c r="T21" s="10"/>
      <c r="U21" s="10">
        <v>0.58003490999999996</v>
      </c>
      <c r="V21" s="10">
        <v>169.55117999999999</v>
      </c>
    </row>
    <row r="22" spans="2:22" x14ac:dyDescent="0.25">
      <c r="B22" s="10">
        <v>0.39675224999999997</v>
      </c>
      <c r="C22" s="10">
        <v>170.93628000000001</v>
      </c>
      <c r="D22" s="10"/>
      <c r="E22" s="10">
        <v>0.78258232999999999</v>
      </c>
      <c r="F22" s="10">
        <v>293.85566</v>
      </c>
      <c r="G22" s="10"/>
      <c r="H22" s="10">
        <v>0.71122841000000003</v>
      </c>
      <c r="I22" s="10">
        <v>222.44995</v>
      </c>
      <c r="J22" s="10"/>
      <c r="K22" s="10">
        <v>0.67587638999999999</v>
      </c>
      <c r="L22" s="10">
        <v>199.41218000000001</v>
      </c>
      <c r="O22" s="10">
        <v>0.68461190000000005</v>
      </c>
      <c r="P22" s="10">
        <v>209.99034</v>
      </c>
      <c r="Q22" s="10"/>
      <c r="R22" s="10">
        <v>0.70133025000000004</v>
      </c>
      <c r="S22" s="10">
        <v>216.36335</v>
      </c>
      <c r="T22" s="10"/>
      <c r="U22" s="10">
        <v>0.69736997999999994</v>
      </c>
      <c r="V22" s="10">
        <v>210.26075</v>
      </c>
    </row>
    <row r="23" spans="2:22" x14ac:dyDescent="0.25">
      <c r="B23" s="10">
        <v>0.58781611</v>
      </c>
      <c r="C23" s="10">
        <v>216.47926000000001</v>
      </c>
      <c r="D23" s="10"/>
      <c r="E23" s="10">
        <v>0.79342400999999996</v>
      </c>
      <c r="F23" s="10">
        <v>357.85415</v>
      </c>
      <c r="G23" s="10"/>
      <c r="H23" s="10">
        <v>0.76718242999999997</v>
      </c>
      <c r="I23" s="10">
        <v>268.7876</v>
      </c>
      <c r="J23" s="10"/>
      <c r="K23" s="10">
        <v>0.73878303999999995</v>
      </c>
      <c r="L23" s="10">
        <v>239.68172000000001</v>
      </c>
      <c r="O23" s="10">
        <v>0.75260753000000002</v>
      </c>
      <c r="P23" s="10">
        <v>252.02278000000001</v>
      </c>
      <c r="Q23" s="10"/>
      <c r="R23" s="10">
        <v>0.75966761999999999</v>
      </c>
      <c r="S23" s="10">
        <v>260.17012999999997</v>
      </c>
      <c r="T23" s="10"/>
      <c r="U23" s="10">
        <v>0.75656363999999998</v>
      </c>
      <c r="V23" s="10">
        <v>252.52009000000001</v>
      </c>
    </row>
    <row r="24" spans="2:22" x14ac:dyDescent="0.25">
      <c r="B24" s="10">
        <v>0.72444114999999998</v>
      </c>
      <c r="C24" s="10">
        <v>275.23164000000003</v>
      </c>
      <c r="D24" s="10"/>
      <c r="E24" s="10">
        <v>0.79818646000000004</v>
      </c>
      <c r="F24" s="10">
        <v>421.50456000000003</v>
      </c>
      <c r="G24" s="10"/>
      <c r="H24" s="10">
        <v>0.78776036000000005</v>
      </c>
      <c r="I24" s="10">
        <v>318.18428</v>
      </c>
      <c r="J24" s="10"/>
      <c r="K24" s="10">
        <v>0.77788051999999996</v>
      </c>
      <c r="L24" s="10">
        <v>279.26501999999999</v>
      </c>
      <c r="O24" s="10">
        <v>0.78388806</v>
      </c>
      <c r="P24" s="10">
        <v>295.43819999999999</v>
      </c>
      <c r="Q24" s="10"/>
      <c r="R24" s="10">
        <v>0.78782352</v>
      </c>
      <c r="S24" s="10">
        <v>305.46095000000003</v>
      </c>
      <c r="T24" s="10"/>
      <c r="U24" s="10">
        <v>0.78714941999999999</v>
      </c>
      <c r="V24" s="10">
        <v>296.69184000000001</v>
      </c>
    </row>
    <row r="25" spans="2:22" x14ac:dyDescent="0.25">
      <c r="B25" s="10">
        <v>0.77140105000000003</v>
      </c>
      <c r="C25" s="10">
        <v>344.65215000000001</v>
      </c>
      <c r="D25" s="10"/>
      <c r="E25" s="10">
        <v>0.80395970000000005</v>
      </c>
      <c r="F25" s="10">
        <v>485.46444000000002</v>
      </c>
      <c r="G25" s="10"/>
      <c r="H25" s="10">
        <v>0.79358269999999997</v>
      </c>
      <c r="I25" s="10">
        <v>369.00394999999997</v>
      </c>
      <c r="J25" s="10"/>
      <c r="K25" s="10">
        <v>0.78956545</v>
      </c>
      <c r="L25" s="10">
        <v>320.45350999999999</v>
      </c>
      <c r="O25" s="10">
        <v>0.79213621000000001</v>
      </c>
      <c r="P25" s="10">
        <v>340.69337000000002</v>
      </c>
      <c r="Q25" s="10"/>
      <c r="R25" s="10">
        <v>0.79468496</v>
      </c>
      <c r="S25" s="10">
        <v>352.91320000000002</v>
      </c>
      <c r="T25" s="10"/>
      <c r="U25" s="10">
        <v>0.79904023999999996</v>
      </c>
      <c r="V25" s="10">
        <v>342.31421999999998</v>
      </c>
    </row>
    <row r="26" spans="2:22" x14ac:dyDescent="0.25">
      <c r="B26" s="10">
        <v>0.78720657000000005</v>
      </c>
      <c r="C26" s="10">
        <v>412.91631000000001</v>
      </c>
      <c r="D26" s="10"/>
      <c r="E26" s="10">
        <v>0.81273483000000002</v>
      </c>
      <c r="F26" s="10">
        <v>547.56674999999996</v>
      </c>
      <c r="G26" s="10"/>
      <c r="H26" s="10">
        <v>0.79819642000000002</v>
      </c>
      <c r="I26" s="10">
        <v>419.70733000000001</v>
      </c>
      <c r="J26" s="10"/>
      <c r="K26" s="10">
        <v>0.79601144000000001</v>
      </c>
      <c r="L26" s="10">
        <v>361.87846999999999</v>
      </c>
      <c r="O26" s="10">
        <v>0.79594127000000003</v>
      </c>
      <c r="P26" s="10">
        <v>386.33821999999998</v>
      </c>
      <c r="Q26" s="10"/>
      <c r="R26" s="10">
        <v>0.79860518000000003</v>
      </c>
      <c r="S26" s="10">
        <v>400.30471999999997</v>
      </c>
      <c r="T26" s="10"/>
      <c r="U26" s="10">
        <v>0.80580514000000003</v>
      </c>
      <c r="V26" s="10">
        <v>387.80085000000003</v>
      </c>
    </row>
    <row r="27" spans="2:22" x14ac:dyDescent="0.25">
      <c r="B27" s="10">
        <v>0.79330491999999997</v>
      </c>
      <c r="C27" s="10">
        <v>485.12223</v>
      </c>
      <c r="D27" s="10"/>
      <c r="E27" s="10">
        <v>0.87178164999999996</v>
      </c>
      <c r="F27" s="10">
        <v>592.67420000000004</v>
      </c>
      <c r="G27" s="10"/>
      <c r="H27" s="10">
        <v>0.80284027000000002</v>
      </c>
      <c r="I27" s="10">
        <v>469.99106</v>
      </c>
      <c r="J27" s="10"/>
      <c r="K27" s="10">
        <v>0.79898731999999995</v>
      </c>
      <c r="L27" s="10">
        <v>403.10302000000001</v>
      </c>
      <c r="O27" s="10">
        <v>0.79956329000000004</v>
      </c>
      <c r="P27" s="10">
        <v>432.01261</v>
      </c>
      <c r="Q27" s="10"/>
      <c r="R27" s="10">
        <v>0.80327364000000001</v>
      </c>
      <c r="S27" s="10">
        <v>447.13639000000001</v>
      </c>
      <c r="T27" s="10"/>
      <c r="U27" s="10">
        <v>0.81189694000000001</v>
      </c>
      <c r="V27" s="10">
        <v>432.54396000000003</v>
      </c>
    </row>
    <row r="28" spans="2:22" x14ac:dyDescent="0.25">
      <c r="B28" s="10">
        <v>0.79767094999999999</v>
      </c>
      <c r="C28" s="10">
        <v>556.43901000000005</v>
      </c>
      <c r="D28" s="10"/>
      <c r="E28" s="10">
        <v>0.95631144999999995</v>
      </c>
      <c r="F28" s="10">
        <v>622.01522</v>
      </c>
      <c r="G28" s="10"/>
      <c r="H28" s="10">
        <v>0.80858964</v>
      </c>
      <c r="I28" s="10">
        <v>519.30875000000003</v>
      </c>
      <c r="J28" s="10"/>
      <c r="K28" s="10">
        <v>0.80179142000000003</v>
      </c>
      <c r="L28" s="10">
        <v>444.11342000000002</v>
      </c>
      <c r="O28" s="10">
        <v>0.80334667000000004</v>
      </c>
      <c r="P28" s="10">
        <v>477.25891999999999</v>
      </c>
      <c r="Q28" s="10"/>
      <c r="R28" s="10">
        <v>0.80804127000000003</v>
      </c>
      <c r="S28" s="10">
        <v>493.49635000000001</v>
      </c>
      <c r="T28" s="10"/>
      <c r="U28" s="10">
        <v>0.81937932000000002</v>
      </c>
      <c r="V28" s="10">
        <v>476.48444000000001</v>
      </c>
    </row>
    <row r="29" spans="2:22" x14ac:dyDescent="0.25">
      <c r="B29" s="10">
        <v>0.80550321000000003</v>
      </c>
      <c r="C29" s="10">
        <v>626.90580999999997</v>
      </c>
      <c r="D29" s="10"/>
      <c r="E29" s="10">
        <v>0.98468047000000003</v>
      </c>
      <c r="F29" s="10">
        <v>657.37728000000004</v>
      </c>
      <c r="G29" s="10"/>
      <c r="H29" s="10">
        <v>0.82937181999999998</v>
      </c>
      <c r="I29" s="10">
        <v>564.74782000000005</v>
      </c>
      <c r="J29" s="10"/>
      <c r="K29" s="10">
        <v>0.80659910999999995</v>
      </c>
      <c r="L29" s="10">
        <v>484.67122000000001</v>
      </c>
      <c r="O29" s="10">
        <v>0.80960235000000003</v>
      </c>
      <c r="P29" s="10">
        <v>521.90521999999999</v>
      </c>
      <c r="Q29" s="10"/>
      <c r="R29" s="10">
        <v>0.82373719000000001</v>
      </c>
      <c r="S29" s="10">
        <v>536.98976000000005</v>
      </c>
      <c r="T29" s="10"/>
      <c r="U29" s="10">
        <v>0.83081729999999998</v>
      </c>
      <c r="V29" s="10">
        <v>519.58815000000004</v>
      </c>
    </row>
    <row r="30" spans="2:22" x14ac:dyDescent="0.25">
      <c r="B30" s="10">
        <v>0.81588835999999998</v>
      </c>
      <c r="C30" s="10">
        <v>697.79825000000005</v>
      </c>
      <c r="D30" s="10"/>
      <c r="E30" s="10">
        <v>0.80718593999999999</v>
      </c>
      <c r="F30" s="10">
        <v>583.71579999999994</v>
      </c>
      <c r="G30" s="10"/>
      <c r="H30" s="10">
        <v>0.90657611000000005</v>
      </c>
      <c r="I30" s="10">
        <v>594.90477999999996</v>
      </c>
      <c r="J30" s="10"/>
      <c r="K30" s="10">
        <v>0.81349041</v>
      </c>
      <c r="L30" s="10">
        <v>523.77466000000004</v>
      </c>
      <c r="O30" s="10">
        <v>0.82634313000000004</v>
      </c>
      <c r="P30" s="10">
        <v>563.60135000000002</v>
      </c>
      <c r="Q30" s="10"/>
      <c r="R30" s="10">
        <v>0.89431505</v>
      </c>
      <c r="S30" s="10">
        <v>567.13878999999997</v>
      </c>
      <c r="T30" s="10"/>
      <c r="U30" s="10">
        <v>0.86935702999999998</v>
      </c>
      <c r="V30" s="10">
        <v>546.29344000000003</v>
      </c>
    </row>
    <row r="31" spans="2:22" x14ac:dyDescent="0.25">
      <c r="B31" s="10">
        <v>0.88960406000000003</v>
      </c>
      <c r="C31" s="10">
        <v>744.62233000000003</v>
      </c>
      <c r="D31" s="10"/>
      <c r="E31" s="10">
        <v>0.74294176000000001</v>
      </c>
      <c r="F31" s="10">
        <v>499.39506</v>
      </c>
      <c r="G31" s="10"/>
      <c r="H31" s="10">
        <v>0.96555155999999998</v>
      </c>
      <c r="I31" s="10">
        <v>617.82154000000003</v>
      </c>
      <c r="J31" s="10"/>
      <c r="K31" s="10">
        <v>0.84835596000000002</v>
      </c>
      <c r="L31" s="10">
        <v>557.43007999999998</v>
      </c>
      <c r="O31" s="10">
        <v>0.90359871000000003</v>
      </c>
      <c r="P31" s="10">
        <v>589.71241999999995</v>
      </c>
      <c r="Q31" s="10"/>
      <c r="R31" s="10">
        <v>0.95534353999999999</v>
      </c>
      <c r="S31" s="10">
        <v>588.45947999999999</v>
      </c>
      <c r="T31" s="10"/>
      <c r="U31" s="10">
        <v>0.93397741000000001</v>
      </c>
      <c r="V31" s="10">
        <v>567.08568000000002</v>
      </c>
    </row>
    <row r="32" spans="2:22" x14ac:dyDescent="0.25">
      <c r="B32" s="10">
        <v>0.96839934000000005</v>
      </c>
      <c r="C32" s="10">
        <v>780.17846999999995</v>
      </c>
      <c r="D32" s="10"/>
      <c r="E32" s="10">
        <v>0.73412012999999998</v>
      </c>
      <c r="F32" s="10">
        <v>406.91739999999999</v>
      </c>
      <c r="G32" s="10"/>
      <c r="H32" s="10">
        <v>0.98857554999999997</v>
      </c>
      <c r="I32" s="10">
        <v>646.90107999999998</v>
      </c>
      <c r="J32" s="10"/>
      <c r="K32" s="10">
        <v>0.90684129000000002</v>
      </c>
      <c r="L32" s="10">
        <v>577.22828000000004</v>
      </c>
      <c r="O32" s="10">
        <v>0.95913185000000001</v>
      </c>
      <c r="P32" s="10">
        <v>610.87265000000002</v>
      </c>
      <c r="Q32" s="10"/>
      <c r="R32" s="10">
        <v>0.98361799000000005</v>
      </c>
      <c r="S32" s="10">
        <v>614.68418999999994</v>
      </c>
      <c r="T32" s="10"/>
      <c r="U32" s="10">
        <v>0.98618702999999996</v>
      </c>
      <c r="V32" s="10">
        <v>589.10281999999995</v>
      </c>
    </row>
    <row r="33" spans="2:22" x14ac:dyDescent="0.25">
      <c r="B33" s="10">
        <v>0.98675321999999999</v>
      </c>
      <c r="C33" s="10">
        <v>824.63823000000002</v>
      </c>
      <c r="D33" s="10"/>
      <c r="E33" s="10">
        <v>0.72508041000000001</v>
      </c>
      <c r="F33" s="10">
        <v>315.59980999999999</v>
      </c>
      <c r="G33" s="10"/>
      <c r="H33" s="10">
        <v>0.98857554999999997</v>
      </c>
      <c r="I33" s="10">
        <v>646.90107999999998</v>
      </c>
      <c r="J33" s="10"/>
      <c r="K33" s="10">
        <v>0.95965931999999998</v>
      </c>
      <c r="L33" s="10">
        <v>597.98982999999998</v>
      </c>
      <c r="O33" s="10">
        <v>0.98154306000000002</v>
      </c>
      <c r="P33" s="10">
        <v>636.07024000000001</v>
      </c>
      <c r="Q33" s="10"/>
      <c r="R33" s="10">
        <v>0.98361799000000005</v>
      </c>
      <c r="S33" s="10">
        <v>614.68418999999994</v>
      </c>
      <c r="T33" s="10"/>
      <c r="U33" s="10">
        <v>0.98618702999999996</v>
      </c>
      <c r="V33" s="10">
        <v>589.10281999999995</v>
      </c>
    </row>
    <row r="34" spans="2:22" x14ac:dyDescent="0.25">
      <c r="B34" s="10">
        <v>0.99273073000000001</v>
      </c>
      <c r="C34" s="10">
        <v>870.37004000000002</v>
      </c>
      <c r="D34" s="10"/>
      <c r="E34" s="10">
        <v>0.69941969999999998</v>
      </c>
      <c r="F34" s="10">
        <v>230.76685000000001</v>
      </c>
      <c r="G34" s="10"/>
      <c r="H34" s="10">
        <v>0.95489623999999995</v>
      </c>
      <c r="I34" s="10">
        <v>619.25458000000003</v>
      </c>
      <c r="J34" s="10"/>
      <c r="K34" s="10">
        <v>0.98229781000000005</v>
      </c>
      <c r="L34" s="10">
        <v>621.69712000000004</v>
      </c>
      <c r="O34" s="10">
        <v>0.98154306000000002</v>
      </c>
      <c r="P34" s="10">
        <v>636.07024000000001</v>
      </c>
      <c r="Q34" s="10"/>
      <c r="R34" s="10">
        <v>0.94359784000000002</v>
      </c>
      <c r="S34" s="10">
        <v>589.83793000000003</v>
      </c>
      <c r="T34" s="10"/>
      <c r="U34" s="10">
        <v>0.92541728999999995</v>
      </c>
      <c r="V34" s="10">
        <v>569.07542999999998</v>
      </c>
    </row>
    <row r="35" spans="2:22" x14ac:dyDescent="0.25">
      <c r="B35" s="10">
        <v>0.99273073000000001</v>
      </c>
      <c r="C35" s="10">
        <v>870.37004000000002</v>
      </c>
      <c r="D35" s="10"/>
      <c r="E35" s="10">
        <v>0.58367294000000003</v>
      </c>
      <c r="F35" s="10">
        <v>177.24829</v>
      </c>
      <c r="G35" s="10"/>
      <c r="H35" s="10">
        <v>0.88888948000000001</v>
      </c>
      <c r="I35" s="10">
        <v>599.15498000000002</v>
      </c>
      <c r="J35" s="10"/>
      <c r="K35" s="10">
        <v>0.98905262999999999</v>
      </c>
      <c r="L35" s="10">
        <v>645.81395999999995</v>
      </c>
      <c r="O35" s="10">
        <v>0.94634651999999997</v>
      </c>
      <c r="P35" s="10">
        <v>611.12991999999997</v>
      </c>
      <c r="Q35" s="10"/>
      <c r="R35" s="10">
        <v>0.87518547000000002</v>
      </c>
      <c r="S35" s="10">
        <v>571.12855999999999</v>
      </c>
      <c r="T35" s="10"/>
      <c r="U35" s="10">
        <v>0.85352048000000003</v>
      </c>
      <c r="V35" s="10">
        <v>551.46937000000003</v>
      </c>
    </row>
    <row r="36" spans="2:22" x14ac:dyDescent="0.25">
      <c r="B36" s="10">
        <v>0.94799049999999996</v>
      </c>
      <c r="C36" s="10">
        <v>775.43701999999996</v>
      </c>
      <c r="D36" s="10"/>
      <c r="E36" s="10">
        <v>0.44463635000000001</v>
      </c>
      <c r="F36" s="10">
        <v>148.35307</v>
      </c>
      <c r="G36" s="10"/>
      <c r="H36" s="10">
        <v>0.82290711000000005</v>
      </c>
      <c r="I36" s="10">
        <v>579.22676000000001</v>
      </c>
      <c r="J36" s="10"/>
      <c r="K36" s="10">
        <v>0.98905262999999999</v>
      </c>
      <c r="L36" s="10">
        <v>645.81395999999995</v>
      </c>
      <c r="O36" s="10">
        <v>0.88301521000000005</v>
      </c>
      <c r="P36" s="10">
        <v>592.21113000000003</v>
      </c>
      <c r="Q36" s="10"/>
      <c r="R36" s="10">
        <v>0.80832694999999999</v>
      </c>
      <c r="S36" s="10">
        <v>552.10287000000005</v>
      </c>
      <c r="T36" s="10"/>
      <c r="U36" s="10">
        <v>0.79206982999999997</v>
      </c>
      <c r="V36" s="10">
        <v>531.51041999999995</v>
      </c>
    </row>
    <row r="37" spans="2:22" x14ac:dyDescent="0.25">
      <c r="B37" s="10">
        <v>0.79698614000000001</v>
      </c>
      <c r="C37" s="10">
        <v>715.19970000000001</v>
      </c>
      <c r="D37" s="10"/>
      <c r="E37" s="10">
        <v>0.33018887000000002</v>
      </c>
      <c r="F37" s="10">
        <v>128.10087999999999</v>
      </c>
      <c r="G37" s="10"/>
      <c r="H37" s="10">
        <v>0.77280028999999995</v>
      </c>
      <c r="I37" s="10">
        <v>555.40529000000004</v>
      </c>
      <c r="J37" s="10"/>
      <c r="K37" s="10">
        <v>0.97290359999999998</v>
      </c>
      <c r="L37" s="10">
        <v>619.73269000000005</v>
      </c>
      <c r="O37" s="10">
        <v>0.81665887999999998</v>
      </c>
      <c r="P37" s="10">
        <v>574.44248000000005</v>
      </c>
      <c r="Q37" s="10"/>
      <c r="R37" s="10">
        <v>0.76404585000000003</v>
      </c>
      <c r="S37" s="10">
        <v>528.20605999999998</v>
      </c>
      <c r="T37" s="10"/>
      <c r="U37" s="10">
        <v>0.76756217000000004</v>
      </c>
      <c r="V37" s="10">
        <v>503.62867</v>
      </c>
    </row>
    <row r="38" spans="2:22" x14ac:dyDescent="0.25">
      <c r="B38" s="10">
        <v>0.75369271999999998</v>
      </c>
      <c r="C38" s="10">
        <v>623.33291999999994</v>
      </c>
      <c r="D38" s="10"/>
      <c r="E38" s="10">
        <v>0.24595014000000001</v>
      </c>
      <c r="F38" s="10">
        <v>115.59005000000001</v>
      </c>
      <c r="G38" s="10"/>
      <c r="H38" s="10">
        <v>0.75528083000000001</v>
      </c>
      <c r="I38" s="10">
        <v>523.95809999999994</v>
      </c>
      <c r="J38" s="10"/>
      <c r="K38" s="10">
        <v>0.93679614</v>
      </c>
      <c r="L38" s="10">
        <v>597.12873999999999</v>
      </c>
      <c r="O38" s="10">
        <v>0.76487397999999995</v>
      </c>
      <c r="P38" s="10">
        <v>553.10308999999995</v>
      </c>
      <c r="Q38" s="10"/>
      <c r="R38" s="10">
        <v>0.74898514000000005</v>
      </c>
      <c r="S38" s="10">
        <v>497.89035000000001</v>
      </c>
      <c r="T38" s="10"/>
      <c r="U38" s="10">
        <v>0.75874268</v>
      </c>
      <c r="V38" s="10">
        <v>472.28352000000001</v>
      </c>
    </row>
    <row r="39" spans="2:22" x14ac:dyDescent="0.25">
      <c r="B39" s="10">
        <v>0.74408169999999996</v>
      </c>
      <c r="C39" s="10">
        <v>521.00414000000001</v>
      </c>
      <c r="D39" s="10"/>
      <c r="E39" s="10">
        <v>0.18742458000000001</v>
      </c>
      <c r="F39" s="10">
        <v>106.69421</v>
      </c>
      <c r="G39" s="10"/>
      <c r="H39" s="10">
        <v>0.74795816999999998</v>
      </c>
      <c r="I39" s="10">
        <v>490.01841000000002</v>
      </c>
      <c r="J39" s="10"/>
      <c r="K39" s="10">
        <v>0.87686717000000003</v>
      </c>
      <c r="L39" s="10">
        <v>579.08142999999995</v>
      </c>
      <c r="O39" s="10">
        <v>0.74845759000000001</v>
      </c>
      <c r="P39" s="10">
        <v>523.93931999999995</v>
      </c>
      <c r="Q39" s="10"/>
      <c r="R39" s="10">
        <v>0.74252311999999998</v>
      </c>
      <c r="S39" s="10">
        <v>465.72487999999998</v>
      </c>
      <c r="T39" s="10"/>
      <c r="U39" s="10">
        <v>0.75514619000000005</v>
      </c>
      <c r="V39" s="10">
        <v>439.84955000000002</v>
      </c>
    </row>
    <row r="40" spans="2:22" x14ac:dyDescent="0.25">
      <c r="B40" s="10">
        <v>0.73950475000000004</v>
      </c>
      <c r="C40" s="10">
        <v>446.87331</v>
      </c>
      <c r="D40" s="10"/>
      <c r="E40" s="10">
        <v>0.14701231000000001</v>
      </c>
      <c r="F40" s="10">
        <v>100.26421000000001</v>
      </c>
      <c r="G40" s="10"/>
      <c r="H40" s="10">
        <v>0.74432518999999997</v>
      </c>
      <c r="I40" s="10">
        <v>455.21606000000003</v>
      </c>
      <c r="J40" s="10"/>
      <c r="K40" s="10">
        <v>0.81693388</v>
      </c>
      <c r="L40" s="10">
        <v>560.93768</v>
      </c>
      <c r="O40" s="10">
        <v>0.74240150999999999</v>
      </c>
      <c r="P40" s="10">
        <v>492.54557</v>
      </c>
      <c r="Q40" s="10"/>
      <c r="R40" s="10">
        <v>0.73903129999999995</v>
      </c>
      <c r="S40" s="10">
        <v>432.89785000000001</v>
      </c>
      <c r="T40" s="10"/>
      <c r="U40" s="10">
        <v>0.75180952999999995</v>
      </c>
      <c r="V40" s="10">
        <v>407.32019000000003</v>
      </c>
    </row>
    <row r="41" spans="2:22" x14ac:dyDescent="0.25">
      <c r="B41" s="10">
        <v>0.73442081000000003</v>
      </c>
      <c r="C41" s="10">
        <v>374.35003</v>
      </c>
      <c r="D41" s="10"/>
      <c r="E41" s="10">
        <v>0.11989882</v>
      </c>
      <c r="F41" s="10">
        <v>95.481430000000003</v>
      </c>
      <c r="G41" s="10"/>
      <c r="H41" s="10">
        <v>0.74117111000000002</v>
      </c>
      <c r="I41" s="10">
        <v>420.33983999999998</v>
      </c>
      <c r="J41" s="10"/>
      <c r="K41" s="10">
        <v>0.77290859999999995</v>
      </c>
      <c r="L41" s="10">
        <v>539.96429999999998</v>
      </c>
      <c r="O41" s="10">
        <v>0.73942282999999998</v>
      </c>
      <c r="P41" s="10">
        <v>460.63704999999999</v>
      </c>
      <c r="Q41" s="10"/>
      <c r="R41" s="10">
        <v>0.73529303999999995</v>
      </c>
      <c r="S41" s="10">
        <v>400.08461</v>
      </c>
      <c r="T41" s="10"/>
      <c r="U41" s="10">
        <v>0.74851504000000002</v>
      </c>
      <c r="V41" s="10">
        <v>374.73811000000001</v>
      </c>
    </row>
    <row r="42" spans="2:22" x14ac:dyDescent="0.25">
      <c r="B42" s="10">
        <v>0.72541931000000004</v>
      </c>
      <c r="C42" s="10">
        <v>302.95202</v>
      </c>
      <c r="D42" s="10"/>
      <c r="E42" s="10">
        <v>0.10057985999999999</v>
      </c>
      <c r="F42" s="10">
        <v>91.801879999999997</v>
      </c>
      <c r="G42" s="10"/>
      <c r="H42" s="10">
        <v>0.73523896</v>
      </c>
      <c r="I42" s="10">
        <v>350.32535000000001</v>
      </c>
      <c r="J42" s="10"/>
      <c r="K42" s="10">
        <v>0.75537544999999995</v>
      </c>
      <c r="L42" s="10">
        <v>514.05835999999999</v>
      </c>
      <c r="O42" s="10">
        <v>0.73552145999999996</v>
      </c>
      <c r="P42" s="10">
        <v>428.50993</v>
      </c>
      <c r="Q42" s="10"/>
      <c r="R42" s="10">
        <v>0.73191552000000004</v>
      </c>
      <c r="S42" s="10">
        <v>367.19907000000001</v>
      </c>
      <c r="T42" s="10"/>
      <c r="U42" s="10">
        <v>0.74628143999999996</v>
      </c>
      <c r="V42" s="10">
        <v>341.87747000000002</v>
      </c>
    </row>
    <row r="43" spans="2:22" x14ac:dyDescent="0.25">
      <c r="B43" s="10">
        <v>0.67595432</v>
      </c>
      <c r="C43" s="10">
        <v>254.38102000000001</v>
      </c>
      <c r="D43" s="10"/>
      <c r="E43" s="10">
        <v>8.7167330000000001E-2</v>
      </c>
      <c r="F43" s="10">
        <v>89.017080000000007</v>
      </c>
      <c r="G43" s="10"/>
      <c r="H43" s="10">
        <v>0.72559556999999997</v>
      </c>
      <c r="I43" s="10">
        <v>281.78721000000002</v>
      </c>
      <c r="J43" s="10"/>
      <c r="K43" s="10">
        <v>0.74715412000000003</v>
      </c>
      <c r="L43" s="10">
        <v>486.39132000000001</v>
      </c>
      <c r="O43" s="10">
        <v>0.73330633999999995</v>
      </c>
      <c r="P43" s="10">
        <v>396.24200000000002</v>
      </c>
      <c r="Q43" s="10"/>
      <c r="R43" s="10">
        <v>0.72484804000000003</v>
      </c>
      <c r="S43" s="10">
        <v>301.59499</v>
      </c>
      <c r="T43" s="10"/>
      <c r="U43" s="10">
        <v>0.74295365000000002</v>
      </c>
      <c r="V43" s="10">
        <v>309.25018</v>
      </c>
    </row>
    <row r="44" spans="2:22" x14ac:dyDescent="0.25">
      <c r="B44" s="10">
        <v>0.56821348999999999</v>
      </c>
      <c r="C44" s="10">
        <v>211.80667</v>
      </c>
      <c r="D44" s="10"/>
      <c r="E44" s="10">
        <v>0.11933952142152024</v>
      </c>
      <c r="F44" s="10">
        <v>72.453140000000005</v>
      </c>
      <c r="G44" s="10"/>
      <c r="H44" s="10">
        <v>0.69046551</v>
      </c>
      <c r="I44" s="10">
        <v>220.07413</v>
      </c>
      <c r="J44" s="10"/>
      <c r="K44" s="10">
        <v>0.74311786000000002</v>
      </c>
      <c r="L44" s="10">
        <v>458.02332999999999</v>
      </c>
      <c r="O44" s="10">
        <v>0.73028674000000005</v>
      </c>
      <c r="P44" s="10">
        <v>364.13861000000003</v>
      </c>
      <c r="Q44" s="10"/>
      <c r="R44" s="10">
        <v>0.70648321000000003</v>
      </c>
      <c r="S44" s="10">
        <v>239.11973</v>
      </c>
      <c r="T44" s="10"/>
      <c r="U44" s="10">
        <v>0.73691523999999997</v>
      </c>
      <c r="V44" s="10">
        <v>277.25876</v>
      </c>
    </row>
    <row r="45" spans="2:22" x14ac:dyDescent="0.25">
      <c r="B45" s="10">
        <v>0.44162404999999999</v>
      </c>
      <c r="C45" s="10">
        <v>181.63215</v>
      </c>
      <c r="D45" s="10"/>
      <c r="E45" s="10">
        <v>9.4415195261599208E-2</v>
      </c>
      <c r="F45" s="10">
        <v>67.746189999999999</v>
      </c>
      <c r="G45" s="10"/>
      <c r="H45" s="10">
        <v>0.59444169999999996</v>
      </c>
      <c r="I45" s="10">
        <v>177.54113000000001</v>
      </c>
      <c r="J45" s="10"/>
      <c r="K45" s="10">
        <v>0.74083929999999998</v>
      </c>
      <c r="L45" s="10">
        <v>429.50175999999999</v>
      </c>
      <c r="O45" s="10">
        <v>0.72831396999999998</v>
      </c>
      <c r="P45" s="10">
        <v>331.84687000000002</v>
      </c>
      <c r="Q45" s="10"/>
      <c r="R45" s="10">
        <v>0.62393206000000001</v>
      </c>
      <c r="S45" s="10">
        <v>192.40776</v>
      </c>
      <c r="T45" s="10"/>
      <c r="U45" s="10">
        <v>0.72638475999999996</v>
      </c>
      <c r="V45" s="10">
        <v>246.24454</v>
      </c>
    </row>
    <row r="46" spans="2:22" x14ac:dyDescent="0.25">
      <c r="B46" s="10">
        <v>0.32223790000000002</v>
      </c>
      <c r="C46" s="10">
        <v>156.94936999999999</v>
      </c>
      <c r="D46" s="10"/>
      <c r="E46" s="10"/>
      <c r="F46" s="10"/>
      <c r="G46" s="10"/>
      <c r="H46" s="10">
        <v>0.47012952000000002</v>
      </c>
      <c r="I46" s="10">
        <v>153.05051</v>
      </c>
      <c r="J46" s="10"/>
      <c r="K46" s="10">
        <v>0.73976293999999998</v>
      </c>
      <c r="L46" s="10">
        <v>400.78897999999998</v>
      </c>
      <c r="O46" s="10">
        <v>0.72437755999999998</v>
      </c>
      <c r="P46" s="10">
        <v>299.97471999999999</v>
      </c>
      <c r="Q46" s="10"/>
      <c r="R46" s="10">
        <v>0.51393622999999999</v>
      </c>
      <c r="S46" s="10">
        <v>161.25273000000001</v>
      </c>
      <c r="T46" s="10"/>
      <c r="U46" s="10">
        <v>0.65170653999999995</v>
      </c>
      <c r="V46" s="10">
        <v>196.33537999999999</v>
      </c>
    </row>
    <row r="47" spans="2:22" x14ac:dyDescent="0.25">
      <c r="B47" s="10">
        <v>0.23411851</v>
      </c>
      <c r="C47" s="10">
        <v>140.12183999999999</v>
      </c>
      <c r="D47" s="10"/>
      <c r="E47" s="10"/>
      <c r="F47" s="10"/>
      <c r="G47" s="10"/>
      <c r="H47" s="10">
        <v>0.36112424999999998</v>
      </c>
      <c r="I47" s="10">
        <v>133.7047</v>
      </c>
      <c r="J47" s="10"/>
      <c r="K47" s="10">
        <v>0.73710721999999995</v>
      </c>
      <c r="L47" s="10">
        <v>372.12416000000002</v>
      </c>
      <c r="O47" s="10">
        <v>0.70801831999999998</v>
      </c>
      <c r="P47" s="10">
        <v>238.25864000000001</v>
      </c>
      <c r="Q47" s="10"/>
      <c r="R47" s="10">
        <v>0.40263436000000002</v>
      </c>
      <c r="S47" s="10">
        <v>140.07247000000001</v>
      </c>
      <c r="T47" s="10"/>
      <c r="U47" s="10">
        <v>0.54943160999999996</v>
      </c>
      <c r="V47" s="10">
        <v>163.64087000000001</v>
      </c>
    </row>
    <row r="48" spans="2:22" x14ac:dyDescent="0.25">
      <c r="B48" s="10">
        <v>0.17146713999999999</v>
      </c>
      <c r="C48" s="10">
        <v>127.26738</v>
      </c>
      <c r="D48" s="10"/>
      <c r="E48" s="10"/>
      <c r="F48" s="10"/>
      <c r="G48" s="10"/>
      <c r="H48" s="10">
        <v>0.27631868999999998</v>
      </c>
      <c r="I48" s="10">
        <v>121.19014</v>
      </c>
      <c r="J48" s="10"/>
      <c r="K48" s="10">
        <v>0.73549834000000003</v>
      </c>
      <c r="L48" s="10">
        <v>343.47478999999998</v>
      </c>
      <c r="O48" s="10">
        <v>0.62751422000000001</v>
      </c>
      <c r="P48" s="10">
        <v>192.50482</v>
      </c>
      <c r="Q48" s="10"/>
      <c r="R48" s="10">
        <v>0.30882959999999998</v>
      </c>
      <c r="S48" s="10">
        <v>125.38373</v>
      </c>
      <c r="T48" s="10"/>
      <c r="U48" s="10">
        <v>0.430504</v>
      </c>
      <c r="V48" s="10">
        <v>140.6728</v>
      </c>
    </row>
    <row r="49" spans="2:22" x14ac:dyDescent="0.25">
      <c r="B49" s="10">
        <v>0.12821883000000001</v>
      </c>
      <c r="C49" s="10">
        <v>118.39394</v>
      </c>
      <c r="D49" s="10"/>
      <c r="E49" s="10"/>
      <c r="F49" s="10"/>
      <c r="G49" s="10"/>
      <c r="H49" s="10">
        <v>0.21476161999999999</v>
      </c>
      <c r="I49" s="10">
        <v>112.1063</v>
      </c>
      <c r="J49" s="10"/>
      <c r="K49" s="10">
        <v>0.72928267999999996</v>
      </c>
      <c r="L49" s="10">
        <v>286.55018999999999</v>
      </c>
      <c r="O49" s="10">
        <v>0.5181616</v>
      </c>
      <c r="P49" s="10">
        <v>163.20142999999999</v>
      </c>
      <c r="Q49" s="10"/>
      <c r="R49" s="10">
        <v>0.23850199999999999</v>
      </c>
      <c r="S49" s="10">
        <v>114.84056</v>
      </c>
      <c r="T49" s="10"/>
      <c r="U49" s="10">
        <v>0.32925114999999999</v>
      </c>
      <c r="V49" s="10">
        <v>123.85227999999999</v>
      </c>
    </row>
    <row r="50" spans="2:22" x14ac:dyDescent="0.25">
      <c r="B50" s="10">
        <v>9.8212610000000006E-2</v>
      </c>
      <c r="C50" s="10">
        <v>111.00476</v>
      </c>
      <c r="D50" s="10"/>
      <c r="E50" s="10"/>
      <c r="F50" s="10"/>
      <c r="G50" s="10"/>
      <c r="H50" s="10">
        <v>0.17061548000000001</v>
      </c>
      <c r="I50" s="10">
        <v>104.93129999999999</v>
      </c>
      <c r="J50" s="10"/>
      <c r="K50" s="10">
        <v>0.71106486000000002</v>
      </c>
      <c r="L50" s="10">
        <v>232.15824000000001</v>
      </c>
      <c r="O50" s="10">
        <v>0.40989523</v>
      </c>
      <c r="P50" s="10">
        <v>142.91317000000001</v>
      </c>
      <c r="Q50" s="10"/>
      <c r="R50" s="10">
        <v>0.18841492000000001</v>
      </c>
      <c r="S50" s="10">
        <v>107.33174</v>
      </c>
      <c r="T50" s="10"/>
      <c r="U50" s="10">
        <v>0.25307370000000001</v>
      </c>
      <c r="V50" s="10">
        <v>112.46598</v>
      </c>
    </row>
    <row r="51" spans="2:22" x14ac:dyDescent="0.25">
      <c r="B51" s="10"/>
      <c r="C51" s="10"/>
      <c r="D51" s="10"/>
      <c r="E51" s="10"/>
      <c r="F51" s="10"/>
      <c r="G51" s="10"/>
      <c r="H51" s="10">
        <v>0.13940923999999999</v>
      </c>
      <c r="I51" s="10">
        <v>99.327200000000005</v>
      </c>
      <c r="J51" s="10"/>
      <c r="K51" s="10">
        <v>0.63502334999999999</v>
      </c>
      <c r="L51" s="10">
        <v>189.95011</v>
      </c>
      <c r="O51" s="10">
        <v>0.31764181000000002</v>
      </c>
      <c r="P51" s="10">
        <v>127.31134</v>
      </c>
      <c r="Q51" s="10"/>
      <c r="R51" s="10">
        <v>0.15252336999999999</v>
      </c>
      <c r="S51" s="10">
        <v>100.86476</v>
      </c>
      <c r="T51" s="10"/>
      <c r="U51" s="10">
        <v>0.19852326000000001</v>
      </c>
      <c r="V51" s="10">
        <v>104.31229</v>
      </c>
    </row>
    <row r="52" spans="2:22" x14ac:dyDescent="0.25">
      <c r="O52" s="10">
        <v>0.24791754999999999</v>
      </c>
      <c r="P52" s="10">
        <v>116.57062000000001</v>
      </c>
      <c r="Q52" s="10"/>
      <c r="R52" s="10">
        <v>0.12700553000000001</v>
      </c>
      <c r="S52" s="10">
        <v>95.752020000000002</v>
      </c>
      <c r="T52" s="10"/>
      <c r="U52" s="10">
        <v>0.15972225000000001</v>
      </c>
      <c r="V52" s="10">
        <v>97.644090000000006</v>
      </c>
    </row>
    <row r="53" spans="2:22" x14ac:dyDescent="0.25">
      <c r="O53" s="10">
        <v>0.19669817000000001</v>
      </c>
      <c r="P53" s="10">
        <v>108.68049999999999</v>
      </c>
      <c r="Q53" s="10"/>
      <c r="R53" s="10">
        <v>0.10838436</v>
      </c>
      <c r="S53" s="10">
        <v>92.121399999999994</v>
      </c>
      <c r="T53" s="10"/>
      <c r="U53" s="10">
        <v>0.13197660999999999</v>
      </c>
      <c r="V53" s="10">
        <v>92.305509999999998</v>
      </c>
    </row>
    <row r="54" spans="2:22" x14ac:dyDescent="0.25">
      <c r="O54" s="10">
        <v>0.15942503999999999</v>
      </c>
      <c r="P54" s="10">
        <v>102.68172</v>
      </c>
      <c r="Q54" s="10"/>
      <c r="R54" s="10">
        <v>9.4867720000000003E-2</v>
      </c>
      <c r="S54" s="10">
        <v>89.258340000000004</v>
      </c>
      <c r="T54" s="10"/>
      <c r="U54" s="10">
        <v>0.11209084</v>
      </c>
      <c r="V54" s="10">
        <v>88.642039999999994</v>
      </c>
    </row>
    <row r="55" spans="2:22" x14ac:dyDescent="0.25">
      <c r="O55" s="10">
        <v>0.13265621</v>
      </c>
      <c r="P55" s="10">
        <v>97.1083</v>
      </c>
      <c r="Q55" s="10"/>
      <c r="R55" s="10"/>
      <c r="S55" s="10"/>
      <c r="T55" s="10"/>
      <c r="U55" s="10">
        <v>9.7559030000000005E-2</v>
      </c>
      <c r="V55" s="10">
        <v>85.683179999999993</v>
      </c>
    </row>
    <row r="56" spans="2:22" x14ac:dyDescent="0.25">
      <c r="O56" s="10">
        <v>0.11313606</v>
      </c>
      <c r="P56" s="10">
        <v>93.139780000000002</v>
      </c>
      <c r="Q56" s="10"/>
      <c r="R56" s="10"/>
      <c r="S56" s="10"/>
      <c r="T56" s="10"/>
      <c r="U56" s="10"/>
      <c r="V56" s="10"/>
    </row>
    <row r="57" spans="2:22" x14ac:dyDescent="0.25">
      <c r="O57" s="10">
        <v>9.8898059999999996E-2</v>
      </c>
      <c r="P57" s="10">
        <v>90.218040000000002</v>
      </c>
      <c r="Q57" s="10"/>
      <c r="R57" s="10"/>
      <c r="S57" s="10"/>
      <c r="T57" s="10"/>
      <c r="U57" s="10"/>
      <c r="V57" s="10"/>
    </row>
    <row r="58" spans="2:22" x14ac:dyDescent="0.25">
      <c r="O58" s="10">
        <v>8.7887530000000005E-2</v>
      </c>
      <c r="P58" s="10">
        <v>87.787210000000002</v>
      </c>
      <c r="Q58" s="10"/>
      <c r="R58" s="10"/>
      <c r="S58" s="10"/>
      <c r="T58" s="10"/>
      <c r="U58" s="10"/>
      <c r="V58" s="10"/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3C7233-DEDA-4CE2-8E07-91EF24F5A86C}">
  <dimension ref="A5:L54"/>
  <sheetViews>
    <sheetView workbookViewId="0">
      <selection activeCell="I50" sqref="A5:I50"/>
    </sheetView>
  </sheetViews>
  <sheetFormatPr defaultRowHeight="15" x14ac:dyDescent="0.25"/>
  <cols>
    <col min="2" max="2" width="9.140625" bestFit="1" customWidth="1"/>
    <col min="3" max="3" width="11.140625" bestFit="1" customWidth="1"/>
    <col min="5" max="5" width="9.140625" bestFit="1" customWidth="1"/>
    <col min="6" max="6" width="11.140625" bestFit="1" customWidth="1"/>
    <col min="8" max="8" width="9.140625" bestFit="1" customWidth="1"/>
    <col min="9" max="9" width="11.140625" bestFit="1" customWidth="1"/>
    <col min="11" max="11" width="9.140625" bestFit="1" customWidth="1"/>
    <col min="12" max="12" width="11.140625" bestFit="1" customWidth="1"/>
  </cols>
  <sheetData>
    <row r="5" spans="1:12" x14ac:dyDescent="0.25">
      <c r="A5" s="11" t="s">
        <v>8</v>
      </c>
    </row>
    <row r="6" spans="1:12" x14ac:dyDescent="0.25">
      <c r="A6" s="11" t="s">
        <v>9</v>
      </c>
      <c r="B6" s="37" t="s">
        <v>7</v>
      </c>
    </row>
    <row r="7" spans="1:12" x14ac:dyDescent="0.25">
      <c r="B7" s="7" t="s">
        <v>15</v>
      </c>
      <c r="C7" s="11"/>
      <c r="D7" s="11"/>
      <c r="E7" s="11" t="s">
        <v>16</v>
      </c>
      <c r="F7" s="11">
        <v>380</v>
      </c>
      <c r="G7" s="11"/>
      <c r="H7" s="11" t="s">
        <v>17</v>
      </c>
      <c r="I7" s="11">
        <v>367</v>
      </c>
      <c r="J7" s="11"/>
      <c r="K7" s="11"/>
      <c r="L7" s="11"/>
    </row>
    <row r="8" spans="1:12" x14ac:dyDescent="0.25">
      <c r="B8" s="11" t="s">
        <v>1</v>
      </c>
      <c r="C8" s="11" t="s">
        <v>2</v>
      </c>
      <c r="D8" s="11"/>
      <c r="E8" s="11" t="s">
        <v>1</v>
      </c>
      <c r="F8" s="11" t="s">
        <v>2</v>
      </c>
      <c r="G8" s="11"/>
      <c r="H8" s="11" t="s">
        <v>1</v>
      </c>
      <c r="I8" s="11" t="s">
        <v>2</v>
      </c>
      <c r="J8" s="11"/>
      <c r="K8" s="11"/>
      <c r="L8" s="11"/>
    </row>
    <row r="9" spans="1:12" x14ac:dyDescent="0.25">
      <c r="B9" s="10">
        <v>3.0871700000000002E-3</v>
      </c>
      <c r="C9" s="10">
        <v>46.093559999999997</v>
      </c>
      <c r="D9" s="10"/>
      <c r="E9" s="10">
        <v>3.35703E-3</v>
      </c>
      <c r="F9" s="10">
        <v>46.88767</v>
      </c>
      <c r="G9" s="10"/>
      <c r="H9" s="10">
        <v>4.7436400000000004E-3</v>
      </c>
      <c r="I9" s="10">
        <v>45.986289999999997</v>
      </c>
      <c r="J9" s="10"/>
      <c r="K9" s="10"/>
      <c r="L9" s="10"/>
    </row>
    <row r="10" spans="1:12" x14ac:dyDescent="0.25">
      <c r="B10" s="10">
        <v>5.5755310000000002E-2</v>
      </c>
      <c r="C10" s="10">
        <v>81.097099999999998</v>
      </c>
      <c r="D10" s="10"/>
      <c r="E10" s="10">
        <v>5.9863649999999997E-2</v>
      </c>
      <c r="F10" s="10">
        <v>82.21181</v>
      </c>
      <c r="G10" s="10"/>
      <c r="H10" s="10">
        <v>6.6830619999999993E-2</v>
      </c>
      <c r="I10" s="10">
        <v>79.770679999999999</v>
      </c>
      <c r="J10" s="10"/>
      <c r="K10" s="10"/>
      <c r="L10" s="10"/>
    </row>
    <row r="11" spans="1:12" x14ac:dyDescent="0.25">
      <c r="B11" s="10">
        <v>0.16417055</v>
      </c>
      <c r="C11" s="10">
        <v>103.66976</v>
      </c>
      <c r="D11" s="10"/>
      <c r="E11" s="10">
        <v>0.17366124999999999</v>
      </c>
      <c r="F11" s="10">
        <v>105.11994</v>
      </c>
      <c r="G11" s="10"/>
      <c r="H11" s="10">
        <v>0.17994977000000001</v>
      </c>
      <c r="I11" s="10">
        <v>101.5361</v>
      </c>
      <c r="J11" s="10"/>
      <c r="K11" s="10"/>
      <c r="L11" s="10"/>
    </row>
    <row r="12" spans="1:12" x14ac:dyDescent="0.25">
      <c r="B12" s="10">
        <v>0.36819393</v>
      </c>
      <c r="C12" s="10">
        <v>135.09868</v>
      </c>
      <c r="D12" s="10"/>
      <c r="E12" s="10">
        <v>0.38713247000000001</v>
      </c>
      <c r="F12" s="10">
        <v>137.12253000000001</v>
      </c>
      <c r="G12" s="10"/>
      <c r="H12" s="10">
        <v>0.39187947000000001</v>
      </c>
      <c r="I12" s="10">
        <v>133.21338</v>
      </c>
      <c r="J12" s="10"/>
      <c r="K12" s="10"/>
      <c r="L12" s="10"/>
    </row>
    <row r="13" spans="1:12" x14ac:dyDescent="0.25">
      <c r="B13" s="10">
        <v>0.55427223999999997</v>
      </c>
      <c r="C13" s="10">
        <v>169.96827999999999</v>
      </c>
      <c r="D13" s="10"/>
      <c r="E13" s="10">
        <v>0.57991585999999995</v>
      </c>
      <c r="F13" s="10">
        <v>173.80837</v>
      </c>
      <c r="G13" s="10"/>
      <c r="H13" s="10">
        <v>0.58003490999999996</v>
      </c>
      <c r="I13" s="10">
        <v>169.55117999999999</v>
      </c>
      <c r="J13" s="10"/>
      <c r="K13" s="10"/>
      <c r="L13" s="10"/>
    </row>
    <row r="14" spans="1:12" x14ac:dyDescent="0.25">
      <c r="B14" s="10">
        <v>0.68461190000000005</v>
      </c>
      <c r="C14" s="10">
        <v>209.99034</v>
      </c>
      <c r="D14" s="10"/>
      <c r="E14" s="10">
        <v>0.70133025000000004</v>
      </c>
      <c r="F14" s="10">
        <v>216.36335</v>
      </c>
      <c r="G14" s="10"/>
      <c r="H14" s="10">
        <v>0.69736997999999994</v>
      </c>
      <c r="I14" s="10">
        <v>210.26075</v>
      </c>
      <c r="J14" s="10"/>
      <c r="K14" s="10"/>
      <c r="L14" s="10"/>
    </row>
    <row r="15" spans="1:12" x14ac:dyDescent="0.25">
      <c r="B15" s="10">
        <v>0.75260753000000002</v>
      </c>
      <c r="C15" s="10">
        <v>252.02278000000001</v>
      </c>
      <c r="D15" s="10"/>
      <c r="E15" s="10">
        <v>0.75966761999999999</v>
      </c>
      <c r="F15" s="10">
        <v>260.17012999999997</v>
      </c>
      <c r="G15" s="10"/>
      <c r="H15" s="10">
        <v>0.75656363999999998</v>
      </c>
      <c r="I15" s="10">
        <v>252.52009000000001</v>
      </c>
      <c r="J15" s="10"/>
      <c r="K15" s="10"/>
      <c r="L15" s="10"/>
    </row>
    <row r="16" spans="1:12" x14ac:dyDescent="0.25">
      <c r="B16" s="10">
        <v>0.78388806</v>
      </c>
      <c r="C16" s="10">
        <v>295.43819999999999</v>
      </c>
      <c r="D16" s="10"/>
      <c r="E16" s="10">
        <v>0.78782352</v>
      </c>
      <c r="F16" s="10">
        <v>305.46095000000003</v>
      </c>
      <c r="G16" s="10"/>
      <c r="H16" s="10">
        <v>0.78714941999999999</v>
      </c>
      <c r="I16" s="10">
        <v>296.69184000000001</v>
      </c>
      <c r="J16" s="10"/>
      <c r="K16" s="10"/>
      <c r="L16" s="10"/>
    </row>
    <row r="17" spans="2:12" x14ac:dyDescent="0.25">
      <c r="B17" s="10">
        <v>0.79213621000000001</v>
      </c>
      <c r="C17" s="10">
        <v>340.69337000000002</v>
      </c>
      <c r="D17" s="10"/>
      <c r="E17" s="10">
        <v>0.79468496</v>
      </c>
      <c r="F17" s="10">
        <v>352.91320000000002</v>
      </c>
      <c r="G17" s="10"/>
      <c r="H17" s="10">
        <v>0.79904023999999996</v>
      </c>
      <c r="I17" s="10">
        <v>342.31421999999998</v>
      </c>
      <c r="J17" s="10"/>
      <c r="K17" s="10"/>
      <c r="L17" s="10"/>
    </row>
    <row r="18" spans="2:12" x14ac:dyDescent="0.25">
      <c r="B18" s="10">
        <v>0.79594127000000003</v>
      </c>
      <c r="C18" s="10">
        <v>386.33821999999998</v>
      </c>
      <c r="D18" s="10"/>
      <c r="E18" s="10">
        <v>0.79860518000000003</v>
      </c>
      <c r="F18" s="10">
        <v>400.30471999999997</v>
      </c>
      <c r="G18" s="10"/>
      <c r="H18" s="10">
        <v>0.80580514000000003</v>
      </c>
      <c r="I18" s="10">
        <v>387.80085000000003</v>
      </c>
      <c r="J18" s="10"/>
      <c r="K18" s="10"/>
      <c r="L18" s="10"/>
    </row>
    <row r="19" spans="2:12" x14ac:dyDescent="0.25">
      <c r="B19" s="10">
        <v>0.79956329000000004</v>
      </c>
      <c r="C19" s="10">
        <v>432.01261</v>
      </c>
      <c r="D19" s="10"/>
      <c r="E19" s="10">
        <v>0.80327364000000001</v>
      </c>
      <c r="F19" s="10">
        <v>447.13639000000001</v>
      </c>
      <c r="G19" s="10"/>
      <c r="H19" s="10">
        <v>0.81189694000000001</v>
      </c>
      <c r="I19" s="10">
        <v>432.54396000000003</v>
      </c>
      <c r="J19" s="10"/>
      <c r="K19" s="10"/>
      <c r="L19" s="10"/>
    </row>
    <row r="20" spans="2:12" x14ac:dyDescent="0.25">
      <c r="B20" s="10">
        <v>0.80334667000000004</v>
      </c>
      <c r="C20" s="10">
        <v>477.25891999999999</v>
      </c>
      <c r="D20" s="10"/>
      <c r="E20" s="10">
        <v>0.80804127000000003</v>
      </c>
      <c r="F20" s="10">
        <v>493.49635000000001</v>
      </c>
      <c r="G20" s="10"/>
      <c r="H20" s="10">
        <v>0.81937932000000002</v>
      </c>
      <c r="I20" s="10">
        <v>476.48444000000001</v>
      </c>
      <c r="J20" s="10"/>
      <c r="K20" s="10"/>
      <c r="L20" s="10"/>
    </row>
    <row r="21" spans="2:12" x14ac:dyDescent="0.25">
      <c r="B21" s="10">
        <v>0.80960235000000003</v>
      </c>
      <c r="C21" s="10">
        <v>521.90521999999999</v>
      </c>
      <c r="D21" s="10"/>
      <c r="E21" s="10">
        <v>0.82373719000000001</v>
      </c>
      <c r="F21" s="10">
        <v>536.98976000000005</v>
      </c>
      <c r="G21" s="10"/>
      <c r="H21" s="10">
        <v>0.83081729999999998</v>
      </c>
      <c r="I21" s="10">
        <v>519.58815000000004</v>
      </c>
      <c r="J21" s="10"/>
      <c r="K21" s="10"/>
      <c r="L21" s="10"/>
    </row>
    <row r="22" spans="2:12" x14ac:dyDescent="0.25">
      <c r="B22" s="10">
        <v>0.82634313000000004</v>
      </c>
      <c r="C22" s="10">
        <v>563.60135000000002</v>
      </c>
      <c r="D22" s="10"/>
      <c r="E22" s="10">
        <v>0.89431505</v>
      </c>
      <c r="F22" s="10">
        <v>567.13878999999997</v>
      </c>
      <c r="G22" s="10"/>
      <c r="H22" s="10">
        <v>0.86935702999999998</v>
      </c>
      <c r="I22" s="10">
        <v>546.29344000000003</v>
      </c>
      <c r="J22" s="10"/>
      <c r="K22" s="10"/>
      <c r="L22" s="10"/>
    </row>
    <row r="23" spans="2:12" x14ac:dyDescent="0.25">
      <c r="B23" s="10">
        <v>0.90359871000000003</v>
      </c>
      <c r="C23" s="10">
        <v>589.71241999999995</v>
      </c>
      <c r="D23" s="10"/>
      <c r="E23" s="10">
        <v>0.95534353999999999</v>
      </c>
      <c r="F23" s="10">
        <v>588.45947999999999</v>
      </c>
      <c r="G23" s="10"/>
      <c r="H23" s="10">
        <v>0.93397741000000001</v>
      </c>
      <c r="I23" s="10">
        <v>567.08568000000002</v>
      </c>
      <c r="J23" s="10"/>
      <c r="K23" s="10"/>
      <c r="L23" s="10"/>
    </row>
    <row r="24" spans="2:12" x14ac:dyDescent="0.25">
      <c r="B24" s="10">
        <v>0.95913185000000001</v>
      </c>
      <c r="C24" s="10">
        <v>610.87265000000002</v>
      </c>
      <c r="D24" s="10"/>
      <c r="E24" s="10">
        <v>0.98361799000000005</v>
      </c>
      <c r="F24" s="10">
        <v>614.68418999999994</v>
      </c>
      <c r="G24" s="10"/>
      <c r="H24" s="10">
        <v>0.98618702999999996</v>
      </c>
      <c r="I24" s="10">
        <v>589.10281999999995</v>
      </c>
      <c r="J24" s="10"/>
      <c r="K24" s="10"/>
      <c r="L24" s="10"/>
    </row>
    <row r="25" spans="2:12" x14ac:dyDescent="0.25">
      <c r="B25" s="10">
        <v>0.98154306000000002</v>
      </c>
      <c r="C25" s="10">
        <v>636.07024000000001</v>
      </c>
      <c r="D25" s="10"/>
      <c r="E25" s="10">
        <v>0.98361799000000005</v>
      </c>
      <c r="F25" s="10">
        <v>614.68418999999994</v>
      </c>
      <c r="G25" s="10"/>
      <c r="H25" s="10">
        <v>0.98618702999999996</v>
      </c>
      <c r="I25" s="10">
        <v>589.10281999999995</v>
      </c>
      <c r="J25" s="10"/>
      <c r="K25" s="10"/>
      <c r="L25" s="10"/>
    </row>
    <row r="26" spans="2:12" x14ac:dyDescent="0.25">
      <c r="B26" s="10">
        <v>0.98154306000000002</v>
      </c>
      <c r="C26" s="10">
        <v>636.07024000000001</v>
      </c>
      <c r="D26" s="10"/>
      <c r="E26" s="10">
        <v>0.94359784000000002</v>
      </c>
      <c r="F26" s="10">
        <v>589.83793000000003</v>
      </c>
      <c r="G26" s="10"/>
      <c r="H26" s="10">
        <v>0.92541728999999995</v>
      </c>
      <c r="I26" s="10">
        <v>569.07542999999998</v>
      </c>
      <c r="J26" s="10"/>
      <c r="K26" s="10"/>
      <c r="L26" s="10"/>
    </row>
    <row r="27" spans="2:12" x14ac:dyDescent="0.25">
      <c r="B27" s="10">
        <v>0.94634651999999997</v>
      </c>
      <c r="C27" s="10">
        <v>611.12991999999997</v>
      </c>
      <c r="D27" s="10"/>
      <c r="E27" s="10">
        <v>0.87518547000000002</v>
      </c>
      <c r="F27" s="10">
        <v>571.12855999999999</v>
      </c>
      <c r="G27" s="10"/>
      <c r="H27" s="10">
        <v>0.85352048000000003</v>
      </c>
      <c r="I27" s="10">
        <v>551.46937000000003</v>
      </c>
      <c r="J27" s="10"/>
      <c r="K27" s="10"/>
      <c r="L27" s="10"/>
    </row>
    <row r="28" spans="2:12" x14ac:dyDescent="0.25">
      <c r="B28" s="10">
        <v>0.88301521000000005</v>
      </c>
      <c r="C28" s="10">
        <v>592.21113000000003</v>
      </c>
      <c r="D28" s="10"/>
      <c r="E28" s="10">
        <v>0.80832694999999999</v>
      </c>
      <c r="F28" s="10">
        <v>552.10287000000005</v>
      </c>
      <c r="G28" s="10"/>
      <c r="H28" s="10">
        <v>0.79206982999999997</v>
      </c>
      <c r="I28" s="10">
        <v>531.51041999999995</v>
      </c>
      <c r="J28" s="10"/>
      <c r="K28" s="10"/>
      <c r="L28" s="10"/>
    </row>
    <row r="29" spans="2:12" x14ac:dyDescent="0.25">
      <c r="B29" s="10">
        <v>0.81665887999999998</v>
      </c>
      <c r="C29" s="10">
        <v>574.44248000000005</v>
      </c>
      <c r="D29" s="10"/>
      <c r="E29" s="10">
        <v>0.76404585000000003</v>
      </c>
      <c r="F29" s="10">
        <v>528.20605999999998</v>
      </c>
      <c r="G29" s="10"/>
      <c r="H29" s="10">
        <v>0.76756217000000004</v>
      </c>
      <c r="I29" s="10">
        <v>503.62867</v>
      </c>
      <c r="J29" s="10"/>
      <c r="K29" s="10"/>
      <c r="L29" s="10"/>
    </row>
    <row r="30" spans="2:12" x14ac:dyDescent="0.25">
      <c r="B30" s="10">
        <v>0.76487397999999995</v>
      </c>
      <c r="C30" s="10">
        <v>553.10308999999995</v>
      </c>
      <c r="D30" s="10"/>
      <c r="E30" s="10">
        <v>0.74898514000000005</v>
      </c>
      <c r="F30" s="10">
        <v>497.89035000000001</v>
      </c>
      <c r="G30" s="10"/>
      <c r="H30" s="10">
        <v>0.75874268</v>
      </c>
      <c r="I30" s="10">
        <v>472.28352000000001</v>
      </c>
      <c r="J30" s="10"/>
      <c r="K30" s="10"/>
      <c r="L30" s="10"/>
    </row>
    <row r="31" spans="2:12" x14ac:dyDescent="0.25">
      <c r="B31" s="10">
        <v>0.74845759000000001</v>
      </c>
      <c r="C31" s="10">
        <v>523.93931999999995</v>
      </c>
      <c r="D31" s="10"/>
      <c r="E31" s="10">
        <v>0.74252311999999998</v>
      </c>
      <c r="F31" s="10">
        <v>465.72487999999998</v>
      </c>
      <c r="G31" s="10"/>
      <c r="H31" s="10">
        <v>0.75514619000000005</v>
      </c>
      <c r="I31" s="10">
        <v>439.84955000000002</v>
      </c>
      <c r="J31" s="10"/>
      <c r="K31" s="10"/>
      <c r="L31" s="10"/>
    </row>
    <row r="32" spans="2:12" x14ac:dyDescent="0.25">
      <c r="B32" s="10">
        <v>0.74240150999999999</v>
      </c>
      <c r="C32" s="10">
        <v>492.54557</v>
      </c>
      <c r="D32" s="10"/>
      <c r="E32" s="10">
        <v>0.73903129999999995</v>
      </c>
      <c r="F32" s="10">
        <v>432.89785000000001</v>
      </c>
      <c r="G32" s="10"/>
      <c r="H32" s="10">
        <v>0.75180952999999995</v>
      </c>
      <c r="I32" s="10">
        <v>407.32019000000003</v>
      </c>
      <c r="J32" s="10"/>
      <c r="K32" s="10"/>
      <c r="L32" s="10"/>
    </row>
    <row r="33" spans="2:12" x14ac:dyDescent="0.25">
      <c r="B33" s="10">
        <v>0.73942282999999998</v>
      </c>
      <c r="C33" s="10">
        <v>460.63704999999999</v>
      </c>
      <c r="D33" s="10"/>
      <c r="E33" s="10">
        <v>0.73529303999999995</v>
      </c>
      <c r="F33" s="10">
        <v>400.08461</v>
      </c>
      <c r="G33" s="10"/>
      <c r="H33" s="10">
        <v>0.74851504000000002</v>
      </c>
      <c r="I33" s="10">
        <v>374.73811000000001</v>
      </c>
      <c r="J33" s="10"/>
      <c r="K33" s="10"/>
      <c r="L33" s="10"/>
    </row>
    <row r="34" spans="2:12" x14ac:dyDescent="0.25">
      <c r="B34" s="10">
        <v>0.73552145999999996</v>
      </c>
      <c r="C34" s="10">
        <v>428.50993</v>
      </c>
      <c r="D34" s="10"/>
      <c r="E34" s="10">
        <v>0.73191552000000004</v>
      </c>
      <c r="F34" s="10">
        <v>367.19907000000001</v>
      </c>
      <c r="G34" s="10"/>
      <c r="H34" s="10">
        <v>0.74628143999999996</v>
      </c>
      <c r="I34" s="10">
        <v>341.87747000000002</v>
      </c>
      <c r="J34" s="10"/>
      <c r="K34" s="10"/>
      <c r="L34" s="10"/>
    </row>
    <row r="35" spans="2:12" x14ac:dyDescent="0.25">
      <c r="B35" s="10">
        <v>0.73330633999999995</v>
      </c>
      <c r="C35" s="10">
        <v>396.24200000000002</v>
      </c>
      <c r="D35" s="10"/>
      <c r="E35" s="10">
        <v>0.72484804000000003</v>
      </c>
      <c r="F35" s="10">
        <v>301.59499</v>
      </c>
      <c r="G35" s="10"/>
      <c r="H35" s="10">
        <v>0.74295365000000002</v>
      </c>
      <c r="I35" s="10">
        <v>309.25018</v>
      </c>
      <c r="J35" s="10"/>
      <c r="K35" s="10"/>
      <c r="L35" s="10"/>
    </row>
    <row r="36" spans="2:12" x14ac:dyDescent="0.25">
      <c r="B36" s="10">
        <v>0.73028674000000005</v>
      </c>
      <c r="C36" s="10">
        <v>364.13861000000003</v>
      </c>
      <c r="D36" s="10"/>
      <c r="E36" s="10">
        <v>0.70648321000000003</v>
      </c>
      <c r="F36" s="10">
        <v>239.11973</v>
      </c>
      <c r="G36" s="10"/>
      <c r="H36" s="10">
        <v>0.73691523999999997</v>
      </c>
      <c r="I36" s="10">
        <v>277.25876</v>
      </c>
      <c r="J36" s="10"/>
      <c r="K36" s="10"/>
      <c r="L36" s="10"/>
    </row>
    <row r="37" spans="2:12" x14ac:dyDescent="0.25">
      <c r="B37" s="10">
        <v>0.72831396999999998</v>
      </c>
      <c r="C37" s="10">
        <v>331.84687000000002</v>
      </c>
      <c r="D37" s="10"/>
      <c r="E37" s="10">
        <v>0.62393206000000001</v>
      </c>
      <c r="F37" s="10">
        <v>192.40776</v>
      </c>
      <c r="G37" s="10"/>
      <c r="H37" s="10">
        <v>0.72638475999999996</v>
      </c>
      <c r="I37" s="10">
        <v>246.24454</v>
      </c>
      <c r="J37" s="10"/>
      <c r="K37" s="10"/>
      <c r="L37" s="10"/>
    </row>
    <row r="38" spans="2:12" x14ac:dyDescent="0.25">
      <c r="B38" s="10">
        <v>0.72437755999999998</v>
      </c>
      <c r="C38" s="10">
        <v>299.97471999999999</v>
      </c>
      <c r="D38" s="10"/>
      <c r="E38" s="10">
        <v>0.51393622999999999</v>
      </c>
      <c r="F38" s="10">
        <v>161.25273000000001</v>
      </c>
      <c r="G38" s="10"/>
      <c r="H38" s="10">
        <v>0.65170653999999995</v>
      </c>
      <c r="I38" s="10">
        <v>196.33537999999999</v>
      </c>
      <c r="J38" s="10"/>
      <c r="K38" s="10"/>
      <c r="L38" s="10"/>
    </row>
    <row r="39" spans="2:12" x14ac:dyDescent="0.25">
      <c r="B39" s="10">
        <v>0.70801831999999998</v>
      </c>
      <c r="C39" s="10">
        <v>238.25864000000001</v>
      </c>
      <c r="D39" s="10"/>
      <c r="E39" s="10">
        <v>0.40263436000000002</v>
      </c>
      <c r="F39" s="10">
        <v>140.07247000000001</v>
      </c>
      <c r="G39" s="10"/>
      <c r="H39" s="10">
        <v>0.54943160999999996</v>
      </c>
      <c r="I39" s="10">
        <v>163.64087000000001</v>
      </c>
      <c r="J39" s="10"/>
      <c r="K39" s="10"/>
      <c r="L39" s="10"/>
    </row>
    <row r="40" spans="2:12" x14ac:dyDescent="0.25">
      <c r="B40" s="10">
        <v>0.62751422000000001</v>
      </c>
      <c r="C40" s="10">
        <v>192.50482</v>
      </c>
      <c r="D40" s="10"/>
      <c r="E40" s="10">
        <v>0.30882959999999998</v>
      </c>
      <c r="F40" s="10">
        <v>125.38373</v>
      </c>
      <c r="G40" s="10"/>
      <c r="H40" s="10">
        <v>0.430504</v>
      </c>
      <c r="I40" s="10">
        <v>140.6728</v>
      </c>
      <c r="J40" s="10"/>
      <c r="K40" s="10"/>
      <c r="L40" s="10"/>
    </row>
    <row r="41" spans="2:12" x14ac:dyDescent="0.25">
      <c r="B41" s="10">
        <v>0.5181616</v>
      </c>
      <c r="C41" s="10">
        <v>163.20142999999999</v>
      </c>
      <c r="D41" s="10"/>
      <c r="E41" s="10">
        <v>0.23850199999999999</v>
      </c>
      <c r="F41" s="10">
        <v>114.84056</v>
      </c>
      <c r="G41" s="10"/>
      <c r="H41" s="10">
        <v>0.32925114999999999</v>
      </c>
      <c r="I41" s="10">
        <v>123.85227999999999</v>
      </c>
      <c r="J41" s="10"/>
      <c r="K41" s="10"/>
      <c r="L41" s="10"/>
    </row>
    <row r="42" spans="2:12" x14ac:dyDescent="0.25">
      <c r="B42" s="10">
        <v>0.40989523</v>
      </c>
      <c r="C42" s="10">
        <v>142.91317000000001</v>
      </c>
      <c r="D42" s="10"/>
      <c r="E42" s="10">
        <v>0.18841492000000001</v>
      </c>
      <c r="F42" s="10">
        <v>107.33174</v>
      </c>
      <c r="G42" s="10"/>
      <c r="H42" s="10">
        <v>0.25307370000000001</v>
      </c>
      <c r="I42" s="10">
        <v>112.46598</v>
      </c>
      <c r="J42" s="10"/>
      <c r="K42" s="10"/>
      <c r="L42" s="10"/>
    </row>
    <row r="43" spans="2:12" x14ac:dyDescent="0.25">
      <c r="B43" s="10">
        <v>0.31764181000000002</v>
      </c>
      <c r="C43" s="10">
        <v>127.31134</v>
      </c>
      <c r="D43" s="10"/>
      <c r="E43" s="10">
        <v>0.15252336999999999</v>
      </c>
      <c r="F43" s="10">
        <v>100.86476</v>
      </c>
      <c r="G43" s="10"/>
      <c r="H43" s="10">
        <v>0.19852326000000001</v>
      </c>
      <c r="I43" s="10">
        <v>104.31229</v>
      </c>
      <c r="J43" s="10"/>
      <c r="K43" s="10"/>
      <c r="L43" s="10"/>
    </row>
    <row r="44" spans="2:12" x14ac:dyDescent="0.25">
      <c r="B44" s="10">
        <v>0.24791754999999999</v>
      </c>
      <c r="C44" s="10">
        <v>116.57062000000001</v>
      </c>
      <c r="D44" s="10"/>
      <c r="E44" s="10">
        <v>0.12700553000000001</v>
      </c>
      <c r="F44" s="10">
        <v>95.752020000000002</v>
      </c>
      <c r="G44" s="10"/>
      <c r="H44" s="10">
        <v>0.15972225000000001</v>
      </c>
      <c r="I44" s="10">
        <v>97.644090000000006</v>
      </c>
      <c r="J44" s="10"/>
      <c r="K44" s="10"/>
      <c r="L44" s="10"/>
    </row>
    <row r="45" spans="2:12" x14ac:dyDescent="0.25">
      <c r="B45" s="10">
        <v>0.19669817000000001</v>
      </c>
      <c r="C45" s="10">
        <v>108.68049999999999</v>
      </c>
      <c r="D45" s="10"/>
      <c r="E45" s="10">
        <v>0.10838436</v>
      </c>
      <c r="F45" s="10">
        <v>92.121399999999994</v>
      </c>
      <c r="G45" s="10"/>
      <c r="H45" s="10">
        <v>0.13197660999999999</v>
      </c>
      <c r="I45" s="10">
        <v>92.305509999999998</v>
      </c>
      <c r="J45" s="10"/>
      <c r="K45" s="10"/>
      <c r="L45" s="10"/>
    </row>
    <row r="46" spans="2:12" x14ac:dyDescent="0.25">
      <c r="B46" s="10">
        <v>0.15942503999999999</v>
      </c>
      <c r="C46" s="10">
        <v>102.68172</v>
      </c>
      <c r="D46" s="10"/>
      <c r="E46" s="10">
        <v>9.4867720000000003E-2</v>
      </c>
      <c r="F46" s="10">
        <v>89.258340000000004</v>
      </c>
      <c r="G46" s="10"/>
      <c r="H46" s="10">
        <v>0.11209084</v>
      </c>
      <c r="I46" s="10">
        <v>88.642039999999994</v>
      </c>
      <c r="J46" s="10"/>
      <c r="K46" s="10"/>
      <c r="L46" s="10"/>
    </row>
    <row r="47" spans="2:12" x14ac:dyDescent="0.25">
      <c r="B47" s="10">
        <v>0.13265621</v>
      </c>
      <c r="C47" s="10">
        <v>97.1083</v>
      </c>
      <c r="D47" s="10"/>
      <c r="E47" s="10"/>
      <c r="F47" s="10"/>
      <c r="G47" s="10"/>
      <c r="H47" s="10">
        <v>9.7559030000000005E-2</v>
      </c>
      <c r="I47" s="10">
        <v>85.683179999999993</v>
      </c>
      <c r="J47" s="10"/>
      <c r="K47" s="10"/>
      <c r="L47" s="10"/>
    </row>
    <row r="48" spans="2:12" x14ac:dyDescent="0.25">
      <c r="B48" s="10">
        <v>0.11313606</v>
      </c>
      <c r="C48" s="10">
        <v>93.139780000000002</v>
      </c>
      <c r="D48" s="10"/>
      <c r="E48" s="10"/>
      <c r="F48" s="10"/>
      <c r="G48" s="10"/>
      <c r="H48" s="10"/>
      <c r="I48" s="10"/>
      <c r="J48" s="10"/>
      <c r="K48" s="10"/>
      <c r="L48" s="10"/>
    </row>
    <row r="49" spans="2:12" x14ac:dyDescent="0.25">
      <c r="B49" s="10">
        <v>9.8898059999999996E-2</v>
      </c>
      <c r="C49" s="10">
        <v>90.218040000000002</v>
      </c>
      <c r="D49" s="10"/>
      <c r="E49" s="10"/>
      <c r="F49" s="10"/>
      <c r="G49" s="10"/>
      <c r="H49" s="10"/>
      <c r="I49" s="10"/>
      <c r="J49" s="10"/>
      <c r="K49" s="10"/>
      <c r="L49" s="10"/>
    </row>
    <row r="50" spans="2:12" x14ac:dyDescent="0.25">
      <c r="B50" s="10">
        <v>8.7887530000000005E-2</v>
      </c>
      <c r="C50" s="10">
        <v>87.787210000000002</v>
      </c>
      <c r="D50" s="10"/>
      <c r="E50" s="10"/>
      <c r="F50" s="10"/>
      <c r="G50" s="10"/>
      <c r="H50" s="10"/>
      <c r="I50" s="10"/>
      <c r="J50" s="10"/>
      <c r="K50" s="10"/>
      <c r="L50" s="10"/>
    </row>
    <row r="51" spans="2:12" x14ac:dyDescent="0.25">
      <c r="B51" s="10"/>
      <c r="C51" s="10"/>
      <c r="D51" s="10"/>
      <c r="E51" s="10"/>
      <c r="F51" s="10"/>
      <c r="G51" s="10"/>
      <c r="H51" s="10"/>
      <c r="I51" s="10"/>
      <c r="J51" s="10"/>
      <c r="K51" s="10"/>
      <c r="L51" s="10"/>
    </row>
    <row r="52" spans="2:12" x14ac:dyDescent="0.25">
      <c r="B52" s="10"/>
      <c r="C52" s="10"/>
      <c r="D52" s="10"/>
      <c r="E52" s="10"/>
      <c r="F52" s="10"/>
      <c r="G52" s="10"/>
      <c r="H52" s="10"/>
      <c r="I52" s="10"/>
      <c r="J52" s="10"/>
      <c r="K52" s="10"/>
      <c r="L52" s="10"/>
    </row>
    <row r="53" spans="2:12" x14ac:dyDescent="0.25">
      <c r="B53" s="10"/>
      <c r="C53" s="10"/>
      <c r="D53" s="10"/>
      <c r="E53" s="10"/>
      <c r="F53" s="10"/>
      <c r="G53" s="10"/>
      <c r="H53" s="10"/>
      <c r="I53" s="10"/>
      <c r="J53" s="10"/>
      <c r="K53" s="10"/>
      <c r="L53" s="10"/>
    </row>
    <row r="54" spans="2:12" x14ac:dyDescent="0.25">
      <c r="B54" s="10"/>
      <c r="C54" s="10"/>
      <c r="D54" s="10"/>
      <c r="E54" s="10"/>
      <c r="F54" s="10"/>
      <c r="G54" s="10"/>
      <c r="H54" s="10"/>
      <c r="I54" s="10"/>
      <c r="J54" s="10"/>
      <c r="K54" s="10"/>
      <c r="L54" s="10"/>
    </row>
  </sheetData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A542DC6-F650-4D83-B9BE-50B87E50EE82}">
  <dimension ref="C5:Q3492"/>
  <sheetViews>
    <sheetView zoomScaleNormal="100" workbookViewId="0">
      <selection activeCell="G20" sqref="G20"/>
    </sheetView>
  </sheetViews>
  <sheetFormatPr defaultRowHeight="15" x14ac:dyDescent="0.25"/>
  <sheetData>
    <row r="5" spans="3:17" x14ac:dyDescent="0.25">
      <c r="C5" s="11" t="s">
        <v>24</v>
      </c>
    </row>
    <row r="6" spans="3:17" x14ac:dyDescent="0.25">
      <c r="C6" s="11" t="s">
        <v>10</v>
      </c>
      <c r="D6" s="11" t="s">
        <v>37</v>
      </c>
    </row>
    <row r="7" spans="3:17" x14ac:dyDescent="0.25">
      <c r="C7" s="11" t="s">
        <v>4</v>
      </c>
      <c r="D7" s="11" t="s">
        <v>18</v>
      </c>
      <c r="E7" s="11"/>
      <c r="F7" s="11"/>
      <c r="G7" s="11" t="s">
        <v>19</v>
      </c>
      <c r="H7" s="11"/>
      <c r="I7" s="11"/>
      <c r="J7" s="11" t="s">
        <v>20</v>
      </c>
      <c r="K7" s="11"/>
      <c r="L7" s="11"/>
      <c r="M7" s="11" t="s">
        <v>21</v>
      </c>
      <c r="N7" s="11"/>
      <c r="O7" s="11"/>
      <c r="P7" s="11" t="s">
        <v>22</v>
      </c>
    </row>
    <row r="8" spans="3:17" x14ac:dyDescent="0.25">
      <c r="C8" s="11"/>
      <c r="D8" s="11" t="s">
        <v>23</v>
      </c>
      <c r="E8" s="11" t="s">
        <v>25</v>
      </c>
      <c r="F8" s="11"/>
      <c r="G8" s="11" t="s">
        <v>23</v>
      </c>
      <c r="H8" s="11" t="s">
        <v>25</v>
      </c>
      <c r="I8" s="11"/>
      <c r="J8" s="11" t="s">
        <v>23</v>
      </c>
      <c r="K8" s="11" t="s">
        <v>25</v>
      </c>
      <c r="L8" s="11"/>
      <c r="M8" s="11" t="s">
        <v>23</v>
      </c>
      <c r="N8" s="11" t="s">
        <v>25</v>
      </c>
      <c r="O8" s="11"/>
      <c r="P8" s="11" t="s">
        <v>23</v>
      </c>
      <c r="Q8" s="11" t="s">
        <v>25</v>
      </c>
    </row>
    <row r="9" spans="3:17" x14ac:dyDescent="0.25">
      <c r="D9">
        <v>100</v>
      </c>
      <c r="E9">
        <v>100</v>
      </c>
      <c r="G9">
        <v>100</v>
      </c>
      <c r="H9">
        <v>100</v>
      </c>
      <c r="J9">
        <v>100</v>
      </c>
      <c r="K9">
        <v>100</v>
      </c>
      <c r="M9">
        <v>100</v>
      </c>
      <c r="N9">
        <v>100</v>
      </c>
      <c r="P9">
        <v>100</v>
      </c>
      <c r="Q9">
        <v>100</v>
      </c>
    </row>
    <row r="10" spans="3:17" x14ac:dyDescent="0.25">
      <c r="D10">
        <v>99.99174334900917</v>
      </c>
      <c r="E10">
        <v>100</v>
      </c>
      <c r="G10">
        <v>99.991095817733381</v>
      </c>
      <c r="H10">
        <v>100</v>
      </c>
      <c r="J10">
        <v>99.990741686543231</v>
      </c>
      <c r="K10">
        <v>100</v>
      </c>
      <c r="M10">
        <v>99.989937419363258</v>
      </c>
      <c r="N10">
        <v>100</v>
      </c>
      <c r="P10">
        <v>99.998584898287987</v>
      </c>
      <c r="Q10">
        <v>100</v>
      </c>
    </row>
    <row r="11" spans="3:17" x14ac:dyDescent="0.25">
      <c r="D11">
        <v>99.983051421524621</v>
      </c>
      <c r="E11">
        <v>100</v>
      </c>
      <c r="G11">
        <v>99.982628244701218</v>
      </c>
      <c r="H11">
        <v>101</v>
      </c>
      <c r="J11">
        <v>99.981839462065537</v>
      </c>
      <c r="K11">
        <v>100</v>
      </c>
      <c r="M11">
        <v>99.9802577193215</v>
      </c>
      <c r="N11">
        <v>100</v>
      </c>
      <c r="P11">
        <v>99.997169796575974</v>
      </c>
      <c r="Q11">
        <v>100</v>
      </c>
    </row>
    <row r="12" spans="3:17" x14ac:dyDescent="0.25">
      <c r="D12">
        <v>99.974808372924215</v>
      </c>
      <c r="E12">
        <v>101</v>
      </c>
      <c r="G12">
        <v>99.974160671669068</v>
      </c>
      <c r="H12">
        <v>101</v>
      </c>
      <c r="J12">
        <v>99.972927063617036</v>
      </c>
      <c r="K12">
        <v>101</v>
      </c>
      <c r="M12">
        <v>99.970996794930471</v>
      </c>
      <c r="N12">
        <v>101</v>
      </c>
      <c r="P12">
        <v>99.995733573942871</v>
      </c>
      <c r="Q12">
        <v>100</v>
      </c>
    </row>
    <row r="13" spans="3:17" x14ac:dyDescent="0.25">
      <c r="D13">
        <v>99.967014203208009</v>
      </c>
      <c r="E13">
        <v>101</v>
      </c>
      <c r="G13">
        <v>99.965693098636919</v>
      </c>
      <c r="H13">
        <v>101</v>
      </c>
      <c r="J13">
        <v>99.964360580176788</v>
      </c>
      <c r="K13">
        <v>101</v>
      </c>
      <c r="M13">
        <v>99.961723905520856</v>
      </c>
      <c r="N13">
        <v>101</v>
      </c>
      <c r="P13">
        <v>99.99431847223083</v>
      </c>
      <c r="Q13">
        <v>100</v>
      </c>
    </row>
    <row r="14" spans="3:17" x14ac:dyDescent="0.25">
      <c r="D14">
        <v>99.958771154607646</v>
      </c>
      <c r="E14">
        <v>101</v>
      </c>
      <c r="G14">
        <v>99.957675365422091</v>
      </c>
      <c r="H14">
        <v>102</v>
      </c>
      <c r="J14">
        <v>99.955804270707389</v>
      </c>
      <c r="K14">
        <v>101</v>
      </c>
      <c r="M14">
        <v>99.952462981129855</v>
      </c>
      <c r="N14">
        <v>101</v>
      </c>
      <c r="P14">
        <v>99.992882249597756</v>
      </c>
      <c r="Q14">
        <v>100</v>
      </c>
    </row>
    <row r="15" spans="3:17" x14ac:dyDescent="0.25">
      <c r="D15">
        <v>99.950976984891426</v>
      </c>
      <c r="E15">
        <v>102</v>
      </c>
      <c r="G15">
        <v>99.950107472024598</v>
      </c>
      <c r="H15">
        <v>102</v>
      </c>
      <c r="J15">
        <v>99.947237787267156</v>
      </c>
      <c r="K15">
        <v>102</v>
      </c>
      <c r="M15">
        <v>99.943596902352411</v>
      </c>
      <c r="N15">
        <v>102</v>
      </c>
      <c r="P15">
        <v>99.991467147885743</v>
      </c>
      <c r="Q15">
        <v>101</v>
      </c>
    </row>
    <row r="16" spans="3:17" x14ac:dyDescent="0.25">
      <c r="D16">
        <v>99.943658898840255</v>
      </c>
      <c r="E16">
        <v>102</v>
      </c>
      <c r="G16">
        <v>99.942526348044254</v>
      </c>
      <c r="H16">
        <v>102</v>
      </c>
      <c r="J16">
        <v>99.93935295987265</v>
      </c>
      <c r="K16">
        <v>102</v>
      </c>
      <c r="M16">
        <v>99.934730823574967</v>
      </c>
      <c r="N16">
        <v>102</v>
      </c>
      <c r="P16">
        <v>99.990052046173702</v>
      </c>
      <c r="Q16">
        <v>101</v>
      </c>
    </row>
    <row r="17" spans="4:17" x14ac:dyDescent="0.25">
      <c r="D17">
        <v>99.936327210398645</v>
      </c>
      <c r="E17">
        <v>102</v>
      </c>
      <c r="G17">
        <v>99.935408294464096</v>
      </c>
      <c r="H17">
        <v>103</v>
      </c>
      <c r="J17">
        <v>99.931478306448966</v>
      </c>
      <c r="K17">
        <v>102</v>
      </c>
      <c r="M17">
        <v>99.926271555429679</v>
      </c>
      <c r="N17">
        <v>102</v>
      </c>
      <c r="P17">
        <v>99.988615823540627</v>
      </c>
      <c r="Q17">
        <v>101</v>
      </c>
    </row>
    <row r="18" spans="4:17" x14ac:dyDescent="0.25">
      <c r="D18">
        <v>99.928995521957049</v>
      </c>
      <c r="E18">
        <v>103</v>
      </c>
      <c r="G18">
        <v>99.928277010301088</v>
      </c>
      <c r="H18">
        <v>103</v>
      </c>
      <c r="J18">
        <v>99.923593479054446</v>
      </c>
      <c r="K18">
        <v>103</v>
      </c>
      <c r="M18">
        <v>99.918207132897962</v>
      </c>
      <c r="N18">
        <v>103</v>
      </c>
      <c r="P18">
        <v>99.987200721828586</v>
      </c>
      <c r="Q18">
        <v>101</v>
      </c>
    </row>
    <row r="19" spans="4:17" x14ac:dyDescent="0.25">
      <c r="D19">
        <v>99.921663833515453</v>
      </c>
      <c r="E19">
        <v>103</v>
      </c>
      <c r="G19">
        <v>99.92114572613805</v>
      </c>
      <c r="H19">
        <v>103</v>
      </c>
      <c r="J19">
        <v>99.916054566668194</v>
      </c>
      <c r="K19">
        <v>103</v>
      </c>
      <c r="M19">
        <v>99.91015467538486</v>
      </c>
      <c r="N19">
        <v>103</v>
      </c>
      <c r="P19">
        <v>99.985067508800014</v>
      </c>
      <c r="Q19">
        <v>101</v>
      </c>
    </row>
    <row r="20" spans="4:17" x14ac:dyDescent="0.25">
      <c r="D20">
        <v>99.914794626348453</v>
      </c>
      <c r="E20">
        <v>103</v>
      </c>
      <c r="G20">
        <v>99.914014441975027</v>
      </c>
      <c r="H20">
        <v>104</v>
      </c>
      <c r="J20">
        <v>99.908179913244524</v>
      </c>
      <c r="K20">
        <v>103</v>
      </c>
      <c r="M20">
        <v>99.902090252853128</v>
      </c>
      <c r="N20">
        <v>103</v>
      </c>
      <c r="P20">
        <v>99.983652407088016</v>
      </c>
      <c r="Q20">
        <v>101</v>
      </c>
    </row>
    <row r="21" spans="4:17" x14ac:dyDescent="0.25">
      <c r="D21">
        <v>99.908387900456077</v>
      </c>
      <c r="E21">
        <v>104</v>
      </c>
      <c r="G21">
        <v>99.907332997629368</v>
      </c>
      <c r="H21">
        <v>104</v>
      </c>
      <c r="J21">
        <v>99.900641000858286</v>
      </c>
      <c r="K21">
        <v>104</v>
      </c>
      <c r="M21">
        <v>99.894432640953596</v>
      </c>
      <c r="N21">
        <v>104</v>
      </c>
      <c r="P21">
        <v>99.982216184454913</v>
      </c>
      <c r="Q21">
        <v>102</v>
      </c>
    </row>
    <row r="22" spans="4:17" x14ac:dyDescent="0.25">
      <c r="D22">
        <v>99.901967572173263</v>
      </c>
      <c r="E22">
        <v>104</v>
      </c>
      <c r="G22">
        <v>99.901101393101001</v>
      </c>
      <c r="H22">
        <v>104</v>
      </c>
      <c r="J22">
        <v>99.893448003480316</v>
      </c>
      <c r="K22">
        <v>104</v>
      </c>
      <c r="M22">
        <v>99.886786994072651</v>
      </c>
      <c r="N22">
        <v>104</v>
      </c>
      <c r="P22">
        <v>99.981519194059459</v>
      </c>
      <c r="Q22">
        <v>102</v>
      </c>
    </row>
    <row r="23" spans="4:17" x14ac:dyDescent="0.25">
      <c r="D23">
        <v>99.896009725165058</v>
      </c>
      <c r="E23">
        <v>104</v>
      </c>
      <c r="G23">
        <v>99.894406718172448</v>
      </c>
      <c r="H23">
        <v>105</v>
      </c>
      <c r="J23">
        <v>99.885909091094078</v>
      </c>
      <c r="K23">
        <v>104</v>
      </c>
      <c r="M23">
        <v>99.879524227786661</v>
      </c>
      <c r="N23">
        <v>104</v>
      </c>
      <c r="P23">
        <v>99.980082971426341</v>
      </c>
      <c r="Q23">
        <v>102</v>
      </c>
    </row>
    <row r="24" spans="4:17" x14ac:dyDescent="0.25">
      <c r="D24">
        <v>99.889602999272668</v>
      </c>
      <c r="E24">
        <v>105</v>
      </c>
      <c r="G24">
        <v>99.888175113644095</v>
      </c>
      <c r="H24">
        <v>105</v>
      </c>
      <c r="J24">
        <v>99.878716093716108</v>
      </c>
      <c r="K24">
        <v>105</v>
      </c>
      <c r="M24">
        <v>99.872273426519314</v>
      </c>
      <c r="N24">
        <v>105</v>
      </c>
      <c r="P24">
        <v>99.978667869714329</v>
      </c>
      <c r="Q24">
        <v>102</v>
      </c>
    </row>
    <row r="25" spans="4:17" x14ac:dyDescent="0.25">
      <c r="D25">
        <v>99.883182670989854</v>
      </c>
      <c r="E25">
        <v>105</v>
      </c>
      <c r="G25">
        <v>99.882380118350213</v>
      </c>
      <c r="H25">
        <v>105</v>
      </c>
      <c r="J25">
        <v>99.871858837375598</v>
      </c>
      <c r="K25">
        <v>105</v>
      </c>
      <c r="M25">
        <v>99.865022625251896</v>
      </c>
      <c r="N25">
        <v>105</v>
      </c>
      <c r="P25">
        <v>99.977252768002288</v>
      </c>
      <c r="Q25">
        <v>102</v>
      </c>
    </row>
    <row r="26" spans="4:17" x14ac:dyDescent="0.25">
      <c r="D26">
        <v>99.877238426372088</v>
      </c>
      <c r="E26">
        <v>105</v>
      </c>
      <c r="G26">
        <v>99.87658512305633</v>
      </c>
      <c r="H26">
        <v>106</v>
      </c>
      <c r="J26">
        <v>99.864665839997627</v>
      </c>
      <c r="K26">
        <v>105</v>
      </c>
      <c r="M26">
        <v>99.858178634616678</v>
      </c>
      <c r="N26">
        <v>105</v>
      </c>
      <c r="P26">
        <v>99.975816545369213</v>
      </c>
      <c r="Q26">
        <v>102</v>
      </c>
    </row>
    <row r="27" spans="4:17" x14ac:dyDescent="0.25">
      <c r="D27">
        <v>99.871280579363898</v>
      </c>
      <c r="E27">
        <v>106</v>
      </c>
      <c r="G27">
        <v>99.870803358345313</v>
      </c>
      <c r="H27">
        <v>106</v>
      </c>
      <c r="J27">
        <v>99.857808583657103</v>
      </c>
      <c r="K27">
        <v>106</v>
      </c>
      <c r="M27">
        <v>99.851322678962873</v>
      </c>
      <c r="N27">
        <v>106</v>
      </c>
      <c r="P27">
        <v>99.973683332340642</v>
      </c>
      <c r="Q27">
        <v>103</v>
      </c>
    </row>
    <row r="28" spans="4:17" x14ac:dyDescent="0.25">
      <c r="D28">
        <v>99.865785213630303</v>
      </c>
      <c r="E28">
        <v>106</v>
      </c>
      <c r="G28">
        <v>99.865008363051416</v>
      </c>
      <c r="H28">
        <v>106</v>
      </c>
      <c r="J28">
        <v>99.850961501287429</v>
      </c>
      <c r="K28">
        <v>106</v>
      </c>
      <c r="M28">
        <v>99.844478688327655</v>
      </c>
      <c r="N28">
        <v>106</v>
      </c>
      <c r="P28">
        <v>99.972268230628629</v>
      </c>
      <c r="Q28">
        <v>103</v>
      </c>
    </row>
    <row r="29" spans="4:17" x14ac:dyDescent="0.25">
      <c r="D29">
        <v>99.859827366622113</v>
      </c>
      <c r="E29">
        <v>106</v>
      </c>
      <c r="G29">
        <v>99.859663207574883</v>
      </c>
      <c r="H29">
        <v>107</v>
      </c>
      <c r="J29">
        <v>99.844450159955187</v>
      </c>
      <c r="K29">
        <v>106</v>
      </c>
      <c r="M29">
        <v>99.838029543306021</v>
      </c>
      <c r="N29">
        <v>106</v>
      </c>
      <c r="P29">
        <v>99.970853128916602</v>
      </c>
      <c r="Q29">
        <v>103</v>
      </c>
    </row>
    <row r="30" spans="4:17" x14ac:dyDescent="0.25">
      <c r="D30">
        <v>99.854332000888519</v>
      </c>
      <c r="E30">
        <v>107</v>
      </c>
      <c r="G30">
        <v>99.854318052098336</v>
      </c>
      <c r="H30">
        <v>107</v>
      </c>
      <c r="J30">
        <v>99.837938818622916</v>
      </c>
      <c r="K30">
        <v>107</v>
      </c>
      <c r="M30">
        <v>99.831580398284359</v>
      </c>
      <c r="N30">
        <v>107</v>
      </c>
      <c r="P30">
        <v>99.969416906283513</v>
      </c>
      <c r="Q30">
        <v>103</v>
      </c>
    </row>
    <row r="31" spans="4:17" x14ac:dyDescent="0.25">
      <c r="D31">
        <v>99.8483741538803</v>
      </c>
      <c r="E31">
        <v>107</v>
      </c>
      <c r="G31">
        <v>99.848972896621774</v>
      </c>
      <c r="H31">
        <v>107</v>
      </c>
      <c r="J31">
        <v>99.831773392298956</v>
      </c>
      <c r="K31">
        <v>107</v>
      </c>
      <c r="M31">
        <v>99.825538063894868</v>
      </c>
      <c r="N31">
        <v>107</v>
      </c>
      <c r="P31">
        <v>99.9680018045715</v>
      </c>
      <c r="Q31">
        <v>103</v>
      </c>
    </row>
    <row r="32" spans="4:17" x14ac:dyDescent="0.25">
      <c r="D32">
        <v>99.84287878814672</v>
      </c>
      <c r="E32">
        <v>107</v>
      </c>
      <c r="G32">
        <v>99.843614510562375</v>
      </c>
      <c r="H32">
        <v>108</v>
      </c>
      <c r="J32">
        <v>99.82560796597501</v>
      </c>
      <c r="K32">
        <v>107</v>
      </c>
      <c r="M32">
        <v>99.81908891887322</v>
      </c>
      <c r="N32">
        <v>107</v>
      </c>
      <c r="P32">
        <v>99.966565581938411</v>
      </c>
      <c r="Q32">
        <v>103</v>
      </c>
    </row>
    <row r="33" spans="4:17" x14ac:dyDescent="0.25">
      <c r="D33">
        <v>99.837383422413126</v>
      </c>
      <c r="E33">
        <v>108</v>
      </c>
      <c r="G33">
        <v>99.838269355085828</v>
      </c>
      <c r="H33">
        <v>108</v>
      </c>
      <c r="J33">
        <v>99.819788454659303</v>
      </c>
      <c r="K33">
        <v>108</v>
      </c>
      <c r="M33">
        <v>99.813046584483743</v>
      </c>
      <c r="N33">
        <v>108</v>
      </c>
      <c r="P33">
        <v>99.965150480226399</v>
      </c>
      <c r="Q33">
        <v>104</v>
      </c>
    </row>
    <row r="34" spans="4:17" x14ac:dyDescent="0.25">
      <c r="D34">
        <v>99.832336935563717</v>
      </c>
      <c r="E34">
        <v>108</v>
      </c>
      <c r="G34">
        <v>99.83292419960928</v>
      </c>
      <c r="H34">
        <v>108</v>
      </c>
      <c r="J34">
        <v>99.813612854364507</v>
      </c>
      <c r="K34">
        <v>108</v>
      </c>
      <c r="M34">
        <v>99.807411060726423</v>
      </c>
      <c r="N34">
        <v>108</v>
      </c>
      <c r="P34">
        <v>99.963735378514357</v>
      </c>
      <c r="Q34">
        <v>104</v>
      </c>
    </row>
    <row r="35" spans="4:17" x14ac:dyDescent="0.25">
      <c r="D35">
        <v>99.827304051104733</v>
      </c>
      <c r="E35">
        <v>108</v>
      </c>
      <c r="G35">
        <v>99.828028883950068</v>
      </c>
      <c r="H35">
        <v>109</v>
      </c>
      <c r="J35">
        <v>99.807793343048814</v>
      </c>
      <c r="K35">
        <v>108</v>
      </c>
      <c r="M35">
        <v>99.801763571950502</v>
      </c>
      <c r="N35">
        <v>108</v>
      </c>
      <c r="P35">
        <v>99.962299155881269</v>
      </c>
      <c r="Q35">
        <v>104</v>
      </c>
    </row>
    <row r="36" spans="4:17" x14ac:dyDescent="0.25">
      <c r="D36">
        <v>99.822271166645749</v>
      </c>
      <c r="E36">
        <v>109</v>
      </c>
      <c r="G36">
        <v>99.823570177525326</v>
      </c>
      <c r="H36">
        <v>109</v>
      </c>
      <c r="J36">
        <v>99.80162791672484</v>
      </c>
      <c r="K36">
        <v>109</v>
      </c>
      <c r="M36">
        <v>99.796128048193182</v>
      </c>
      <c r="N36">
        <v>109</v>
      </c>
      <c r="P36">
        <v>99.960884054169242</v>
      </c>
      <c r="Q36">
        <v>104</v>
      </c>
    </row>
    <row r="37" spans="4:17" x14ac:dyDescent="0.25">
      <c r="D37">
        <v>99.81722467979634</v>
      </c>
      <c r="E37">
        <v>109</v>
      </c>
      <c r="G37">
        <v>99.81911147110057</v>
      </c>
      <c r="H37">
        <v>109</v>
      </c>
      <c r="J37">
        <v>99.795798231438297</v>
      </c>
      <c r="K37">
        <v>109</v>
      </c>
      <c r="M37">
        <v>99.790480559417247</v>
      </c>
      <c r="N37">
        <v>109</v>
      </c>
      <c r="P37">
        <v>99.959468952457229</v>
      </c>
      <c r="Q37">
        <v>104</v>
      </c>
    </row>
    <row r="38" spans="4:17" x14ac:dyDescent="0.25">
      <c r="D38">
        <v>99.812640674221541</v>
      </c>
      <c r="E38">
        <v>109</v>
      </c>
      <c r="G38">
        <v>99.814665995258693</v>
      </c>
      <c r="H38">
        <v>110</v>
      </c>
      <c r="J38">
        <v>99.789978720122619</v>
      </c>
      <c r="K38">
        <v>109</v>
      </c>
      <c r="M38">
        <v>99.785239881273512</v>
      </c>
      <c r="N38">
        <v>109</v>
      </c>
      <c r="P38">
        <v>99.958032729824126</v>
      </c>
      <c r="Q38">
        <v>104</v>
      </c>
    </row>
    <row r="39" spans="4:17" x14ac:dyDescent="0.25">
      <c r="D39">
        <v>99.807607789762542</v>
      </c>
      <c r="E39">
        <v>110</v>
      </c>
      <c r="G39">
        <v>99.810207288833951</v>
      </c>
      <c r="H39">
        <v>110</v>
      </c>
      <c r="J39">
        <v>99.784149034836105</v>
      </c>
      <c r="K39">
        <v>110</v>
      </c>
      <c r="M39">
        <v>99.780011168148349</v>
      </c>
      <c r="N39">
        <v>110</v>
      </c>
      <c r="P39">
        <v>99.956617628112113</v>
      </c>
      <c r="Q39">
        <v>105</v>
      </c>
    </row>
    <row r="40" spans="4:17" x14ac:dyDescent="0.25">
      <c r="D40">
        <v>99.803023784187744</v>
      </c>
      <c r="E40">
        <v>110</v>
      </c>
      <c r="G40">
        <v>99.805748582409208</v>
      </c>
      <c r="H40">
        <v>110</v>
      </c>
      <c r="J40">
        <v>99.778329523520398</v>
      </c>
      <c r="K40">
        <v>110</v>
      </c>
      <c r="M40">
        <v>99.774770490004599</v>
      </c>
      <c r="N40">
        <v>110</v>
      </c>
      <c r="P40">
        <v>99.9552025264001</v>
      </c>
      <c r="Q40">
        <v>105</v>
      </c>
    </row>
    <row r="41" spans="4:17" x14ac:dyDescent="0.25">
      <c r="D41">
        <v>99.798453381003355</v>
      </c>
      <c r="E41">
        <v>110</v>
      </c>
      <c r="G41">
        <v>99.801289875984452</v>
      </c>
      <c r="H41">
        <v>111</v>
      </c>
      <c r="J41">
        <v>99.772845753242152</v>
      </c>
      <c r="K41">
        <v>110</v>
      </c>
      <c r="M41">
        <v>99.769529811860863</v>
      </c>
      <c r="N41">
        <v>110</v>
      </c>
      <c r="P41">
        <v>99.953766303766997</v>
      </c>
      <c r="Q41">
        <v>105</v>
      </c>
    </row>
    <row r="42" spans="4:17" x14ac:dyDescent="0.25">
      <c r="D42">
        <v>99.793869375428571</v>
      </c>
      <c r="E42">
        <v>111</v>
      </c>
      <c r="G42">
        <v>99.797281009377031</v>
      </c>
      <c r="H42">
        <v>111</v>
      </c>
      <c r="J42">
        <v>99.767707897972173</v>
      </c>
      <c r="K42">
        <v>111</v>
      </c>
      <c r="M42">
        <v>99.76469594434927</v>
      </c>
      <c r="N42">
        <v>111</v>
      </c>
      <c r="P42">
        <v>99.952351202054984</v>
      </c>
      <c r="Q42">
        <v>105</v>
      </c>
    </row>
    <row r="43" spans="4:17" x14ac:dyDescent="0.25">
      <c r="D43">
        <v>99.789285369853758</v>
      </c>
      <c r="E43">
        <v>111</v>
      </c>
      <c r="G43">
        <v>99.793272142769624</v>
      </c>
      <c r="H43">
        <v>111</v>
      </c>
      <c r="J43">
        <v>99.762224127693926</v>
      </c>
      <c r="K43">
        <v>111</v>
      </c>
      <c r="M43">
        <v>99.759862076837663</v>
      </c>
      <c r="N43">
        <v>111</v>
      </c>
      <c r="P43">
        <v>99.950936100342986</v>
      </c>
      <c r="Q43">
        <v>105</v>
      </c>
    </row>
    <row r="44" spans="4:17" x14ac:dyDescent="0.25">
      <c r="D44">
        <v>99.784701364278959</v>
      </c>
      <c r="E44">
        <v>111</v>
      </c>
      <c r="G44">
        <v>99.789263276162217</v>
      </c>
      <c r="H44">
        <v>112</v>
      </c>
      <c r="J44">
        <v>99.757086272423962</v>
      </c>
      <c r="K44">
        <v>111</v>
      </c>
      <c r="M44">
        <v>99.755028209326071</v>
      </c>
      <c r="N44">
        <v>111</v>
      </c>
      <c r="P44">
        <v>99.949499877709869</v>
      </c>
      <c r="Q44">
        <v>105</v>
      </c>
    </row>
    <row r="45" spans="4:17" x14ac:dyDescent="0.25">
      <c r="D45">
        <v>99.780130961094585</v>
      </c>
      <c r="E45">
        <v>112</v>
      </c>
      <c r="G45">
        <v>99.78480456973746</v>
      </c>
      <c r="H45">
        <v>112</v>
      </c>
      <c r="J45">
        <v>99.752284158191415</v>
      </c>
      <c r="K45">
        <v>112</v>
      </c>
      <c r="M45">
        <v>99.750589187428062</v>
      </c>
      <c r="N45">
        <v>112</v>
      </c>
      <c r="P45">
        <v>99.947366664681297</v>
      </c>
      <c r="Q45">
        <v>106</v>
      </c>
    </row>
    <row r="46" spans="4:17" x14ac:dyDescent="0.25">
      <c r="D46">
        <v>99.775995834403957</v>
      </c>
      <c r="E46">
        <v>112</v>
      </c>
      <c r="G46">
        <v>99.780795703130067</v>
      </c>
      <c r="H46">
        <v>112</v>
      </c>
      <c r="J46">
        <v>99.747492217929718</v>
      </c>
      <c r="K46">
        <v>112</v>
      </c>
      <c r="M46">
        <v>99.745755319916483</v>
      </c>
      <c r="N46">
        <v>112</v>
      </c>
      <c r="P46">
        <v>99.945951562969299</v>
      </c>
      <c r="Q46">
        <v>106</v>
      </c>
    </row>
    <row r="47" spans="4:17" x14ac:dyDescent="0.25">
      <c r="D47">
        <v>99.771425431219583</v>
      </c>
      <c r="E47">
        <v>112</v>
      </c>
      <c r="G47">
        <v>99.77678683652266</v>
      </c>
      <c r="H47">
        <v>113</v>
      </c>
      <c r="J47">
        <v>99.742700277668021</v>
      </c>
      <c r="K47">
        <v>112</v>
      </c>
      <c r="M47">
        <v>99.741328263037047</v>
      </c>
      <c r="N47">
        <v>112</v>
      </c>
      <c r="P47">
        <v>99.944536461257258</v>
      </c>
      <c r="Q47">
        <v>106</v>
      </c>
    </row>
    <row r="48" spans="4:17" x14ac:dyDescent="0.25">
      <c r="D48">
        <v>99.767303906919395</v>
      </c>
      <c r="E48">
        <v>113</v>
      </c>
      <c r="G48">
        <v>99.772777969915253</v>
      </c>
      <c r="H48">
        <v>113</v>
      </c>
      <c r="J48">
        <v>99.737552248427207</v>
      </c>
      <c r="K48">
        <v>113</v>
      </c>
      <c r="M48">
        <v>99.736889241139025</v>
      </c>
      <c r="N48">
        <v>113</v>
      </c>
      <c r="P48">
        <v>99.943100238624169</v>
      </c>
      <c r="Q48">
        <v>106</v>
      </c>
    </row>
    <row r="49" spans="4:17" x14ac:dyDescent="0.25">
      <c r="D49">
        <v>99.763182382619192</v>
      </c>
      <c r="E49">
        <v>113</v>
      </c>
      <c r="G49">
        <v>99.768769103307832</v>
      </c>
      <c r="H49">
        <v>113</v>
      </c>
      <c r="J49">
        <v>99.732760308165524</v>
      </c>
      <c r="K49">
        <v>113</v>
      </c>
      <c r="M49">
        <v>99.732462184259603</v>
      </c>
      <c r="N49">
        <v>113</v>
      </c>
      <c r="P49">
        <v>99.941685136912142</v>
      </c>
      <c r="Q49">
        <v>106</v>
      </c>
    </row>
    <row r="50" spans="4:17" x14ac:dyDescent="0.25">
      <c r="D50">
        <v>99.759047255928564</v>
      </c>
      <c r="E50">
        <v>113</v>
      </c>
      <c r="G50">
        <v>99.765210076517747</v>
      </c>
      <c r="H50">
        <v>114</v>
      </c>
      <c r="J50">
        <v>99.727968367903813</v>
      </c>
      <c r="K50">
        <v>113</v>
      </c>
      <c r="M50">
        <v>99.728429972993766</v>
      </c>
      <c r="N50">
        <v>113</v>
      </c>
      <c r="P50">
        <v>99.940270035200129</v>
      </c>
      <c r="Q50">
        <v>106</v>
      </c>
    </row>
    <row r="51" spans="4:17" x14ac:dyDescent="0.25">
      <c r="D51">
        <v>99.754925731628376</v>
      </c>
      <c r="E51">
        <v>114</v>
      </c>
      <c r="G51">
        <v>99.761187979327488</v>
      </c>
      <c r="H51">
        <v>114</v>
      </c>
      <c r="J51">
        <v>99.723166253671266</v>
      </c>
      <c r="K51">
        <v>114</v>
      </c>
      <c r="M51">
        <v>99.724409726746501</v>
      </c>
      <c r="N51">
        <v>114</v>
      </c>
      <c r="P51">
        <v>99.938833812567026</v>
      </c>
      <c r="Q51">
        <v>107</v>
      </c>
    </row>
    <row r="52" spans="4:17" x14ac:dyDescent="0.25">
      <c r="D52">
        <v>99.750804207328187</v>
      </c>
      <c r="E52">
        <v>114</v>
      </c>
      <c r="G52">
        <v>99.757628952537388</v>
      </c>
      <c r="H52">
        <v>114</v>
      </c>
      <c r="J52">
        <v>99.718374313409583</v>
      </c>
      <c r="K52">
        <v>114</v>
      </c>
      <c r="M52">
        <v>99.719970704848478</v>
      </c>
      <c r="N52">
        <v>114</v>
      </c>
      <c r="P52">
        <v>99.937418710855013</v>
      </c>
      <c r="Q52">
        <v>107</v>
      </c>
    </row>
    <row r="53" spans="4:17" x14ac:dyDescent="0.25">
      <c r="D53">
        <v>99.74714516430258</v>
      </c>
      <c r="E53">
        <v>114</v>
      </c>
      <c r="G53">
        <v>99.753620085929995</v>
      </c>
      <c r="H53">
        <v>115</v>
      </c>
      <c r="J53">
        <v>99.713918114185319</v>
      </c>
      <c r="K53">
        <v>114</v>
      </c>
      <c r="M53">
        <v>99.715938493582641</v>
      </c>
      <c r="N53">
        <v>114</v>
      </c>
      <c r="P53">
        <v>99.935982488221924</v>
      </c>
      <c r="Q53">
        <v>107</v>
      </c>
    </row>
    <row r="54" spans="4:17" x14ac:dyDescent="0.25">
      <c r="D54">
        <v>99.743023640002406</v>
      </c>
      <c r="E54">
        <v>115</v>
      </c>
      <c r="G54">
        <v>99.75006105913991</v>
      </c>
      <c r="H54">
        <v>115</v>
      </c>
      <c r="J54">
        <v>99.709115999952814</v>
      </c>
      <c r="K54">
        <v>115</v>
      </c>
      <c r="M54">
        <v>99.711918247335348</v>
      </c>
      <c r="N54">
        <v>115</v>
      </c>
      <c r="P54">
        <v>99.934567386509912</v>
      </c>
      <c r="Q54">
        <v>107</v>
      </c>
    </row>
    <row r="55" spans="4:17" x14ac:dyDescent="0.25">
      <c r="D55">
        <v>99.739350994586388</v>
      </c>
      <c r="E55">
        <v>115</v>
      </c>
      <c r="G55">
        <v>99.746488801766972</v>
      </c>
      <c r="H55">
        <v>115</v>
      </c>
      <c r="J55">
        <v>99.704324059691103</v>
      </c>
      <c r="K55">
        <v>115</v>
      </c>
      <c r="M55">
        <v>99.70788603606951</v>
      </c>
      <c r="N55">
        <v>115</v>
      </c>
      <c r="P55">
        <v>99.93315228479787</v>
      </c>
      <c r="Q55">
        <v>107</v>
      </c>
    </row>
    <row r="56" spans="4:17" x14ac:dyDescent="0.25">
      <c r="D56">
        <v>99.735691951560796</v>
      </c>
      <c r="E56">
        <v>115</v>
      </c>
      <c r="G56">
        <v>99.742929774976886</v>
      </c>
      <c r="H56">
        <v>116</v>
      </c>
      <c r="J56">
        <v>99.699186204421125</v>
      </c>
      <c r="K56">
        <v>115</v>
      </c>
      <c r="M56">
        <v>99.704260635435801</v>
      </c>
      <c r="N56">
        <v>115</v>
      </c>
      <c r="P56">
        <v>99.931716062164782</v>
      </c>
      <c r="Q56">
        <v>107</v>
      </c>
    </row>
    <row r="57" spans="4:17" x14ac:dyDescent="0.25">
      <c r="D57">
        <v>99.732032908535203</v>
      </c>
      <c r="E57">
        <v>116</v>
      </c>
      <c r="G57">
        <v>99.739357517603963</v>
      </c>
      <c r="H57">
        <v>116</v>
      </c>
      <c r="J57">
        <v>99.69438409018862</v>
      </c>
      <c r="K57">
        <v>116</v>
      </c>
      <c r="M57">
        <v>99.70022842416995</v>
      </c>
      <c r="N57">
        <v>116</v>
      </c>
      <c r="P57">
        <v>99.930300960452755</v>
      </c>
      <c r="Q57">
        <v>108</v>
      </c>
    </row>
    <row r="58" spans="4:17" x14ac:dyDescent="0.25">
      <c r="D58">
        <v>99.728360263119214</v>
      </c>
      <c r="E58">
        <v>116</v>
      </c>
      <c r="G58">
        <v>99.735798490813877</v>
      </c>
      <c r="H58">
        <v>116</v>
      </c>
      <c r="J58">
        <v>99.689938064935163</v>
      </c>
      <c r="K58">
        <v>116</v>
      </c>
      <c r="M58">
        <v>99.696603023536269</v>
      </c>
      <c r="N58">
        <v>116</v>
      </c>
      <c r="P58">
        <v>99.928885858740742</v>
      </c>
      <c r="Q58">
        <v>108</v>
      </c>
    </row>
    <row r="59" spans="4:17" x14ac:dyDescent="0.25">
      <c r="D59">
        <v>99.724701220093621</v>
      </c>
      <c r="E59">
        <v>116</v>
      </c>
      <c r="G59">
        <v>99.732676073258276</v>
      </c>
      <c r="H59">
        <v>117</v>
      </c>
      <c r="J59">
        <v>99.685481865710926</v>
      </c>
      <c r="K59">
        <v>116</v>
      </c>
      <c r="M59">
        <v>99.692977622902561</v>
      </c>
      <c r="N59">
        <v>116</v>
      </c>
      <c r="P59">
        <v>99.927449636107653</v>
      </c>
      <c r="Q59">
        <v>108</v>
      </c>
    </row>
    <row r="60" spans="4:17" x14ac:dyDescent="0.25">
      <c r="D60">
        <v>99.721028574677604</v>
      </c>
      <c r="E60">
        <v>117</v>
      </c>
      <c r="G60">
        <v>99.728667206650854</v>
      </c>
      <c r="H60">
        <v>117</v>
      </c>
      <c r="J60">
        <v>99.681025666486661</v>
      </c>
      <c r="K60">
        <v>117</v>
      </c>
      <c r="M60">
        <v>99.688945411636723</v>
      </c>
      <c r="N60">
        <v>117</v>
      </c>
      <c r="P60">
        <v>99.92603453439564</v>
      </c>
      <c r="Q60">
        <v>108</v>
      </c>
    </row>
    <row r="61" spans="4:17" x14ac:dyDescent="0.25">
      <c r="D61">
        <v>99.716907050377401</v>
      </c>
      <c r="E61">
        <v>117</v>
      </c>
      <c r="G61">
        <v>99.725108179860769</v>
      </c>
      <c r="H61">
        <v>117</v>
      </c>
      <c r="J61">
        <v>99.676915382270678</v>
      </c>
      <c r="K61">
        <v>117</v>
      </c>
      <c r="M61">
        <v>99.685320011003043</v>
      </c>
      <c r="N61">
        <v>117</v>
      </c>
      <c r="P61">
        <v>99.924619432683627</v>
      </c>
      <c r="Q61">
        <v>108</v>
      </c>
    </row>
    <row r="62" spans="4:17" x14ac:dyDescent="0.25">
      <c r="D62">
        <v>99.713248007351822</v>
      </c>
      <c r="E62">
        <v>117</v>
      </c>
      <c r="G62">
        <v>99.721099313253376</v>
      </c>
      <c r="H62">
        <v>118</v>
      </c>
      <c r="J62">
        <v>99.67280509805471</v>
      </c>
      <c r="K62">
        <v>117</v>
      </c>
      <c r="M62">
        <v>99.681287799737177</v>
      </c>
      <c r="N62">
        <v>117</v>
      </c>
      <c r="P62">
        <v>99.92318321005051</v>
      </c>
      <c r="Q62">
        <v>108</v>
      </c>
    </row>
    <row r="63" spans="4:17" x14ac:dyDescent="0.25">
      <c r="D63">
        <v>99.70912648305162</v>
      </c>
      <c r="E63">
        <v>118</v>
      </c>
      <c r="G63">
        <v>99.717090446645955</v>
      </c>
      <c r="H63">
        <v>118</v>
      </c>
      <c r="J63">
        <v>99.668694813838727</v>
      </c>
      <c r="K63">
        <v>118</v>
      </c>
      <c r="M63">
        <v>99.677662399103482</v>
      </c>
      <c r="N63">
        <v>118</v>
      </c>
      <c r="P63">
        <v>99.921768108338512</v>
      </c>
      <c r="Q63">
        <v>109</v>
      </c>
    </row>
    <row r="64" spans="4:17" x14ac:dyDescent="0.25">
      <c r="D64">
        <v>99.705453837635616</v>
      </c>
      <c r="E64">
        <v>118</v>
      </c>
      <c r="G64">
        <v>99.712631740221212</v>
      </c>
      <c r="H64">
        <v>118</v>
      </c>
      <c r="J64">
        <v>99.664238614614447</v>
      </c>
      <c r="K64">
        <v>118</v>
      </c>
      <c r="M64">
        <v>99.673630187837631</v>
      </c>
      <c r="N64">
        <v>118</v>
      </c>
      <c r="P64">
        <v>99.920353006626456</v>
      </c>
      <c r="Q64">
        <v>109</v>
      </c>
    </row>
    <row r="65" spans="4:17" x14ac:dyDescent="0.25">
      <c r="D65">
        <v>99.701332313335413</v>
      </c>
      <c r="E65">
        <v>118</v>
      </c>
      <c r="G65">
        <v>99.70817303379647</v>
      </c>
      <c r="H65">
        <v>119</v>
      </c>
      <c r="J65">
        <v>99.660128330398507</v>
      </c>
      <c r="K65">
        <v>118</v>
      </c>
      <c r="M65">
        <v>99.669203130958195</v>
      </c>
      <c r="N65">
        <v>118</v>
      </c>
      <c r="P65">
        <v>99.918916783993367</v>
      </c>
      <c r="Q65">
        <v>109</v>
      </c>
    </row>
    <row r="66" spans="4:17" x14ac:dyDescent="0.25">
      <c r="D66">
        <v>99.696761910151039</v>
      </c>
      <c r="E66">
        <v>119</v>
      </c>
      <c r="G66">
        <v>99.704164167189063</v>
      </c>
      <c r="H66">
        <v>119</v>
      </c>
      <c r="J66">
        <v>99.655326216165946</v>
      </c>
      <c r="K66">
        <v>119</v>
      </c>
      <c r="M66">
        <v>99.665170919692343</v>
      </c>
      <c r="N66">
        <v>119</v>
      </c>
      <c r="P66">
        <v>99.917501682281369</v>
      </c>
      <c r="Q66">
        <v>109</v>
      </c>
    </row>
    <row r="67" spans="4:17" x14ac:dyDescent="0.25">
      <c r="D67">
        <v>99.692177904576241</v>
      </c>
      <c r="E67">
        <v>119</v>
      </c>
      <c r="G67">
        <v>99.699705460764307</v>
      </c>
      <c r="H67">
        <v>119</v>
      </c>
      <c r="J67">
        <v>99.650534275904263</v>
      </c>
      <c r="K67">
        <v>119</v>
      </c>
      <c r="M67">
        <v>99.661138708426492</v>
      </c>
      <c r="N67">
        <v>119</v>
      </c>
      <c r="P67">
        <v>99.916086580569342</v>
      </c>
      <c r="Q67">
        <v>109</v>
      </c>
    </row>
    <row r="68" spans="4:17" x14ac:dyDescent="0.25">
      <c r="D68">
        <v>99.688056380276052</v>
      </c>
      <c r="E68">
        <v>119</v>
      </c>
      <c r="G68">
        <v>99.69525998492243</v>
      </c>
      <c r="H68">
        <v>120</v>
      </c>
      <c r="J68">
        <v>99.645732161671731</v>
      </c>
      <c r="K68">
        <v>119</v>
      </c>
      <c r="M68">
        <v>99.656711651547056</v>
      </c>
      <c r="N68">
        <v>119</v>
      </c>
      <c r="P68">
        <v>99.914650357936239</v>
      </c>
      <c r="Q68">
        <v>109</v>
      </c>
    </row>
    <row r="69" spans="4:17" x14ac:dyDescent="0.25">
      <c r="D69">
        <v>99.683472374701239</v>
      </c>
      <c r="E69">
        <v>120</v>
      </c>
      <c r="G69">
        <v>99.690801278497673</v>
      </c>
      <c r="H69">
        <v>120</v>
      </c>
      <c r="J69">
        <v>99.640594306401766</v>
      </c>
      <c r="K69">
        <v>120</v>
      </c>
      <c r="M69">
        <v>99.652679440281204</v>
      </c>
      <c r="N69">
        <v>120</v>
      </c>
      <c r="P69">
        <v>99.913235256224226</v>
      </c>
      <c r="Q69">
        <v>110</v>
      </c>
    </row>
    <row r="70" spans="4:17" x14ac:dyDescent="0.25">
      <c r="D70">
        <v>99.67888836912644</v>
      </c>
      <c r="E70">
        <v>120</v>
      </c>
      <c r="G70">
        <v>99.686342572072931</v>
      </c>
      <c r="H70">
        <v>120</v>
      </c>
      <c r="J70">
        <v>99.635456451131773</v>
      </c>
      <c r="K70">
        <v>120</v>
      </c>
      <c r="M70">
        <v>99.648252383401783</v>
      </c>
      <c r="N70">
        <v>120</v>
      </c>
      <c r="P70">
        <v>99.911799033591137</v>
      </c>
      <c r="Q70">
        <v>110</v>
      </c>
    </row>
    <row r="71" spans="4:17" x14ac:dyDescent="0.25">
      <c r="D71">
        <v>99.674317965942066</v>
      </c>
      <c r="E71">
        <v>120</v>
      </c>
      <c r="G71">
        <v>99.681883865648189</v>
      </c>
      <c r="H71">
        <v>120</v>
      </c>
      <c r="J71">
        <v>99.630318595861823</v>
      </c>
      <c r="K71">
        <v>120</v>
      </c>
      <c r="M71">
        <v>99.64381336150376</v>
      </c>
      <c r="N71">
        <v>120</v>
      </c>
      <c r="P71">
        <v>99.911102043195655</v>
      </c>
      <c r="Q71">
        <v>110</v>
      </c>
    </row>
    <row r="72" spans="4:17" x14ac:dyDescent="0.25">
      <c r="D72">
        <v>99.669271479092643</v>
      </c>
      <c r="E72">
        <v>120</v>
      </c>
      <c r="G72">
        <v>99.677438389806312</v>
      </c>
      <c r="H72">
        <v>120</v>
      </c>
      <c r="J72">
        <v>99.62518074059183</v>
      </c>
      <c r="K72">
        <v>120</v>
      </c>
      <c r="M72">
        <v>99.639386304624338</v>
      </c>
      <c r="N72">
        <v>120</v>
      </c>
      <c r="P72">
        <v>99.909665820562566</v>
      </c>
      <c r="Q72">
        <v>110</v>
      </c>
    </row>
    <row r="73" spans="4:17" x14ac:dyDescent="0.25">
      <c r="D73">
        <v>99.664687473517844</v>
      </c>
      <c r="E73">
        <v>120</v>
      </c>
      <c r="G73">
        <v>99.67297968338157</v>
      </c>
      <c r="H73">
        <v>120</v>
      </c>
      <c r="J73">
        <v>99.620042885321851</v>
      </c>
      <c r="K73">
        <v>120</v>
      </c>
      <c r="M73">
        <v>99.634959247744931</v>
      </c>
      <c r="N73">
        <v>120</v>
      </c>
      <c r="P73">
        <v>99.908250718850553</v>
      </c>
      <c r="Q73">
        <v>110</v>
      </c>
    </row>
    <row r="74" spans="4:17" x14ac:dyDescent="0.25">
      <c r="D74">
        <v>99.66011707033347</v>
      </c>
      <c r="E74">
        <v>120</v>
      </c>
      <c r="G74">
        <v>99.668071137139492</v>
      </c>
      <c r="H74">
        <v>120</v>
      </c>
      <c r="J74">
        <v>99.615240771089319</v>
      </c>
      <c r="K74">
        <v>120</v>
      </c>
      <c r="M74">
        <v>99.630520225846908</v>
      </c>
      <c r="N74">
        <v>120</v>
      </c>
      <c r="P74">
        <v>99.906835617138526</v>
      </c>
      <c r="Q74">
        <v>110</v>
      </c>
    </row>
    <row r="75" spans="4:17" x14ac:dyDescent="0.25">
      <c r="D75">
        <v>99.655070583484061</v>
      </c>
      <c r="E75">
        <v>120</v>
      </c>
      <c r="G75">
        <v>99.663625661297615</v>
      </c>
      <c r="H75">
        <v>120</v>
      </c>
      <c r="J75">
        <v>99.610448830827636</v>
      </c>
      <c r="K75">
        <v>120</v>
      </c>
      <c r="M75">
        <v>99.626093168967472</v>
      </c>
      <c r="N75">
        <v>120</v>
      </c>
      <c r="P75">
        <v>99.905399394505437</v>
      </c>
      <c r="Q75">
        <v>111</v>
      </c>
    </row>
    <row r="76" spans="4:17" x14ac:dyDescent="0.25">
      <c r="D76">
        <v>99.650486577909263</v>
      </c>
      <c r="E76">
        <v>120</v>
      </c>
      <c r="G76">
        <v>99.658717115055524</v>
      </c>
      <c r="H76">
        <v>120</v>
      </c>
      <c r="J76">
        <v>99.605992631603371</v>
      </c>
      <c r="K76">
        <v>120</v>
      </c>
      <c r="M76">
        <v>99.621259301455893</v>
      </c>
      <c r="N76">
        <v>120</v>
      </c>
      <c r="P76">
        <v>99.90398429279341</v>
      </c>
      <c r="Q76">
        <v>111</v>
      </c>
    </row>
    <row r="77" spans="4:17" x14ac:dyDescent="0.25">
      <c r="D77">
        <v>99.645453693450278</v>
      </c>
      <c r="E77">
        <v>120</v>
      </c>
      <c r="G77">
        <v>99.653821799396326</v>
      </c>
      <c r="H77">
        <v>120</v>
      </c>
      <c r="J77">
        <v>99.601200691341688</v>
      </c>
      <c r="K77">
        <v>120</v>
      </c>
      <c r="M77">
        <v>99.616820279557885</v>
      </c>
      <c r="N77">
        <v>120</v>
      </c>
      <c r="P77">
        <v>99.902569191081383</v>
      </c>
      <c r="Q77">
        <v>111</v>
      </c>
    </row>
    <row r="78" spans="4:17" x14ac:dyDescent="0.25">
      <c r="D78">
        <v>99.64086968787548</v>
      </c>
      <c r="E78">
        <v>120</v>
      </c>
      <c r="G78">
        <v>99.649363092971583</v>
      </c>
      <c r="H78">
        <v>120</v>
      </c>
      <c r="J78">
        <v>99.596398577109142</v>
      </c>
      <c r="K78">
        <v>120</v>
      </c>
      <c r="M78">
        <v>99.612393222678463</v>
      </c>
      <c r="N78">
        <v>120</v>
      </c>
      <c r="P78">
        <v>99.901132968448309</v>
      </c>
      <c r="Q78">
        <v>111</v>
      </c>
    </row>
    <row r="79" spans="4:17" x14ac:dyDescent="0.25">
      <c r="D79">
        <v>99.635836803416495</v>
      </c>
      <c r="E79">
        <v>120</v>
      </c>
      <c r="G79">
        <v>99.644467777312357</v>
      </c>
      <c r="H79">
        <v>120</v>
      </c>
      <c r="J79">
        <v>99.591942377884877</v>
      </c>
      <c r="K79">
        <v>120</v>
      </c>
      <c r="M79">
        <v>99.607559355166856</v>
      </c>
      <c r="N79">
        <v>120</v>
      </c>
      <c r="P79">
        <v>99.899717866736268</v>
      </c>
      <c r="Q79">
        <v>111</v>
      </c>
    </row>
    <row r="80" spans="4:17" x14ac:dyDescent="0.25">
      <c r="D80">
        <v>99.630790316567072</v>
      </c>
      <c r="E80">
        <v>120</v>
      </c>
      <c r="G80">
        <v>99.63955923107028</v>
      </c>
      <c r="H80">
        <v>120</v>
      </c>
      <c r="J80">
        <v>99.587496352631462</v>
      </c>
      <c r="K80">
        <v>120</v>
      </c>
      <c r="M80">
        <v>99.603120333268834</v>
      </c>
      <c r="N80">
        <v>120</v>
      </c>
      <c r="P80">
        <v>99.898999755419737</v>
      </c>
      <c r="Q80">
        <v>111</v>
      </c>
    </row>
    <row r="81" spans="4:17" x14ac:dyDescent="0.25">
      <c r="D81">
        <v>99.625757432108102</v>
      </c>
      <c r="E81">
        <v>120</v>
      </c>
      <c r="G81">
        <v>99.634663915411053</v>
      </c>
      <c r="H81">
        <v>120</v>
      </c>
      <c r="J81">
        <v>99.583040153407211</v>
      </c>
      <c r="K81">
        <v>120</v>
      </c>
      <c r="M81">
        <v>99.598693276389412</v>
      </c>
      <c r="N81">
        <v>120</v>
      </c>
      <c r="P81">
        <v>99.897584653707725</v>
      </c>
      <c r="Q81">
        <v>112</v>
      </c>
    </row>
    <row r="82" spans="4:17" x14ac:dyDescent="0.25">
      <c r="D82">
        <v>99.620724547649104</v>
      </c>
      <c r="E82">
        <v>120</v>
      </c>
      <c r="G82">
        <v>99.629755369168976</v>
      </c>
      <c r="H82">
        <v>120</v>
      </c>
      <c r="J82">
        <v>99.578238039174678</v>
      </c>
      <c r="K82">
        <v>120</v>
      </c>
      <c r="M82">
        <v>99.593859408877819</v>
      </c>
      <c r="N82">
        <v>120</v>
      </c>
      <c r="P82">
        <v>99.896169551995698</v>
      </c>
      <c r="Q82">
        <v>112</v>
      </c>
    </row>
    <row r="83" spans="4:17" x14ac:dyDescent="0.25">
      <c r="D83">
        <v>99.615678060799681</v>
      </c>
      <c r="E83">
        <v>120</v>
      </c>
      <c r="G83">
        <v>99.624860053509778</v>
      </c>
      <c r="H83">
        <v>120</v>
      </c>
      <c r="J83">
        <v>99.573792013921263</v>
      </c>
      <c r="K83">
        <v>120</v>
      </c>
      <c r="M83">
        <v>99.58942038697981</v>
      </c>
      <c r="N83">
        <v>120</v>
      </c>
      <c r="P83">
        <v>99.894733329362595</v>
      </c>
      <c r="Q83">
        <v>112</v>
      </c>
    </row>
    <row r="84" spans="4:17" x14ac:dyDescent="0.25">
      <c r="D84">
        <v>99.611094055224896</v>
      </c>
      <c r="E84">
        <v>120</v>
      </c>
      <c r="G84">
        <v>99.619951507267686</v>
      </c>
      <c r="H84">
        <v>120</v>
      </c>
      <c r="J84">
        <v>99.568654158651285</v>
      </c>
      <c r="K84">
        <v>120</v>
      </c>
      <c r="M84">
        <v>99.584993330100389</v>
      </c>
      <c r="N84">
        <v>120</v>
      </c>
      <c r="P84">
        <v>99.893318227650582</v>
      </c>
      <c r="Q84">
        <v>112</v>
      </c>
    </row>
    <row r="85" spans="4:17" x14ac:dyDescent="0.25">
      <c r="D85">
        <v>99.606523652040508</v>
      </c>
      <c r="E85">
        <v>120</v>
      </c>
      <c r="G85">
        <v>99.615506031425809</v>
      </c>
      <c r="H85">
        <v>120</v>
      </c>
      <c r="J85">
        <v>99.563852044418752</v>
      </c>
      <c r="K85">
        <v>120</v>
      </c>
      <c r="M85">
        <v>99.580159462588796</v>
      </c>
      <c r="N85">
        <v>120</v>
      </c>
      <c r="P85">
        <v>99.891903125938555</v>
      </c>
      <c r="Q85">
        <v>112</v>
      </c>
    </row>
    <row r="86" spans="4:17" x14ac:dyDescent="0.25">
      <c r="D86">
        <v>99.601939646465709</v>
      </c>
      <c r="E86">
        <v>120</v>
      </c>
      <c r="G86">
        <v>99.611047325001067</v>
      </c>
      <c r="H86">
        <v>120</v>
      </c>
      <c r="J86">
        <v>99.559060104157069</v>
      </c>
      <c r="K86">
        <v>120</v>
      </c>
      <c r="M86">
        <v>99.576127251322959</v>
      </c>
      <c r="N86">
        <v>120</v>
      </c>
      <c r="P86">
        <v>99.890466903305466</v>
      </c>
      <c r="Q86">
        <v>112</v>
      </c>
    </row>
    <row r="87" spans="4:17" x14ac:dyDescent="0.25">
      <c r="D87">
        <v>99.59735564089091</v>
      </c>
      <c r="E87">
        <v>120</v>
      </c>
      <c r="G87">
        <v>99.606588618576325</v>
      </c>
      <c r="H87">
        <v>120</v>
      </c>
      <c r="J87">
        <v>99.55460390493279</v>
      </c>
      <c r="K87">
        <v>120</v>
      </c>
      <c r="M87">
        <v>99.571700194443522</v>
      </c>
      <c r="N87">
        <v>120</v>
      </c>
      <c r="P87">
        <v>99.889051801593453</v>
      </c>
      <c r="Q87">
        <v>113</v>
      </c>
    </row>
    <row r="88" spans="4:17" x14ac:dyDescent="0.25">
      <c r="D88">
        <v>99.593234116590722</v>
      </c>
      <c r="E88">
        <v>120</v>
      </c>
      <c r="G88">
        <v>99.602129912151597</v>
      </c>
      <c r="H88">
        <v>120</v>
      </c>
      <c r="J88">
        <v>99.549801790700258</v>
      </c>
      <c r="K88">
        <v>120</v>
      </c>
      <c r="M88">
        <v>99.567667983177671</v>
      </c>
      <c r="N88">
        <v>120</v>
      </c>
      <c r="P88">
        <v>99.887636699881426</v>
      </c>
      <c r="Q88">
        <v>113</v>
      </c>
    </row>
    <row r="89" spans="4:17" x14ac:dyDescent="0.25">
      <c r="D89">
        <v>99.588650111015923</v>
      </c>
      <c r="E89">
        <v>120</v>
      </c>
      <c r="G89">
        <v>99.598121045544175</v>
      </c>
      <c r="H89">
        <v>120</v>
      </c>
      <c r="J89">
        <v>99.545355765446843</v>
      </c>
      <c r="K89">
        <v>120</v>
      </c>
      <c r="M89">
        <v>99.563635771911819</v>
      </c>
      <c r="N89">
        <v>120</v>
      </c>
      <c r="P89">
        <v>99.886200477248337</v>
      </c>
      <c r="Q89">
        <v>113</v>
      </c>
    </row>
    <row r="90" spans="4:17" x14ac:dyDescent="0.25">
      <c r="D90">
        <v>99.58452858671572</v>
      </c>
      <c r="E90">
        <v>120</v>
      </c>
      <c r="G90">
        <v>99.594112178936768</v>
      </c>
      <c r="H90">
        <v>120</v>
      </c>
      <c r="J90">
        <v>99.540899566222592</v>
      </c>
      <c r="K90">
        <v>120</v>
      </c>
      <c r="M90">
        <v>99.560010371278111</v>
      </c>
      <c r="N90">
        <v>120</v>
      </c>
      <c r="P90">
        <v>99.88478537553631</v>
      </c>
      <c r="Q90">
        <v>113</v>
      </c>
    </row>
    <row r="91" spans="4:17" x14ac:dyDescent="0.25">
      <c r="D91">
        <v>99.580869543690127</v>
      </c>
      <c r="E91">
        <v>120</v>
      </c>
      <c r="G91">
        <v>99.590553152146683</v>
      </c>
      <c r="H91">
        <v>120</v>
      </c>
      <c r="J91">
        <v>99.537125023044041</v>
      </c>
      <c r="K91">
        <v>120</v>
      </c>
      <c r="M91">
        <v>99.556384970644416</v>
      </c>
      <c r="N91">
        <v>120</v>
      </c>
      <c r="P91">
        <v>99.883349152903207</v>
      </c>
      <c r="Q91">
        <v>113</v>
      </c>
    </row>
    <row r="92" spans="4:17" x14ac:dyDescent="0.25">
      <c r="D92">
        <v>99.577196898274124</v>
      </c>
      <c r="E92">
        <v>120</v>
      </c>
      <c r="G92">
        <v>99.586980894773731</v>
      </c>
      <c r="H92">
        <v>120</v>
      </c>
      <c r="J92">
        <v>99.533014738828058</v>
      </c>
      <c r="K92">
        <v>120</v>
      </c>
      <c r="M92">
        <v>99.553166380642892</v>
      </c>
      <c r="N92">
        <v>120</v>
      </c>
      <c r="P92">
        <v>99.881934051191209</v>
      </c>
      <c r="Q92">
        <v>113</v>
      </c>
    </row>
    <row r="93" spans="4:17" x14ac:dyDescent="0.25">
      <c r="D93">
        <v>99.574000336523156</v>
      </c>
      <c r="E93">
        <v>120</v>
      </c>
      <c r="G93">
        <v>99.583871707800995</v>
      </c>
      <c r="H93">
        <v>120</v>
      </c>
      <c r="J93">
        <v>99.529596284628653</v>
      </c>
      <c r="K93">
        <v>120</v>
      </c>
      <c r="M93">
        <v>99.549935825622768</v>
      </c>
      <c r="N93">
        <v>120</v>
      </c>
      <c r="P93">
        <v>99.880518949479182</v>
      </c>
      <c r="Q93">
        <v>114</v>
      </c>
    </row>
    <row r="94" spans="4:17" x14ac:dyDescent="0.25">
      <c r="D94">
        <v>99.570790172381734</v>
      </c>
      <c r="E94">
        <v>120</v>
      </c>
      <c r="G94">
        <v>99.580749290245379</v>
      </c>
      <c r="H94">
        <v>120</v>
      </c>
      <c r="J94">
        <v>99.52650339749583</v>
      </c>
      <c r="K94">
        <v>120</v>
      </c>
      <c r="M94">
        <v>99.547112081234815</v>
      </c>
      <c r="N94">
        <v>120</v>
      </c>
      <c r="P94">
        <v>99.879082726846093</v>
      </c>
      <c r="Q94">
        <v>114</v>
      </c>
    </row>
    <row r="95" spans="4:17" x14ac:dyDescent="0.25">
      <c r="D95">
        <v>99.567580008240327</v>
      </c>
      <c r="E95">
        <v>120</v>
      </c>
      <c r="G95">
        <v>99.577626872689791</v>
      </c>
      <c r="H95">
        <v>120</v>
      </c>
      <c r="J95">
        <v>99.523420684333843</v>
      </c>
      <c r="K95">
        <v>120</v>
      </c>
      <c r="M95">
        <v>99.544300301865434</v>
      </c>
      <c r="N95">
        <v>120</v>
      </c>
      <c r="P95">
        <v>99.87766762513408</v>
      </c>
      <c r="Q95">
        <v>114</v>
      </c>
    </row>
    <row r="96" spans="4:17" x14ac:dyDescent="0.25">
      <c r="D96">
        <v>99.563920965214734</v>
      </c>
      <c r="E96">
        <v>120</v>
      </c>
      <c r="G96">
        <v>99.574954294951496</v>
      </c>
      <c r="H96">
        <v>120</v>
      </c>
      <c r="J96">
        <v>99.52033797117187</v>
      </c>
      <c r="K96">
        <v>120</v>
      </c>
      <c r="M96">
        <v>99.541476557477509</v>
      </c>
      <c r="N96">
        <v>120</v>
      </c>
      <c r="P96">
        <v>99.876949513817522</v>
      </c>
      <c r="Q96">
        <v>114</v>
      </c>
    </row>
    <row r="97" spans="4:17" x14ac:dyDescent="0.25">
      <c r="D97">
        <v>99.561173282347951</v>
      </c>
      <c r="E97">
        <v>120</v>
      </c>
      <c r="G97">
        <v>99.57228171721323</v>
      </c>
      <c r="H97">
        <v>120</v>
      </c>
      <c r="J97">
        <v>99.517255258009882</v>
      </c>
      <c r="K97">
        <v>120</v>
      </c>
      <c r="M97">
        <v>99.538652813089527</v>
      </c>
      <c r="N97">
        <v>120</v>
      </c>
      <c r="P97">
        <v>99.87553441210548</v>
      </c>
      <c r="Q97">
        <v>114</v>
      </c>
    </row>
    <row r="98" spans="4:17" x14ac:dyDescent="0.25">
      <c r="D98">
        <v>99.557963118206544</v>
      </c>
      <c r="E98">
        <v>120</v>
      </c>
      <c r="G98">
        <v>99.570058979292284</v>
      </c>
      <c r="H98">
        <v>120</v>
      </c>
      <c r="J98">
        <v>99.51486437486443</v>
      </c>
      <c r="K98">
        <v>120</v>
      </c>
      <c r="M98">
        <v>99.536642689965902</v>
      </c>
      <c r="N98">
        <v>120</v>
      </c>
      <c r="P98">
        <v>99.874119310393468</v>
      </c>
      <c r="Q98">
        <v>114</v>
      </c>
    </row>
    <row r="99" spans="4:17" x14ac:dyDescent="0.25">
      <c r="D99">
        <v>99.555215435339733</v>
      </c>
      <c r="E99">
        <v>120</v>
      </c>
      <c r="G99">
        <v>99.567823010788487</v>
      </c>
      <c r="H99">
        <v>120</v>
      </c>
      <c r="J99">
        <v>99.512463317748185</v>
      </c>
      <c r="K99">
        <v>120</v>
      </c>
      <c r="M99">
        <v>99.534225756210091</v>
      </c>
      <c r="N99">
        <v>120</v>
      </c>
      <c r="P99">
        <v>99.872683087760393</v>
      </c>
      <c r="Q99">
        <v>115</v>
      </c>
    </row>
    <row r="100" spans="4:17" x14ac:dyDescent="0.25">
      <c r="D100">
        <v>99.552930233747546</v>
      </c>
      <c r="E100">
        <v>120</v>
      </c>
      <c r="G100">
        <v>99.565600272867542</v>
      </c>
      <c r="H100">
        <v>120</v>
      </c>
      <c r="J100">
        <v>99.510062260631926</v>
      </c>
      <c r="K100">
        <v>120</v>
      </c>
      <c r="M100">
        <v>99.532203668067893</v>
      </c>
      <c r="N100">
        <v>120</v>
      </c>
      <c r="P100">
        <v>99.871267986048366</v>
      </c>
      <c r="Q100">
        <v>115</v>
      </c>
    </row>
    <row r="101" spans="4:17" x14ac:dyDescent="0.25">
      <c r="D101">
        <v>99.552005271198325</v>
      </c>
      <c r="E101">
        <v>120</v>
      </c>
      <c r="G101">
        <v>99.564263983998401</v>
      </c>
      <c r="H101">
        <v>120</v>
      </c>
      <c r="J101">
        <v>99.508007118523935</v>
      </c>
      <c r="K101">
        <v>120</v>
      </c>
      <c r="M101">
        <v>99.53019354494424</v>
      </c>
      <c r="N101">
        <v>120</v>
      </c>
      <c r="P101">
        <v>99.870549874731836</v>
      </c>
      <c r="Q101">
        <v>115</v>
      </c>
    </row>
    <row r="102" spans="4:17" x14ac:dyDescent="0.25">
      <c r="D102">
        <v>99.549257588331542</v>
      </c>
      <c r="E102">
        <v>120</v>
      </c>
      <c r="G102">
        <v>99.56247785531194</v>
      </c>
      <c r="H102">
        <v>120</v>
      </c>
      <c r="J102">
        <v>99.505951976415929</v>
      </c>
      <c r="K102">
        <v>120</v>
      </c>
      <c r="M102">
        <v>99.528578267434185</v>
      </c>
      <c r="N102">
        <v>120</v>
      </c>
      <c r="P102">
        <v>99.869134773019795</v>
      </c>
      <c r="Q102">
        <v>115</v>
      </c>
    </row>
    <row r="103" spans="4:17" x14ac:dyDescent="0.25">
      <c r="D103">
        <v>99.54697238673937</v>
      </c>
      <c r="E103">
        <v>120</v>
      </c>
      <c r="G103">
        <v>99.561141566442799</v>
      </c>
      <c r="H103">
        <v>120</v>
      </c>
      <c r="J103">
        <v>99.503896834307938</v>
      </c>
      <c r="K103">
        <v>120</v>
      </c>
      <c r="M103">
        <v>99.526974954942744</v>
      </c>
      <c r="N103">
        <v>120</v>
      </c>
      <c r="P103">
        <v>99.867719671307782</v>
      </c>
      <c r="Q103">
        <v>115</v>
      </c>
    </row>
    <row r="104" spans="4:17" x14ac:dyDescent="0.25">
      <c r="D104">
        <v>99.545136064031354</v>
      </c>
      <c r="E104">
        <v>120</v>
      </c>
      <c r="G104">
        <v>99.559368668339204</v>
      </c>
      <c r="H104">
        <v>120</v>
      </c>
      <c r="J104">
        <v>99.501841692199946</v>
      </c>
      <c r="K104">
        <v>120</v>
      </c>
      <c r="M104">
        <v>99.525359677432661</v>
      </c>
      <c r="N104">
        <v>120</v>
      </c>
      <c r="P104">
        <v>99.866283448674679</v>
      </c>
      <c r="Q104">
        <v>115</v>
      </c>
    </row>
    <row r="105" spans="4:17" x14ac:dyDescent="0.25">
      <c r="D105">
        <v>99.543299741323338</v>
      </c>
      <c r="E105">
        <v>120</v>
      </c>
      <c r="G105">
        <v>99.558468988704533</v>
      </c>
      <c r="H105">
        <v>120</v>
      </c>
      <c r="J105">
        <v>99.500468206137683</v>
      </c>
      <c r="K105">
        <v>120</v>
      </c>
      <c r="M105">
        <v>99.524151210554763</v>
      </c>
      <c r="N105">
        <v>120</v>
      </c>
      <c r="P105">
        <v>99.864868346962666</v>
      </c>
      <c r="Q105">
        <v>116</v>
      </c>
    </row>
    <row r="106" spans="4:17" x14ac:dyDescent="0.25">
      <c r="D106">
        <v>99.541477021005775</v>
      </c>
      <c r="E106">
        <v>120</v>
      </c>
      <c r="G106">
        <v>99.557132699835392</v>
      </c>
      <c r="H106">
        <v>120</v>
      </c>
      <c r="J106">
        <v>99.499094720075405</v>
      </c>
      <c r="K106">
        <v>120</v>
      </c>
      <c r="M106">
        <v>99.522942743676865</v>
      </c>
      <c r="N106">
        <v>120</v>
      </c>
      <c r="P106">
        <v>99.863453245250625</v>
      </c>
      <c r="Q106">
        <v>116</v>
      </c>
    </row>
    <row r="107" spans="4:17" x14ac:dyDescent="0.25">
      <c r="D107">
        <v>99.539640698297745</v>
      </c>
      <c r="E107">
        <v>120</v>
      </c>
      <c r="G107">
        <v>99.555796410966252</v>
      </c>
      <c r="H107">
        <v>120</v>
      </c>
      <c r="J107">
        <v>99.497731407983963</v>
      </c>
      <c r="K107">
        <v>120</v>
      </c>
      <c r="M107">
        <v>99.521734276798966</v>
      </c>
      <c r="N107">
        <v>120</v>
      </c>
      <c r="P107">
        <v>99.86201702261755</v>
      </c>
      <c r="Q107">
        <v>116</v>
      </c>
    </row>
    <row r="108" spans="4:17" x14ac:dyDescent="0.25">
      <c r="D108">
        <v>99.537804375589758</v>
      </c>
      <c r="E108">
        <v>120</v>
      </c>
      <c r="G108">
        <v>99.554909961914461</v>
      </c>
      <c r="H108">
        <v>120</v>
      </c>
      <c r="J108">
        <v>99.4963579219217</v>
      </c>
      <c r="K108">
        <v>120</v>
      </c>
      <c r="M108">
        <v>99.520920655534653</v>
      </c>
      <c r="N108">
        <v>120</v>
      </c>
      <c r="P108">
        <v>99.861320032222082</v>
      </c>
      <c r="Q108">
        <v>116</v>
      </c>
    </row>
    <row r="109" spans="4:17" x14ac:dyDescent="0.25">
      <c r="D109">
        <v>99.536430534156338</v>
      </c>
      <c r="E109">
        <v>120</v>
      </c>
      <c r="G109">
        <v>99.554010282279776</v>
      </c>
      <c r="H109">
        <v>120</v>
      </c>
      <c r="J109">
        <v>99.494984435859422</v>
      </c>
      <c r="K109">
        <v>120</v>
      </c>
      <c r="M109">
        <v>99.51971218865674</v>
      </c>
      <c r="N109">
        <v>120</v>
      </c>
      <c r="P109">
        <v>99.859883809588979</v>
      </c>
      <c r="Q109">
        <v>116</v>
      </c>
    </row>
    <row r="110" spans="4:17" x14ac:dyDescent="0.25">
      <c r="D110">
        <v>99.535056692722961</v>
      </c>
      <c r="E110">
        <v>120</v>
      </c>
      <c r="G110">
        <v>99.553123833227971</v>
      </c>
      <c r="H110">
        <v>120</v>
      </c>
      <c r="J110">
        <v>99.49395686480544</v>
      </c>
      <c r="K110">
        <v>120</v>
      </c>
      <c r="M110">
        <v>99.518910532411027</v>
      </c>
      <c r="N110">
        <v>120</v>
      </c>
      <c r="P110">
        <v>99.858468707876966</v>
      </c>
      <c r="Q110">
        <v>116</v>
      </c>
    </row>
    <row r="111" spans="4:17" x14ac:dyDescent="0.25">
      <c r="D111">
        <v>99.533682851289555</v>
      </c>
      <c r="E111">
        <v>120</v>
      </c>
      <c r="G111">
        <v>99.552237384176181</v>
      </c>
      <c r="H111">
        <v>120</v>
      </c>
      <c r="J111">
        <v>99.492593552713998</v>
      </c>
      <c r="K111">
        <v>120</v>
      </c>
      <c r="M111">
        <v>99.518108876165286</v>
      </c>
      <c r="N111">
        <v>120</v>
      </c>
      <c r="P111">
        <v>99.857032485243863</v>
      </c>
      <c r="Q111">
        <v>117</v>
      </c>
    </row>
    <row r="112" spans="4:17" x14ac:dyDescent="0.25">
      <c r="D112">
        <v>99.532771491130774</v>
      </c>
      <c r="E112">
        <v>120</v>
      </c>
      <c r="G112">
        <v>99.551787544358831</v>
      </c>
      <c r="H112">
        <v>120</v>
      </c>
      <c r="J112">
        <v>99.491220066651735</v>
      </c>
      <c r="K112">
        <v>120</v>
      </c>
      <c r="M112">
        <v>99.517702065533115</v>
      </c>
      <c r="N112">
        <v>120</v>
      </c>
      <c r="P112">
        <v>99.85561738353185</v>
      </c>
      <c r="Q112">
        <v>117</v>
      </c>
    </row>
    <row r="113" spans="4:17" x14ac:dyDescent="0.25">
      <c r="D113">
        <v>99.531397649697368</v>
      </c>
      <c r="E113">
        <v>120</v>
      </c>
      <c r="G113">
        <v>99.550901095307026</v>
      </c>
      <c r="H113">
        <v>120</v>
      </c>
      <c r="J113">
        <v>99.490192495597739</v>
      </c>
      <c r="K113">
        <v>120</v>
      </c>
      <c r="M113">
        <v>99.517295254900958</v>
      </c>
      <c r="N113">
        <v>120</v>
      </c>
      <c r="P113">
        <v>99.854899272215306</v>
      </c>
      <c r="Q113">
        <v>117</v>
      </c>
    </row>
    <row r="114" spans="4:17" x14ac:dyDescent="0.25">
      <c r="D114">
        <v>99.530472687148148</v>
      </c>
      <c r="E114">
        <v>120</v>
      </c>
      <c r="G114">
        <v>99.550451255489719</v>
      </c>
      <c r="H114">
        <v>120</v>
      </c>
      <c r="J114">
        <v>99.489164924543715</v>
      </c>
      <c r="K114">
        <v>120</v>
      </c>
      <c r="M114">
        <v>99.516493598655231</v>
      </c>
      <c r="N114">
        <v>120</v>
      </c>
      <c r="P114">
        <v>99.853484170503293</v>
      </c>
      <c r="Q114">
        <v>117</v>
      </c>
    </row>
    <row r="115" spans="4:17" x14ac:dyDescent="0.25">
      <c r="D115">
        <v>99.530023808263962</v>
      </c>
      <c r="E115">
        <v>120</v>
      </c>
      <c r="G115">
        <v>99.550001415672369</v>
      </c>
      <c r="H115">
        <v>120</v>
      </c>
      <c r="J115">
        <v>99.488483268498001</v>
      </c>
      <c r="K115">
        <v>120</v>
      </c>
      <c r="M115">
        <v>99.51608678802306</v>
      </c>
      <c r="N115">
        <v>120</v>
      </c>
      <c r="P115">
        <v>99.852069068791252</v>
      </c>
      <c r="Q115">
        <v>117</v>
      </c>
    </row>
    <row r="116" spans="4:17" x14ac:dyDescent="0.25">
      <c r="D116">
        <v>99.529561326989366</v>
      </c>
      <c r="E116">
        <v>120</v>
      </c>
      <c r="G116">
        <v>99.549564806437886</v>
      </c>
      <c r="H116">
        <v>120</v>
      </c>
      <c r="J116">
        <v>99.487445523473184</v>
      </c>
      <c r="K116">
        <v>120</v>
      </c>
      <c r="M116">
        <v>99.515691942409489</v>
      </c>
      <c r="N116">
        <v>120</v>
      </c>
      <c r="P116">
        <v>99.850632846158177</v>
      </c>
      <c r="Q116">
        <v>117</v>
      </c>
    </row>
    <row r="117" spans="4:17" x14ac:dyDescent="0.25">
      <c r="D117">
        <v>99.528649966830557</v>
      </c>
      <c r="E117">
        <v>120</v>
      </c>
      <c r="G117">
        <v>99.549114966620579</v>
      </c>
      <c r="H117">
        <v>120</v>
      </c>
      <c r="J117">
        <v>99.48676386742747</v>
      </c>
      <c r="K117">
        <v>120</v>
      </c>
      <c r="M117">
        <v>99.515285131777318</v>
      </c>
      <c r="N117">
        <v>120</v>
      </c>
      <c r="P117">
        <v>99.849217744446136</v>
      </c>
      <c r="Q117">
        <v>118</v>
      </c>
    </row>
    <row r="118" spans="4:17" x14ac:dyDescent="0.25">
      <c r="D118">
        <v>99.528187485555961</v>
      </c>
      <c r="E118">
        <v>120</v>
      </c>
      <c r="G118">
        <v>99.548665126803229</v>
      </c>
      <c r="H118">
        <v>120</v>
      </c>
      <c r="J118">
        <v>99.485736296373474</v>
      </c>
      <c r="K118">
        <v>120</v>
      </c>
      <c r="M118">
        <v>99.514483475531591</v>
      </c>
      <c r="N118">
        <v>120</v>
      </c>
      <c r="P118">
        <v>99.847802642734123</v>
      </c>
      <c r="Q118">
        <v>118</v>
      </c>
    </row>
    <row r="119" spans="4:17" x14ac:dyDescent="0.25">
      <c r="D119">
        <v>99.527725004281351</v>
      </c>
      <c r="E119">
        <v>120</v>
      </c>
      <c r="G119">
        <v>99.548228517568774</v>
      </c>
      <c r="H119">
        <v>120</v>
      </c>
      <c r="J119">
        <v>99.484708725319493</v>
      </c>
      <c r="K119">
        <v>120</v>
      </c>
      <c r="M119">
        <v>99.514076664899449</v>
      </c>
      <c r="N119">
        <v>120</v>
      </c>
      <c r="P119">
        <v>99.847084531417579</v>
      </c>
      <c r="Q119">
        <v>118</v>
      </c>
    </row>
    <row r="120" spans="4:17" x14ac:dyDescent="0.25">
      <c r="D120">
        <v>99.526813644122569</v>
      </c>
      <c r="E120">
        <v>120</v>
      </c>
      <c r="G120">
        <v>99.547328837934103</v>
      </c>
      <c r="H120">
        <v>120</v>
      </c>
      <c r="J120">
        <v>99.483681154265497</v>
      </c>
      <c r="K120">
        <v>120</v>
      </c>
      <c r="M120">
        <v>99.513669854267263</v>
      </c>
      <c r="N120">
        <v>120</v>
      </c>
      <c r="P120">
        <v>99.845669429705552</v>
      </c>
      <c r="Q120">
        <v>118</v>
      </c>
    </row>
    <row r="121" spans="4:17" x14ac:dyDescent="0.25">
      <c r="D121">
        <v>99.526813644122569</v>
      </c>
      <c r="E121">
        <v>120</v>
      </c>
      <c r="G121">
        <v>99.546892228699619</v>
      </c>
      <c r="H121">
        <v>120</v>
      </c>
      <c r="J121">
        <v>99.482999498219755</v>
      </c>
      <c r="K121">
        <v>120</v>
      </c>
      <c r="M121">
        <v>99.513275008653679</v>
      </c>
      <c r="N121">
        <v>120</v>
      </c>
      <c r="P121">
        <v>99.844233207072463</v>
      </c>
      <c r="Q121">
        <v>118</v>
      </c>
    </row>
    <row r="122" spans="4:17" x14ac:dyDescent="0.25">
      <c r="D122">
        <v>99.526813644122569</v>
      </c>
      <c r="E122">
        <v>120</v>
      </c>
      <c r="G122">
        <v>99.546442388882284</v>
      </c>
      <c r="H122">
        <v>120</v>
      </c>
      <c r="J122">
        <v>99.481971927165773</v>
      </c>
      <c r="K122">
        <v>120</v>
      </c>
      <c r="M122">
        <v>99.512868198021536</v>
      </c>
      <c r="N122">
        <v>120</v>
      </c>
      <c r="P122">
        <v>99.842818105360436</v>
      </c>
      <c r="Q122">
        <v>118</v>
      </c>
    </row>
    <row r="123" spans="4:17" x14ac:dyDescent="0.25">
      <c r="D123">
        <v>99.526351162847959</v>
      </c>
      <c r="E123">
        <v>120</v>
      </c>
      <c r="G123">
        <v>99.545992549064948</v>
      </c>
      <c r="H123">
        <v>120</v>
      </c>
      <c r="J123">
        <v>99.480944356111792</v>
      </c>
      <c r="K123">
        <v>120</v>
      </c>
      <c r="M123">
        <v>99.512461387389379</v>
      </c>
      <c r="N123">
        <v>120</v>
      </c>
      <c r="P123">
        <v>99.841403003648438</v>
      </c>
      <c r="Q123">
        <v>119</v>
      </c>
    </row>
    <row r="124" spans="4:17" x14ac:dyDescent="0.25">
      <c r="D124">
        <v>99.525902283963774</v>
      </c>
      <c r="E124">
        <v>120</v>
      </c>
      <c r="G124">
        <v>99.545106100013143</v>
      </c>
      <c r="H124">
        <v>120</v>
      </c>
      <c r="J124">
        <v>99.4795708700495</v>
      </c>
      <c r="K124">
        <v>120</v>
      </c>
      <c r="M124">
        <v>99.511659731143638</v>
      </c>
      <c r="N124">
        <v>120</v>
      </c>
      <c r="P124">
        <v>99.839269790619866</v>
      </c>
      <c r="Q124">
        <v>119</v>
      </c>
    </row>
    <row r="125" spans="4:17" x14ac:dyDescent="0.25">
      <c r="D125">
        <v>99.525439802689164</v>
      </c>
      <c r="E125">
        <v>120</v>
      </c>
      <c r="G125">
        <v>99.544656260195836</v>
      </c>
      <c r="H125">
        <v>120</v>
      </c>
      <c r="J125">
        <v>99.478543298995504</v>
      </c>
      <c r="K125">
        <v>120</v>
      </c>
      <c r="M125">
        <v>99.511252920511467</v>
      </c>
      <c r="N125">
        <v>120</v>
      </c>
      <c r="P125">
        <v>99.837833567986763</v>
      </c>
      <c r="Q125">
        <v>119</v>
      </c>
    </row>
    <row r="126" spans="4:17" x14ac:dyDescent="0.25">
      <c r="D126">
        <v>99.523603479981162</v>
      </c>
      <c r="E126">
        <v>120</v>
      </c>
      <c r="G126">
        <v>99.543769811144017</v>
      </c>
      <c r="H126">
        <v>120</v>
      </c>
      <c r="J126">
        <v>99.477515727941523</v>
      </c>
      <c r="K126">
        <v>120</v>
      </c>
      <c r="M126">
        <v>99.510858074897897</v>
      </c>
      <c r="N126">
        <v>120</v>
      </c>
      <c r="P126">
        <v>99.835700354958206</v>
      </c>
      <c r="Q126">
        <v>119</v>
      </c>
    </row>
    <row r="127" spans="4:17" x14ac:dyDescent="0.25">
      <c r="D127">
        <v>99.523603479981162</v>
      </c>
      <c r="E127">
        <v>120</v>
      </c>
      <c r="G127">
        <v>99.543319971326682</v>
      </c>
      <c r="H127">
        <v>120</v>
      </c>
      <c r="J127">
        <v>99.476488156887513</v>
      </c>
      <c r="K127">
        <v>120</v>
      </c>
      <c r="M127">
        <v>99.510044453633583</v>
      </c>
      <c r="N127">
        <v>120</v>
      </c>
      <c r="P127">
        <v>99.833567141929635</v>
      </c>
      <c r="Q127">
        <v>119</v>
      </c>
    </row>
    <row r="128" spans="4:17" x14ac:dyDescent="0.25">
      <c r="D128">
        <v>99.523603479981162</v>
      </c>
      <c r="E128">
        <v>120</v>
      </c>
      <c r="G128">
        <v>99.542433522274891</v>
      </c>
      <c r="H128">
        <v>120</v>
      </c>
      <c r="J128">
        <v>99.475460585833545</v>
      </c>
      <c r="K128">
        <v>120</v>
      </c>
      <c r="M128">
        <v>99.509649608020013</v>
      </c>
      <c r="N128">
        <v>120</v>
      </c>
      <c r="P128">
        <v>99.831433928901063</v>
      </c>
      <c r="Q128">
        <v>119</v>
      </c>
    </row>
    <row r="129" spans="4:17" x14ac:dyDescent="0.25">
      <c r="D129">
        <v>99.523154601096991</v>
      </c>
      <c r="E129">
        <v>120</v>
      </c>
      <c r="G129">
        <v>99.541547073223086</v>
      </c>
      <c r="H129">
        <v>120</v>
      </c>
      <c r="J129">
        <v>99.474433014779535</v>
      </c>
      <c r="K129">
        <v>120</v>
      </c>
      <c r="M129">
        <v>99.508835986755685</v>
      </c>
      <c r="N129">
        <v>120</v>
      </c>
      <c r="P129">
        <v>99.829300715872506</v>
      </c>
      <c r="Q129">
        <v>120</v>
      </c>
    </row>
    <row r="130" spans="4:17" x14ac:dyDescent="0.25">
      <c r="D130">
        <v>99.522692119822381</v>
      </c>
      <c r="E130">
        <v>120</v>
      </c>
      <c r="G130">
        <v>99.540647393588401</v>
      </c>
      <c r="H130">
        <v>120</v>
      </c>
      <c r="J130">
        <v>99.473405443725554</v>
      </c>
      <c r="K130">
        <v>120</v>
      </c>
      <c r="M130">
        <v>99.508034330509943</v>
      </c>
      <c r="N130">
        <v>120</v>
      </c>
      <c r="P130">
        <v>99.826449391527376</v>
      </c>
      <c r="Q130">
        <v>120</v>
      </c>
    </row>
    <row r="131" spans="4:17" x14ac:dyDescent="0.25">
      <c r="D131">
        <v>99.521780759663585</v>
      </c>
      <c r="E131">
        <v>120</v>
      </c>
      <c r="G131">
        <v>99.540210784353945</v>
      </c>
      <c r="H131">
        <v>120</v>
      </c>
      <c r="J131">
        <v>99.472377872671544</v>
      </c>
      <c r="K131">
        <v>120</v>
      </c>
      <c r="M131">
        <v>99.507232674264216</v>
      </c>
      <c r="N131">
        <v>120</v>
      </c>
      <c r="P131">
        <v>99.824316178498833</v>
      </c>
      <c r="Q131">
        <v>120</v>
      </c>
    </row>
    <row r="132" spans="4:17" x14ac:dyDescent="0.25">
      <c r="D132">
        <v>99.521318278388961</v>
      </c>
      <c r="E132">
        <v>120</v>
      </c>
      <c r="G132">
        <v>99.539311104719246</v>
      </c>
      <c r="H132">
        <v>120</v>
      </c>
      <c r="J132">
        <v>99.471350301617562</v>
      </c>
      <c r="K132">
        <v>120</v>
      </c>
      <c r="M132">
        <v>99.506419052999888</v>
      </c>
      <c r="N132">
        <v>120</v>
      </c>
      <c r="P132">
        <v>99.821485975074779</v>
      </c>
      <c r="Q132">
        <v>120</v>
      </c>
    </row>
    <row r="133" spans="4:17" x14ac:dyDescent="0.25">
      <c r="D133">
        <v>99.520855797114351</v>
      </c>
      <c r="E133">
        <v>120</v>
      </c>
      <c r="G133">
        <v>99.538424655667484</v>
      </c>
      <c r="H133">
        <v>120</v>
      </c>
      <c r="J133">
        <v>99.470322730563552</v>
      </c>
      <c r="K133">
        <v>120</v>
      </c>
      <c r="M133">
        <v>99.505617396754147</v>
      </c>
      <c r="N133">
        <v>120</v>
      </c>
      <c r="P133">
        <v>99.818634650729649</v>
      </c>
      <c r="Q133">
        <v>120</v>
      </c>
    </row>
    <row r="134" spans="4:17" x14ac:dyDescent="0.25">
      <c r="D134">
        <v>99.520406918230179</v>
      </c>
      <c r="E134">
        <v>120</v>
      </c>
      <c r="G134">
        <v>99.537538206615665</v>
      </c>
      <c r="H134">
        <v>120</v>
      </c>
      <c r="J134">
        <v>99.469630900546989</v>
      </c>
      <c r="K134">
        <v>120</v>
      </c>
      <c r="M134">
        <v>99.504803775489819</v>
      </c>
      <c r="N134">
        <v>120</v>
      </c>
      <c r="P134">
        <v>99.815783326384562</v>
      </c>
      <c r="Q134">
        <v>120</v>
      </c>
    </row>
    <row r="135" spans="4:17" x14ac:dyDescent="0.25">
      <c r="D135">
        <v>99.519481955680959</v>
      </c>
      <c r="E135">
        <v>120</v>
      </c>
      <c r="G135">
        <v>99.537088366798329</v>
      </c>
      <c r="H135">
        <v>120</v>
      </c>
      <c r="J135">
        <v>99.468949244501275</v>
      </c>
      <c r="K135">
        <v>120</v>
      </c>
      <c r="M135">
        <v>99.504002119244092</v>
      </c>
      <c r="N135">
        <v>120</v>
      </c>
      <c r="P135">
        <v>99.812235011643963</v>
      </c>
      <c r="Q135">
        <v>120</v>
      </c>
    </row>
    <row r="136" spans="4:17" x14ac:dyDescent="0.25">
      <c r="D136">
        <v>99.519033076796802</v>
      </c>
      <c r="E136">
        <v>120</v>
      </c>
      <c r="G136">
        <v>99.536188687163644</v>
      </c>
      <c r="H136">
        <v>120</v>
      </c>
      <c r="J136">
        <v>99.467921673447307</v>
      </c>
      <c r="K136">
        <v>120</v>
      </c>
      <c r="M136">
        <v>99.503200462998365</v>
      </c>
      <c r="N136">
        <v>120</v>
      </c>
      <c r="P136">
        <v>99.809383687298848</v>
      </c>
      <c r="Q136">
        <v>120</v>
      </c>
    </row>
    <row r="137" spans="4:17" x14ac:dyDescent="0.25">
      <c r="D137">
        <v>99.518108114247568</v>
      </c>
      <c r="E137">
        <v>120</v>
      </c>
      <c r="G137">
        <v>99.535302238111854</v>
      </c>
      <c r="H137">
        <v>120</v>
      </c>
      <c r="J137">
        <v>99.466894102393283</v>
      </c>
      <c r="K137">
        <v>120</v>
      </c>
      <c r="M137">
        <v>99.502386841734022</v>
      </c>
      <c r="N137">
        <v>120</v>
      </c>
      <c r="P137">
        <v>99.806553483874794</v>
      </c>
      <c r="Q137">
        <v>120</v>
      </c>
    </row>
    <row r="138" spans="4:17" x14ac:dyDescent="0.25">
      <c r="D138">
        <v>99.517196754088772</v>
      </c>
      <c r="E138">
        <v>120</v>
      </c>
      <c r="G138">
        <v>99.534415789060063</v>
      </c>
      <c r="H138">
        <v>120</v>
      </c>
      <c r="J138">
        <v>99.465866531339287</v>
      </c>
      <c r="K138">
        <v>120</v>
      </c>
      <c r="M138">
        <v>99.50158518548831</v>
      </c>
      <c r="N138">
        <v>120</v>
      </c>
      <c r="P138">
        <v>99.802984048213133</v>
      </c>
      <c r="Q138">
        <v>120</v>
      </c>
    </row>
    <row r="139" spans="4:17" x14ac:dyDescent="0.25">
      <c r="D139">
        <v>99.516285393929977</v>
      </c>
      <c r="E139">
        <v>120</v>
      </c>
      <c r="G139">
        <v>99.533516109425378</v>
      </c>
      <c r="H139">
        <v>120</v>
      </c>
      <c r="J139">
        <v>99.46552061633102</v>
      </c>
      <c r="K139">
        <v>120</v>
      </c>
      <c r="M139">
        <v>99.500783529242568</v>
      </c>
      <c r="N139">
        <v>120</v>
      </c>
      <c r="P139">
        <v>99.799435733472549</v>
      </c>
      <c r="Q139">
        <v>120</v>
      </c>
    </row>
    <row r="140" spans="4:17" x14ac:dyDescent="0.25">
      <c r="D140">
        <v>99.51536043138077</v>
      </c>
      <c r="E140">
        <v>120</v>
      </c>
      <c r="G140">
        <v>99.532629660373601</v>
      </c>
      <c r="H140">
        <v>120</v>
      </c>
      <c r="J140">
        <v>99.464493045277038</v>
      </c>
      <c r="K140">
        <v>120</v>
      </c>
      <c r="M140">
        <v>99.49996990797824</v>
      </c>
      <c r="N140">
        <v>120</v>
      </c>
      <c r="P140">
        <v>99.795866297810903</v>
      </c>
      <c r="Q140">
        <v>120</v>
      </c>
    </row>
    <row r="141" spans="4:17" x14ac:dyDescent="0.25">
      <c r="D141">
        <v>99.514449071221989</v>
      </c>
      <c r="E141">
        <v>120</v>
      </c>
      <c r="G141">
        <v>99.531743211321782</v>
      </c>
      <c r="H141">
        <v>120</v>
      </c>
      <c r="J141">
        <v>99.463465474223028</v>
      </c>
      <c r="K141">
        <v>120</v>
      </c>
      <c r="M141">
        <v>99.499168251732499</v>
      </c>
      <c r="N141">
        <v>120</v>
      </c>
      <c r="P141">
        <v>99.793036094386849</v>
      </c>
      <c r="Q141">
        <v>120</v>
      </c>
    </row>
    <row r="142" spans="4:17" x14ac:dyDescent="0.25">
      <c r="D142">
        <v>99.513537711063194</v>
      </c>
      <c r="E142">
        <v>120</v>
      </c>
      <c r="G142">
        <v>99.530843531687125</v>
      </c>
      <c r="H142">
        <v>120</v>
      </c>
      <c r="J142">
        <v>99.462437903169032</v>
      </c>
      <c r="K142">
        <v>120</v>
      </c>
      <c r="M142">
        <v>99.498366595486772</v>
      </c>
      <c r="N142">
        <v>120</v>
      </c>
      <c r="P142">
        <v>99.789466658725203</v>
      </c>
      <c r="Q142">
        <v>120</v>
      </c>
    </row>
    <row r="143" spans="4:17" x14ac:dyDescent="0.25">
      <c r="D143">
        <v>99.512612748513973</v>
      </c>
      <c r="E143">
        <v>120</v>
      </c>
      <c r="G143">
        <v>99.529957082635306</v>
      </c>
      <c r="H143">
        <v>120</v>
      </c>
      <c r="J143">
        <v>99.461410332115037</v>
      </c>
      <c r="K143">
        <v>120</v>
      </c>
      <c r="M143">
        <v>99.49755297422243</v>
      </c>
      <c r="N143">
        <v>120</v>
      </c>
      <c r="P143">
        <v>99.786636455301164</v>
      </c>
      <c r="Q143">
        <v>120</v>
      </c>
    </row>
    <row r="144" spans="4:17" x14ac:dyDescent="0.25">
      <c r="D144">
        <v>99.511701388355192</v>
      </c>
      <c r="E144">
        <v>120</v>
      </c>
      <c r="G144">
        <v>99.529070633583501</v>
      </c>
      <c r="H144">
        <v>120</v>
      </c>
      <c r="J144">
        <v>99.460036846052773</v>
      </c>
      <c r="K144">
        <v>120</v>
      </c>
      <c r="M144">
        <v>99.496751317976702</v>
      </c>
      <c r="N144">
        <v>120</v>
      </c>
      <c r="P144">
        <v>99.783785130956062</v>
      </c>
      <c r="Q144">
        <v>120</v>
      </c>
    </row>
    <row r="145" spans="4:17" x14ac:dyDescent="0.25">
      <c r="D145">
        <v>99.510776425805972</v>
      </c>
      <c r="E145">
        <v>120</v>
      </c>
      <c r="G145">
        <v>99.52862079376618</v>
      </c>
      <c r="H145">
        <v>120</v>
      </c>
      <c r="J145">
        <v>99.459009274998749</v>
      </c>
      <c r="K145">
        <v>120</v>
      </c>
      <c r="M145">
        <v>99.495949661730961</v>
      </c>
      <c r="N145">
        <v>120</v>
      </c>
      <c r="P145">
        <v>99.780236816215449</v>
      </c>
      <c r="Q145">
        <v>120</v>
      </c>
    </row>
    <row r="146" spans="4:17" x14ac:dyDescent="0.25">
      <c r="D146">
        <v>99.509402584372566</v>
      </c>
      <c r="E146">
        <v>120</v>
      </c>
      <c r="G146">
        <v>99.527734344714375</v>
      </c>
      <c r="H146">
        <v>120</v>
      </c>
      <c r="J146">
        <v>99.457981703944782</v>
      </c>
      <c r="K146">
        <v>120</v>
      </c>
      <c r="M146">
        <v>99.495136040466662</v>
      </c>
      <c r="N146">
        <v>120</v>
      </c>
      <c r="P146">
        <v>99.777385491870348</v>
      </c>
      <c r="Q146">
        <v>120</v>
      </c>
    </row>
    <row r="147" spans="4:17" x14ac:dyDescent="0.25">
      <c r="D147">
        <v>99.508491224213785</v>
      </c>
      <c r="E147">
        <v>120</v>
      </c>
      <c r="G147">
        <v>99.526834665079704</v>
      </c>
      <c r="H147">
        <v>120</v>
      </c>
      <c r="J147">
        <v>99.456954132890786</v>
      </c>
      <c r="K147">
        <v>120</v>
      </c>
      <c r="M147">
        <v>99.494334384220934</v>
      </c>
      <c r="N147">
        <v>120</v>
      </c>
      <c r="P147">
        <v>99.774534167525232</v>
      </c>
      <c r="Q147">
        <v>120</v>
      </c>
    </row>
    <row r="148" spans="4:17" x14ac:dyDescent="0.25">
      <c r="D148">
        <v>99.507579864054989</v>
      </c>
      <c r="E148">
        <v>120</v>
      </c>
      <c r="G148">
        <v>99.525948216027899</v>
      </c>
      <c r="H148">
        <v>120</v>
      </c>
      <c r="J148">
        <v>99.456272476845072</v>
      </c>
      <c r="K148">
        <v>120</v>
      </c>
      <c r="M148">
        <v>99.493532727975165</v>
      </c>
      <c r="N148">
        <v>120</v>
      </c>
      <c r="P148">
        <v>99.771682843180116</v>
      </c>
      <c r="Q148">
        <v>120</v>
      </c>
    </row>
    <row r="149" spans="4:17" x14ac:dyDescent="0.25">
      <c r="D149">
        <v>99.506654901505769</v>
      </c>
      <c r="E149">
        <v>120</v>
      </c>
      <c r="G149">
        <v>99.525061766976108</v>
      </c>
      <c r="H149">
        <v>120</v>
      </c>
      <c r="J149">
        <v>99.455590820799358</v>
      </c>
      <c r="K149">
        <v>120</v>
      </c>
      <c r="M149">
        <v>99.492719106710865</v>
      </c>
      <c r="N149">
        <v>120</v>
      </c>
      <c r="P149">
        <v>99.769549630151545</v>
      </c>
      <c r="Q149">
        <v>120</v>
      </c>
    </row>
    <row r="150" spans="4:17" x14ac:dyDescent="0.25">
      <c r="D150">
        <v>99.505743541346973</v>
      </c>
      <c r="E150">
        <v>120</v>
      </c>
      <c r="G150">
        <v>99.524162087341423</v>
      </c>
      <c r="H150">
        <v>120</v>
      </c>
      <c r="J150">
        <v>99.454898990782794</v>
      </c>
      <c r="K150">
        <v>120</v>
      </c>
      <c r="M150">
        <v>99.491917450465124</v>
      </c>
      <c r="N150">
        <v>120</v>
      </c>
      <c r="P150">
        <v>99.767416417122988</v>
      </c>
      <c r="Q150">
        <v>120</v>
      </c>
    </row>
    <row r="151" spans="4:17" x14ac:dyDescent="0.25">
      <c r="D151">
        <v>99.504832181188192</v>
      </c>
      <c r="E151">
        <v>120</v>
      </c>
      <c r="G151">
        <v>99.523275638289618</v>
      </c>
      <c r="H151">
        <v>120</v>
      </c>
      <c r="J151">
        <v>99.454217334737066</v>
      </c>
      <c r="K151">
        <v>120</v>
      </c>
      <c r="M151">
        <v>99.491115794219382</v>
      </c>
      <c r="N151">
        <v>120</v>
      </c>
      <c r="P151">
        <v>99.76528320409443</v>
      </c>
      <c r="Q151">
        <v>120</v>
      </c>
    </row>
    <row r="152" spans="4:17" x14ac:dyDescent="0.25">
      <c r="D152">
        <v>99.503907218638972</v>
      </c>
      <c r="E152">
        <v>120</v>
      </c>
      <c r="G152">
        <v>99.522389189237828</v>
      </c>
      <c r="H152">
        <v>120</v>
      </c>
      <c r="J152">
        <v>99.453189763683085</v>
      </c>
      <c r="K152">
        <v>120</v>
      </c>
      <c r="M152">
        <v>99.490302172955083</v>
      </c>
      <c r="N152">
        <v>120</v>
      </c>
      <c r="P152">
        <v>99.763149991065859</v>
      </c>
      <c r="Q152">
        <v>120</v>
      </c>
    </row>
    <row r="153" spans="4:17" x14ac:dyDescent="0.25">
      <c r="D153">
        <v>99.502995858480176</v>
      </c>
      <c r="E153">
        <v>120</v>
      </c>
      <c r="G153">
        <v>99.521052900368673</v>
      </c>
      <c r="H153">
        <v>120</v>
      </c>
      <c r="J153">
        <v>99.452508107637357</v>
      </c>
      <c r="K153">
        <v>120</v>
      </c>
      <c r="M153">
        <v>99.489500516709313</v>
      </c>
      <c r="N153">
        <v>120</v>
      </c>
      <c r="P153">
        <v>99.761734889353818</v>
      </c>
      <c r="Q153">
        <v>120</v>
      </c>
    </row>
    <row r="154" spans="4:17" x14ac:dyDescent="0.25">
      <c r="D154">
        <v>99.502533377205566</v>
      </c>
      <c r="E154">
        <v>120</v>
      </c>
      <c r="G154">
        <v>99.520153220734016</v>
      </c>
      <c r="H154">
        <v>120</v>
      </c>
      <c r="J154">
        <v>99.451816277620807</v>
      </c>
      <c r="K154">
        <v>120</v>
      </c>
      <c r="M154">
        <v>99.489093706077171</v>
      </c>
      <c r="N154">
        <v>120</v>
      </c>
      <c r="P154">
        <v>99.759601676325246</v>
      </c>
      <c r="Q154">
        <v>120</v>
      </c>
    </row>
    <row r="155" spans="4:17" x14ac:dyDescent="0.25">
      <c r="D155">
        <v>99.501622017046785</v>
      </c>
      <c r="E155">
        <v>120</v>
      </c>
      <c r="G155">
        <v>99.519266771682226</v>
      </c>
      <c r="H155">
        <v>120</v>
      </c>
      <c r="J155">
        <v>99.451134621575093</v>
      </c>
      <c r="K155">
        <v>120</v>
      </c>
      <c r="M155">
        <v>99.488292049831443</v>
      </c>
      <c r="N155">
        <v>120</v>
      </c>
      <c r="P155">
        <v>99.75888356500873</v>
      </c>
      <c r="Q155">
        <v>120</v>
      </c>
    </row>
    <row r="156" spans="4:17" x14ac:dyDescent="0.25">
      <c r="D156">
        <v>99.50115953577216</v>
      </c>
      <c r="E156">
        <v>120</v>
      </c>
      <c r="G156">
        <v>99.518367092047555</v>
      </c>
      <c r="H156">
        <v>120</v>
      </c>
      <c r="J156">
        <v>99.450788706566826</v>
      </c>
      <c r="K156">
        <v>120</v>
      </c>
      <c r="M156">
        <v>99.487478428567087</v>
      </c>
      <c r="N156">
        <v>120</v>
      </c>
      <c r="P156">
        <v>99.757468463296689</v>
      </c>
      <c r="Q156">
        <v>120</v>
      </c>
    </row>
    <row r="157" spans="4:17" x14ac:dyDescent="0.25">
      <c r="D157">
        <v>99.500248175613393</v>
      </c>
      <c r="E157">
        <v>120</v>
      </c>
      <c r="G157">
        <v>99.517480642995736</v>
      </c>
      <c r="H157">
        <v>120</v>
      </c>
      <c r="J157">
        <v>99.449761135512844</v>
      </c>
      <c r="K157">
        <v>120</v>
      </c>
      <c r="M157">
        <v>99.487083582953531</v>
      </c>
      <c r="N157">
        <v>120</v>
      </c>
      <c r="P157">
        <v>99.756750351980145</v>
      </c>
      <c r="Q157">
        <v>120</v>
      </c>
    </row>
    <row r="158" spans="4:17" x14ac:dyDescent="0.25">
      <c r="D158">
        <v>99.499336815454598</v>
      </c>
      <c r="E158">
        <v>120</v>
      </c>
      <c r="G158">
        <v>99.516594193943945</v>
      </c>
      <c r="H158">
        <v>120</v>
      </c>
      <c r="J158">
        <v>99.449079479467102</v>
      </c>
      <c r="K158">
        <v>120</v>
      </c>
      <c r="M158">
        <v>99.486269961689217</v>
      </c>
      <c r="N158">
        <v>120</v>
      </c>
      <c r="P158">
        <v>99.756053361584691</v>
      </c>
      <c r="Q158">
        <v>120</v>
      </c>
    </row>
    <row r="159" spans="4:17" x14ac:dyDescent="0.25">
      <c r="D159">
        <v>99.498411852905377</v>
      </c>
      <c r="E159">
        <v>120</v>
      </c>
      <c r="G159">
        <v>99.515694514309274</v>
      </c>
      <c r="H159">
        <v>120</v>
      </c>
      <c r="J159">
        <v>99.44805190841312</v>
      </c>
      <c r="K159">
        <v>120</v>
      </c>
      <c r="M159">
        <v>99.485875116075633</v>
      </c>
      <c r="N159">
        <v>120</v>
      </c>
      <c r="P159">
        <v>99.755335250268132</v>
      </c>
      <c r="Q159">
        <v>120</v>
      </c>
    </row>
    <row r="160" spans="4:17" x14ac:dyDescent="0.25">
      <c r="D160">
        <v>99.497962974021206</v>
      </c>
      <c r="E160">
        <v>120</v>
      </c>
      <c r="G160">
        <v>99.51525790507479</v>
      </c>
      <c r="H160">
        <v>120</v>
      </c>
      <c r="J160">
        <v>99.447024337359096</v>
      </c>
      <c r="K160">
        <v>120</v>
      </c>
      <c r="M160">
        <v>99.485061494811305</v>
      </c>
      <c r="N160">
        <v>120</v>
      </c>
      <c r="P160">
        <v>99.754617138951573</v>
      </c>
      <c r="Q160">
        <v>120</v>
      </c>
    </row>
    <row r="161" spans="4:17" x14ac:dyDescent="0.25">
      <c r="D161">
        <v>99.497038011471986</v>
      </c>
      <c r="E161">
        <v>120</v>
      </c>
      <c r="G161">
        <v>99.514358225440134</v>
      </c>
      <c r="H161">
        <v>120</v>
      </c>
      <c r="J161">
        <v>99.446332507342589</v>
      </c>
      <c r="K161">
        <v>120</v>
      </c>
      <c r="M161">
        <v>99.484259838565578</v>
      </c>
      <c r="N161">
        <v>120</v>
      </c>
      <c r="P161">
        <v>99.753920148556119</v>
      </c>
      <c r="Q161">
        <v>120</v>
      </c>
    </row>
    <row r="162" spans="4:17" x14ac:dyDescent="0.25">
      <c r="D162">
        <v>99.496126651313205</v>
      </c>
      <c r="E162">
        <v>120</v>
      </c>
      <c r="G162">
        <v>99.513921616205664</v>
      </c>
      <c r="H162">
        <v>120</v>
      </c>
      <c r="J162">
        <v>99.445996766305129</v>
      </c>
      <c r="K162">
        <v>120</v>
      </c>
      <c r="M162">
        <v>99.483853027933407</v>
      </c>
      <c r="N162">
        <v>120</v>
      </c>
      <c r="P162">
        <v>99.753920148556119</v>
      </c>
      <c r="Q162">
        <v>120</v>
      </c>
    </row>
    <row r="163" spans="4:17" x14ac:dyDescent="0.25">
      <c r="D163">
        <v>99.495664170038594</v>
      </c>
      <c r="E163">
        <v>120</v>
      </c>
      <c r="G163">
        <v>99.513471776388343</v>
      </c>
      <c r="H163">
        <v>120</v>
      </c>
      <c r="J163">
        <v>99.445304936288565</v>
      </c>
      <c r="K163">
        <v>120</v>
      </c>
      <c r="M163">
        <v>99.483051371687665</v>
      </c>
      <c r="N163">
        <v>120</v>
      </c>
      <c r="P163">
        <v>99.753920148556119</v>
      </c>
      <c r="Q163">
        <v>120</v>
      </c>
    </row>
    <row r="164" spans="4:17" x14ac:dyDescent="0.25">
      <c r="D164">
        <v>99.494752809879799</v>
      </c>
      <c r="E164">
        <v>120</v>
      </c>
      <c r="G164">
        <v>99.512585327336538</v>
      </c>
      <c r="H164">
        <v>120</v>
      </c>
      <c r="J164">
        <v>99.444623280242851</v>
      </c>
      <c r="K164">
        <v>120</v>
      </c>
      <c r="M164">
        <v>99.482644561055508</v>
      </c>
      <c r="N164">
        <v>120</v>
      </c>
      <c r="P164">
        <v>99.753920148556119</v>
      </c>
      <c r="Q164">
        <v>120</v>
      </c>
    </row>
    <row r="165" spans="4:17" x14ac:dyDescent="0.25">
      <c r="D165">
        <v>99.494290328605189</v>
      </c>
      <c r="E165">
        <v>120</v>
      </c>
      <c r="G165">
        <v>99.512135487519217</v>
      </c>
      <c r="H165">
        <v>120</v>
      </c>
      <c r="J165">
        <v>99.443941624197123</v>
      </c>
      <c r="K165">
        <v>120</v>
      </c>
      <c r="M165">
        <v>99.481842904809781</v>
      </c>
      <c r="N165">
        <v>120</v>
      </c>
      <c r="P165">
        <v>99.753920148556119</v>
      </c>
      <c r="Q165">
        <v>120</v>
      </c>
    </row>
    <row r="166" spans="4:17" x14ac:dyDescent="0.25">
      <c r="D166">
        <v>99.493378968446393</v>
      </c>
      <c r="E166">
        <v>120</v>
      </c>
      <c r="G166">
        <v>99.511685647701867</v>
      </c>
      <c r="H166">
        <v>120</v>
      </c>
      <c r="J166">
        <v>99.443249794180588</v>
      </c>
      <c r="K166">
        <v>120</v>
      </c>
      <c r="M166">
        <v>99.48143609417761</v>
      </c>
      <c r="N166">
        <v>120</v>
      </c>
      <c r="P166">
        <v>99.753202037239561</v>
      </c>
      <c r="Q166">
        <v>120</v>
      </c>
    </row>
    <row r="167" spans="4:17" x14ac:dyDescent="0.25">
      <c r="D167">
        <v>99.492454005897173</v>
      </c>
      <c r="E167">
        <v>120</v>
      </c>
      <c r="G167">
        <v>99.511249038467398</v>
      </c>
      <c r="H167">
        <v>120</v>
      </c>
      <c r="J167">
        <v>99.442914053143141</v>
      </c>
      <c r="K167">
        <v>120</v>
      </c>
      <c r="M167">
        <v>99.480634437931869</v>
      </c>
      <c r="N167">
        <v>120</v>
      </c>
      <c r="P167">
        <v>99.753202037239561</v>
      </c>
      <c r="Q167">
        <v>120</v>
      </c>
    </row>
    <row r="168" spans="4:17" x14ac:dyDescent="0.25">
      <c r="D168">
        <v>99.491542645738406</v>
      </c>
      <c r="E168">
        <v>120</v>
      </c>
      <c r="G168">
        <v>99.510799198650048</v>
      </c>
      <c r="H168">
        <v>120</v>
      </c>
      <c r="J168">
        <v>99.44256813813486</v>
      </c>
      <c r="K168">
        <v>120</v>
      </c>
      <c r="M168">
        <v>99.48022762729974</v>
      </c>
      <c r="N168">
        <v>120</v>
      </c>
      <c r="P168">
        <v>99.753202037239561</v>
      </c>
      <c r="Q168">
        <v>120</v>
      </c>
    </row>
    <row r="169" spans="4:17" x14ac:dyDescent="0.25">
      <c r="D169">
        <v>99.491080164463781</v>
      </c>
      <c r="E169">
        <v>120</v>
      </c>
      <c r="G169">
        <v>99.509912749598257</v>
      </c>
      <c r="H169">
        <v>120</v>
      </c>
      <c r="J169">
        <v>99.442222223126592</v>
      </c>
      <c r="K169">
        <v>120</v>
      </c>
      <c r="M169">
        <v>99.479832781686142</v>
      </c>
      <c r="N169">
        <v>120</v>
      </c>
      <c r="P169">
        <v>99.752483925923002</v>
      </c>
      <c r="Q169">
        <v>120</v>
      </c>
    </row>
    <row r="170" spans="4:17" x14ac:dyDescent="0.25">
      <c r="D170">
        <v>99.49063128557961</v>
      </c>
      <c r="E170">
        <v>120</v>
      </c>
      <c r="G170">
        <v>99.509013069963586</v>
      </c>
      <c r="H170">
        <v>120</v>
      </c>
      <c r="J170">
        <v>99.441886482089132</v>
      </c>
      <c r="K170">
        <v>120</v>
      </c>
      <c r="M170">
        <v>99.479019160421828</v>
      </c>
      <c r="N170">
        <v>120</v>
      </c>
      <c r="P170">
        <v>99.752483925923002</v>
      </c>
      <c r="Q170">
        <v>120</v>
      </c>
    </row>
    <row r="171" spans="4:17" x14ac:dyDescent="0.25">
      <c r="D171">
        <v>99.490168804304986</v>
      </c>
      <c r="E171">
        <v>120</v>
      </c>
      <c r="G171">
        <v>99.508576460729117</v>
      </c>
      <c r="H171">
        <v>120</v>
      </c>
      <c r="J171">
        <v>99.441540567080878</v>
      </c>
      <c r="K171">
        <v>120</v>
      </c>
      <c r="M171">
        <v>99.478624314808243</v>
      </c>
      <c r="N171">
        <v>120</v>
      </c>
      <c r="P171">
        <v>99.751786935527534</v>
      </c>
      <c r="Q171">
        <v>120</v>
      </c>
    </row>
    <row r="172" spans="4:17" x14ac:dyDescent="0.25">
      <c r="D172">
        <v>99.48970632303039</v>
      </c>
      <c r="E172">
        <v>120</v>
      </c>
      <c r="G172">
        <v>99.50767678109446</v>
      </c>
      <c r="H172">
        <v>120</v>
      </c>
      <c r="J172">
        <v>99.44085891103515</v>
      </c>
      <c r="K172">
        <v>120</v>
      </c>
      <c r="M172">
        <v>99.477810693543915</v>
      </c>
      <c r="N172">
        <v>120</v>
      </c>
      <c r="P172">
        <v>99.751786935527534</v>
      </c>
      <c r="Q172">
        <v>120</v>
      </c>
    </row>
    <row r="173" spans="4:17" x14ac:dyDescent="0.25">
      <c r="D173">
        <v>99.488794962871594</v>
      </c>
      <c r="E173">
        <v>120</v>
      </c>
      <c r="G173">
        <v>99.507240171859991</v>
      </c>
      <c r="H173">
        <v>120</v>
      </c>
      <c r="J173">
        <v>99.440167081018586</v>
      </c>
      <c r="K173">
        <v>120</v>
      </c>
      <c r="M173">
        <v>99.477415847930359</v>
      </c>
      <c r="N173">
        <v>120</v>
      </c>
      <c r="P173">
        <v>99.751068824211004</v>
      </c>
      <c r="Q173">
        <v>120</v>
      </c>
    </row>
    <row r="174" spans="4:17" x14ac:dyDescent="0.25">
      <c r="D174">
        <v>99.487883602712799</v>
      </c>
      <c r="E174">
        <v>120</v>
      </c>
      <c r="G174">
        <v>99.506790332042655</v>
      </c>
      <c r="H174">
        <v>120</v>
      </c>
      <c r="J174">
        <v>99.43983133998114</v>
      </c>
      <c r="K174">
        <v>120</v>
      </c>
      <c r="M174">
        <v>99.476602226666017</v>
      </c>
      <c r="N174">
        <v>120</v>
      </c>
      <c r="P174">
        <v>99.750350712894445</v>
      </c>
      <c r="Q174">
        <v>120</v>
      </c>
    </row>
    <row r="175" spans="4:17" x14ac:dyDescent="0.25">
      <c r="D175">
        <v>99.487421121438203</v>
      </c>
      <c r="E175">
        <v>120</v>
      </c>
      <c r="G175">
        <v>99.506340492225306</v>
      </c>
      <c r="H175">
        <v>120</v>
      </c>
      <c r="J175">
        <v>99.439139509964605</v>
      </c>
      <c r="K175">
        <v>120</v>
      </c>
      <c r="M175">
        <v>99.476207381052447</v>
      </c>
      <c r="N175">
        <v>120</v>
      </c>
      <c r="P175">
        <v>99.750350712894445</v>
      </c>
      <c r="Q175">
        <v>120</v>
      </c>
    </row>
    <row r="176" spans="4:17" x14ac:dyDescent="0.25">
      <c r="D176">
        <v>99.486958640163607</v>
      </c>
      <c r="E176">
        <v>120</v>
      </c>
      <c r="G176">
        <v>99.505903882990836</v>
      </c>
      <c r="H176">
        <v>120</v>
      </c>
      <c r="J176">
        <v>99.438457853918877</v>
      </c>
      <c r="K176">
        <v>120</v>
      </c>
      <c r="M176">
        <v>99.47580057042029</v>
      </c>
      <c r="N176">
        <v>120</v>
      </c>
      <c r="P176">
        <v>99.749653722498948</v>
      </c>
      <c r="Q176">
        <v>120</v>
      </c>
    </row>
    <row r="177" spans="4:17" x14ac:dyDescent="0.25">
      <c r="D177">
        <v>99.486047280004811</v>
      </c>
      <c r="E177">
        <v>120</v>
      </c>
      <c r="G177">
        <v>99.505903882990836</v>
      </c>
      <c r="H177">
        <v>120</v>
      </c>
      <c r="J177">
        <v>99.437776197873148</v>
      </c>
      <c r="K177">
        <v>120</v>
      </c>
      <c r="M177">
        <v>99.474998914174563</v>
      </c>
      <c r="N177">
        <v>120</v>
      </c>
      <c r="P177">
        <v>99.748935611182432</v>
      </c>
      <c r="Q177">
        <v>120</v>
      </c>
    </row>
    <row r="178" spans="4:17" x14ac:dyDescent="0.25">
      <c r="D178">
        <v>99.485584798730201</v>
      </c>
      <c r="E178">
        <v>120</v>
      </c>
      <c r="G178">
        <v>99.505454043173515</v>
      </c>
      <c r="H178">
        <v>120</v>
      </c>
      <c r="J178">
        <v>99.437084367856613</v>
      </c>
      <c r="K178">
        <v>120</v>
      </c>
      <c r="M178">
        <v>99.474592103542392</v>
      </c>
      <c r="N178">
        <v>120</v>
      </c>
      <c r="P178">
        <v>99.748217499865873</v>
      </c>
      <c r="Q178">
        <v>120</v>
      </c>
    </row>
    <row r="179" spans="4:17" x14ac:dyDescent="0.25">
      <c r="D179">
        <v>99.484673438571392</v>
      </c>
      <c r="E179">
        <v>120</v>
      </c>
      <c r="G179">
        <v>99.505454043173515</v>
      </c>
      <c r="H179">
        <v>120</v>
      </c>
      <c r="J179">
        <v>99.436402711810885</v>
      </c>
      <c r="K179">
        <v>120</v>
      </c>
      <c r="M179">
        <v>99.474185292910235</v>
      </c>
      <c r="N179">
        <v>120</v>
      </c>
      <c r="P179">
        <v>99.747520509470405</v>
      </c>
      <c r="Q179">
        <v>120</v>
      </c>
    </row>
    <row r="180" spans="4:17" x14ac:dyDescent="0.25">
      <c r="D180">
        <v>99.484210957296781</v>
      </c>
      <c r="E180">
        <v>120</v>
      </c>
      <c r="G180">
        <v>99.505004203356165</v>
      </c>
      <c r="H180">
        <v>120</v>
      </c>
      <c r="J180">
        <v>99.435375140756904</v>
      </c>
      <c r="K180">
        <v>120</v>
      </c>
      <c r="M180">
        <v>99.473383636664508</v>
      </c>
      <c r="N180">
        <v>120</v>
      </c>
      <c r="P180">
        <v>99.746802398153861</v>
      </c>
      <c r="Q180">
        <v>120</v>
      </c>
    </row>
    <row r="181" spans="4:17" x14ac:dyDescent="0.25">
      <c r="D181">
        <v>99.483299597138014</v>
      </c>
      <c r="E181">
        <v>120</v>
      </c>
      <c r="G181">
        <v>99.505004203356165</v>
      </c>
      <c r="H181">
        <v>120</v>
      </c>
      <c r="J181">
        <v>99.434693484711175</v>
      </c>
      <c r="K181">
        <v>120</v>
      </c>
      <c r="M181">
        <v>99.472976826032351</v>
      </c>
      <c r="N181">
        <v>120</v>
      </c>
      <c r="P181">
        <v>99.746084286837316</v>
      </c>
      <c r="Q181">
        <v>120</v>
      </c>
    </row>
    <row r="182" spans="4:17" x14ac:dyDescent="0.25">
      <c r="D182">
        <v>99.48283711586339</v>
      </c>
      <c r="E182">
        <v>120</v>
      </c>
      <c r="G182">
        <v>99.50456759412171</v>
      </c>
      <c r="H182">
        <v>120</v>
      </c>
      <c r="J182">
        <v>99.434347569702894</v>
      </c>
      <c r="K182">
        <v>120</v>
      </c>
      <c r="M182">
        <v>99.472175169786595</v>
      </c>
      <c r="N182">
        <v>120</v>
      </c>
      <c r="P182">
        <v>99.745366175520758</v>
      </c>
      <c r="Q182">
        <v>120</v>
      </c>
    </row>
    <row r="183" spans="4:17" x14ac:dyDescent="0.25">
      <c r="D183">
        <v>99.482388236979219</v>
      </c>
      <c r="E183">
        <v>120</v>
      </c>
      <c r="G183">
        <v>99.50456759412171</v>
      </c>
      <c r="H183">
        <v>120</v>
      </c>
      <c r="J183">
        <v>99.433655739686358</v>
      </c>
      <c r="K183">
        <v>120</v>
      </c>
      <c r="M183">
        <v>99.471768359154439</v>
      </c>
      <c r="N183">
        <v>120</v>
      </c>
      <c r="P183">
        <v>99.744669185125289</v>
      </c>
      <c r="Q183">
        <v>120</v>
      </c>
    </row>
    <row r="184" spans="4:17" x14ac:dyDescent="0.25">
      <c r="D184">
        <v>99.481925755704609</v>
      </c>
      <c r="E184">
        <v>120</v>
      </c>
      <c r="G184">
        <v>99.50411775430436</v>
      </c>
      <c r="H184">
        <v>120</v>
      </c>
      <c r="J184">
        <v>99.433319998648912</v>
      </c>
      <c r="K184">
        <v>120</v>
      </c>
      <c r="M184">
        <v>99.471361548522282</v>
      </c>
      <c r="N184">
        <v>120</v>
      </c>
      <c r="P184">
        <v>99.7432329624922</v>
      </c>
      <c r="Q184">
        <v>120</v>
      </c>
    </row>
    <row r="185" spans="4:17" x14ac:dyDescent="0.25">
      <c r="D185">
        <v>99.481463274429998</v>
      </c>
      <c r="E185">
        <v>120</v>
      </c>
      <c r="G185">
        <v>99.503667914487039</v>
      </c>
      <c r="H185">
        <v>120</v>
      </c>
      <c r="J185">
        <v>99.432628168632363</v>
      </c>
      <c r="K185">
        <v>120</v>
      </c>
      <c r="M185">
        <v>99.470559892276526</v>
      </c>
      <c r="N185">
        <v>120</v>
      </c>
      <c r="P185">
        <v>99.742535972096718</v>
      </c>
      <c r="Q185">
        <v>120</v>
      </c>
    </row>
    <row r="186" spans="4:17" x14ac:dyDescent="0.25">
      <c r="D186">
        <v>99.480551914271203</v>
      </c>
      <c r="E186">
        <v>120</v>
      </c>
      <c r="G186">
        <v>99.503231305252569</v>
      </c>
      <c r="H186">
        <v>120</v>
      </c>
      <c r="J186">
        <v>99.431600597578353</v>
      </c>
      <c r="K186">
        <v>120</v>
      </c>
      <c r="M186">
        <v>99.470153081644384</v>
      </c>
      <c r="N186">
        <v>120</v>
      </c>
      <c r="P186">
        <v>99.741817860780188</v>
      </c>
      <c r="Q186">
        <v>120</v>
      </c>
    </row>
    <row r="187" spans="4:17" x14ac:dyDescent="0.25">
      <c r="D187">
        <v>99.480089432996593</v>
      </c>
      <c r="E187">
        <v>120</v>
      </c>
      <c r="G187">
        <v>99.502781465435248</v>
      </c>
      <c r="H187">
        <v>120</v>
      </c>
      <c r="J187">
        <v>99.430918941532639</v>
      </c>
      <c r="K187">
        <v>120</v>
      </c>
      <c r="M187">
        <v>99.469758236030799</v>
      </c>
      <c r="N187">
        <v>120</v>
      </c>
      <c r="P187">
        <v>99.740402759068147</v>
      </c>
      <c r="Q187">
        <v>120</v>
      </c>
    </row>
    <row r="188" spans="4:17" x14ac:dyDescent="0.25">
      <c r="D188">
        <v>99.479640554112407</v>
      </c>
      <c r="E188">
        <v>120</v>
      </c>
      <c r="G188">
        <v>99.502331625617899</v>
      </c>
      <c r="H188">
        <v>120</v>
      </c>
      <c r="J188">
        <v>99.430237285486911</v>
      </c>
      <c r="K188">
        <v>120</v>
      </c>
      <c r="M188">
        <v>99.469351425398656</v>
      </c>
      <c r="N188">
        <v>120</v>
      </c>
      <c r="P188">
        <v>99.739684647751631</v>
      </c>
      <c r="Q188">
        <v>120</v>
      </c>
    </row>
    <row r="189" spans="4:17" x14ac:dyDescent="0.25">
      <c r="D189">
        <v>99.479178072837811</v>
      </c>
      <c r="E189">
        <v>120</v>
      </c>
      <c r="G189">
        <v>99.501881785800578</v>
      </c>
      <c r="H189">
        <v>120</v>
      </c>
      <c r="J189">
        <v>99.429891370478657</v>
      </c>
      <c r="K189">
        <v>120</v>
      </c>
      <c r="M189">
        <v>99.468549769152915</v>
      </c>
      <c r="N189">
        <v>120</v>
      </c>
      <c r="P189">
        <v>99.738966536435072</v>
      </c>
      <c r="Q189">
        <v>120</v>
      </c>
    </row>
    <row r="190" spans="4:17" x14ac:dyDescent="0.25">
      <c r="D190">
        <v>99.479178072837811</v>
      </c>
      <c r="E190">
        <v>120</v>
      </c>
      <c r="G190">
        <v>99.501445176566108</v>
      </c>
      <c r="H190">
        <v>120</v>
      </c>
      <c r="J190">
        <v>99.429209714432929</v>
      </c>
      <c r="K190">
        <v>120</v>
      </c>
      <c r="M190">
        <v>99.468142958520744</v>
      </c>
      <c r="N190">
        <v>120</v>
      </c>
      <c r="P190">
        <v>99.738269546039575</v>
      </c>
      <c r="Q190">
        <v>120</v>
      </c>
    </row>
    <row r="191" spans="4:17" x14ac:dyDescent="0.25">
      <c r="D191">
        <v>99.478715591563201</v>
      </c>
      <c r="E191">
        <v>120</v>
      </c>
      <c r="G191">
        <v>99.500545496931437</v>
      </c>
      <c r="H191">
        <v>120</v>
      </c>
      <c r="J191">
        <v>99.42851788441638</v>
      </c>
      <c r="K191">
        <v>120</v>
      </c>
      <c r="M191">
        <v>99.467736147888587</v>
      </c>
      <c r="N191">
        <v>120</v>
      </c>
      <c r="P191">
        <v>99.737551434723059</v>
      </c>
      <c r="Q191">
        <v>120</v>
      </c>
    </row>
    <row r="192" spans="4:17" x14ac:dyDescent="0.25">
      <c r="D192">
        <v>99.478266712679016</v>
      </c>
      <c r="E192">
        <v>120</v>
      </c>
      <c r="G192">
        <v>99.500108887696953</v>
      </c>
      <c r="H192">
        <v>120</v>
      </c>
      <c r="J192">
        <v>99.428182143378933</v>
      </c>
      <c r="K192">
        <v>120</v>
      </c>
      <c r="M192">
        <v>99.467341302275017</v>
      </c>
      <c r="N192">
        <v>120</v>
      </c>
      <c r="P192">
        <v>99.736833323406501</v>
      </c>
      <c r="Q192">
        <v>120</v>
      </c>
    </row>
    <row r="193" spans="4:17" x14ac:dyDescent="0.25">
      <c r="D193">
        <v>99.477341750129796</v>
      </c>
      <c r="E193">
        <v>120</v>
      </c>
      <c r="G193">
        <v>99.499659047879646</v>
      </c>
      <c r="H193">
        <v>120</v>
      </c>
      <c r="J193">
        <v>99.427836228370666</v>
      </c>
      <c r="K193">
        <v>120</v>
      </c>
      <c r="M193">
        <v>99.466527681010689</v>
      </c>
      <c r="N193">
        <v>120</v>
      </c>
      <c r="P193">
        <v>99.735418221694474</v>
      </c>
      <c r="Q193">
        <v>120</v>
      </c>
    </row>
    <row r="194" spans="4:17" x14ac:dyDescent="0.25">
      <c r="D194">
        <v>99.476879268855186</v>
      </c>
      <c r="E194">
        <v>120</v>
      </c>
      <c r="G194">
        <v>99.499209208062283</v>
      </c>
      <c r="H194">
        <v>120</v>
      </c>
      <c r="J194">
        <v>99.427154572324923</v>
      </c>
      <c r="K194">
        <v>120</v>
      </c>
      <c r="M194">
        <v>99.466132835397119</v>
      </c>
      <c r="N194">
        <v>120</v>
      </c>
      <c r="P194">
        <v>99.734700110377943</v>
      </c>
      <c r="Q194">
        <v>120</v>
      </c>
    </row>
    <row r="195" spans="4:17" x14ac:dyDescent="0.25">
      <c r="D195">
        <v>99.475967908696404</v>
      </c>
      <c r="E195">
        <v>120</v>
      </c>
      <c r="G195">
        <v>99.498772598827827</v>
      </c>
      <c r="H195">
        <v>120</v>
      </c>
      <c r="J195">
        <v>99.426808657316656</v>
      </c>
      <c r="K195">
        <v>120</v>
      </c>
      <c r="M195">
        <v>99.465726024764948</v>
      </c>
      <c r="N195">
        <v>120</v>
      </c>
      <c r="P195">
        <v>99.734003119982447</v>
      </c>
      <c r="Q195">
        <v>120</v>
      </c>
    </row>
    <row r="196" spans="4:17" x14ac:dyDescent="0.25">
      <c r="D196">
        <v>99.475505427421794</v>
      </c>
      <c r="E196">
        <v>120</v>
      </c>
      <c r="G196">
        <v>99.498322759010492</v>
      </c>
      <c r="H196">
        <v>120</v>
      </c>
      <c r="J196">
        <v>99.426462742308402</v>
      </c>
      <c r="K196">
        <v>120</v>
      </c>
      <c r="M196">
        <v>99.465319214132791</v>
      </c>
      <c r="N196">
        <v>120</v>
      </c>
      <c r="P196">
        <v>99.733285008665902</v>
      </c>
      <c r="Q196">
        <v>120</v>
      </c>
    </row>
    <row r="197" spans="4:17" x14ac:dyDescent="0.25">
      <c r="D197">
        <v>99.474594067263013</v>
      </c>
      <c r="E197">
        <v>120</v>
      </c>
      <c r="G197">
        <v>99.497436309958687</v>
      </c>
      <c r="H197">
        <v>120</v>
      </c>
      <c r="J197">
        <v>99.426127001270942</v>
      </c>
      <c r="K197">
        <v>120</v>
      </c>
      <c r="M197">
        <v>99.46492436851922</v>
      </c>
      <c r="N197">
        <v>120</v>
      </c>
      <c r="P197">
        <v>99.732566897349358</v>
      </c>
      <c r="Q197">
        <v>120</v>
      </c>
    </row>
    <row r="198" spans="4:17" x14ac:dyDescent="0.25">
      <c r="D198">
        <v>99.474131585988403</v>
      </c>
      <c r="E198">
        <v>120</v>
      </c>
      <c r="G198">
        <v>99.496986470141351</v>
      </c>
      <c r="H198">
        <v>120</v>
      </c>
      <c r="J198">
        <v>99.42578108626266</v>
      </c>
      <c r="K198">
        <v>120</v>
      </c>
      <c r="M198">
        <v>99.464517557887064</v>
      </c>
      <c r="N198">
        <v>120</v>
      </c>
      <c r="P198">
        <v>99.732566897349358</v>
      </c>
      <c r="Q198">
        <v>120</v>
      </c>
    </row>
    <row r="199" spans="4:17" x14ac:dyDescent="0.25">
      <c r="D199">
        <v>99.473682707104217</v>
      </c>
      <c r="E199">
        <v>120</v>
      </c>
      <c r="G199">
        <v>99.496100021089546</v>
      </c>
      <c r="H199">
        <v>120</v>
      </c>
      <c r="J199">
        <v>99.425099430216946</v>
      </c>
      <c r="K199">
        <v>120</v>
      </c>
      <c r="M199">
        <v>99.463715901641308</v>
      </c>
      <c r="N199">
        <v>120</v>
      </c>
      <c r="P199">
        <v>99.731869906953889</v>
      </c>
      <c r="Q199">
        <v>120</v>
      </c>
    </row>
    <row r="200" spans="4:17" x14ac:dyDescent="0.25">
      <c r="D200">
        <v>99.473220225829607</v>
      </c>
      <c r="E200">
        <v>120</v>
      </c>
      <c r="G200">
        <v>99.495650181272225</v>
      </c>
      <c r="H200">
        <v>120</v>
      </c>
      <c r="J200">
        <v>99.424753515208678</v>
      </c>
      <c r="K200">
        <v>120</v>
      </c>
      <c r="M200">
        <v>99.463309091009165</v>
      </c>
      <c r="N200">
        <v>120</v>
      </c>
      <c r="P200">
        <v>99.731151795637345</v>
      </c>
      <c r="Q200">
        <v>120</v>
      </c>
    </row>
    <row r="201" spans="4:17" x14ac:dyDescent="0.25">
      <c r="D201">
        <v>99.472308865670826</v>
      </c>
      <c r="E201">
        <v>120</v>
      </c>
      <c r="G201">
        <v>99.49476373222042</v>
      </c>
      <c r="H201">
        <v>120</v>
      </c>
      <c r="J201">
        <v>99.42407185916295</v>
      </c>
      <c r="K201">
        <v>120</v>
      </c>
      <c r="M201">
        <v>99.462902280376994</v>
      </c>
      <c r="N201">
        <v>120</v>
      </c>
      <c r="P201">
        <v>99.730433684320801</v>
      </c>
      <c r="Q201">
        <v>120</v>
      </c>
    </row>
    <row r="202" spans="4:17" x14ac:dyDescent="0.25">
      <c r="D202">
        <v>99.471846384396216</v>
      </c>
      <c r="E202">
        <v>120</v>
      </c>
      <c r="G202">
        <v>99.493864052585764</v>
      </c>
      <c r="H202">
        <v>120</v>
      </c>
      <c r="J202">
        <v>99.423380029146401</v>
      </c>
      <c r="K202">
        <v>120</v>
      </c>
      <c r="M202">
        <v>99.462507434763438</v>
      </c>
      <c r="N202">
        <v>120</v>
      </c>
      <c r="P202">
        <v>99.729736693925332</v>
      </c>
      <c r="Q202">
        <v>120</v>
      </c>
    </row>
    <row r="203" spans="4:17" x14ac:dyDescent="0.25">
      <c r="D203">
        <v>99.47138390312162</v>
      </c>
      <c r="E203">
        <v>120</v>
      </c>
      <c r="G203">
        <v>99.492977603533944</v>
      </c>
      <c r="H203">
        <v>120</v>
      </c>
      <c r="J203">
        <v>99.422698373100673</v>
      </c>
      <c r="K203">
        <v>120</v>
      </c>
      <c r="M203">
        <v>99.462100624131253</v>
      </c>
      <c r="N203">
        <v>120</v>
      </c>
      <c r="P203">
        <v>99.729018582608788</v>
      </c>
      <c r="Q203">
        <v>120</v>
      </c>
    </row>
    <row r="204" spans="4:17" x14ac:dyDescent="0.25">
      <c r="D204">
        <v>99.470935024237434</v>
      </c>
      <c r="E204">
        <v>120</v>
      </c>
      <c r="G204">
        <v>99.492527763716609</v>
      </c>
      <c r="H204">
        <v>120</v>
      </c>
      <c r="J204">
        <v>99.422352458092419</v>
      </c>
      <c r="K204">
        <v>120</v>
      </c>
      <c r="M204">
        <v>99.461693813499082</v>
      </c>
      <c r="N204">
        <v>120</v>
      </c>
      <c r="P204">
        <v>99.728300471292229</v>
      </c>
      <c r="Q204">
        <v>120</v>
      </c>
    </row>
    <row r="205" spans="4:17" x14ac:dyDescent="0.25">
      <c r="D205">
        <v>99.470472542962796</v>
      </c>
      <c r="E205">
        <v>120</v>
      </c>
      <c r="G205">
        <v>99.491641314664818</v>
      </c>
      <c r="H205">
        <v>120</v>
      </c>
      <c r="J205">
        <v>99.422016717054959</v>
      </c>
      <c r="K205">
        <v>120</v>
      </c>
      <c r="M205">
        <v>99.460892157253355</v>
      </c>
      <c r="N205">
        <v>120</v>
      </c>
      <c r="P205">
        <v>99.727603480896761</v>
      </c>
      <c r="Q205">
        <v>120</v>
      </c>
    </row>
    <row r="206" spans="4:17" x14ac:dyDescent="0.25">
      <c r="D206">
        <v>99.470010061688214</v>
      </c>
      <c r="E206">
        <v>120</v>
      </c>
      <c r="G206">
        <v>99.490754865613013</v>
      </c>
      <c r="H206">
        <v>120</v>
      </c>
      <c r="J206">
        <v>99.421670802046691</v>
      </c>
      <c r="K206">
        <v>120</v>
      </c>
      <c r="M206">
        <v>99.460485346621212</v>
      </c>
      <c r="N206">
        <v>120</v>
      </c>
      <c r="P206">
        <v>99.726885369580216</v>
      </c>
      <c r="Q206">
        <v>120</v>
      </c>
    </row>
    <row r="207" spans="4:17" x14ac:dyDescent="0.25">
      <c r="D207">
        <v>99.469098701529404</v>
      </c>
      <c r="E207">
        <v>120</v>
      </c>
      <c r="G207">
        <v>99.490305025795664</v>
      </c>
      <c r="H207">
        <v>120</v>
      </c>
      <c r="J207">
        <v>99.420643230992695</v>
      </c>
      <c r="K207">
        <v>120</v>
      </c>
      <c r="M207">
        <v>99.460090501007642</v>
      </c>
      <c r="N207">
        <v>120</v>
      </c>
      <c r="P207">
        <v>99.726167258263672</v>
      </c>
      <c r="Q207">
        <v>120</v>
      </c>
    </row>
    <row r="208" spans="4:17" x14ac:dyDescent="0.25">
      <c r="D208">
        <v>99.468636220254794</v>
      </c>
      <c r="E208">
        <v>120</v>
      </c>
      <c r="G208">
        <v>99.489855185978342</v>
      </c>
      <c r="H208">
        <v>120</v>
      </c>
      <c r="J208">
        <v>99.420297315984413</v>
      </c>
      <c r="K208">
        <v>120</v>
      </c>
      <c r="M208">
        <v>99.459683690375442</v>
      </c>
      <c r="N208">
        <v>120</v>
      </c>
      <c r="P208">
        <v>99.725470267868204</v>
      </c>
      <c r="Q208">
        <v>120</v>
      </c>
    </row>
    <row r="209" spans="4:17" x14ac:dyDescent="0.25">
      <c r="D209">
        <v>99.468187341370637</v>
      </c>
      <c r="E209">
        <v>120</v>
      </c>
      <c r="G209">
        <v>99.488968736926537</v>
      </c>
      <c r="H209">
        <v>120</v>
      </c>
      <c r="J209">
        <v>99.4196156599387</v>
      </c>
      <c r="K209">
        <v>120</v>
      </c>
      <c r="M209">
        <v>99.459276879743314</v>
      </c>
      <c r="N209">
        <v>120</v>
      </c>
      <c r="P209">
        <v>99.725470267868204</v>
      </c>
      <c r="Q209">
        <v>120</v>
      </c>
    </row>
    <row r="210" spans="4:17" x14ac:dyDescent="0.25">
      <c r="D210">
        <v>99.467724860096013</v>
      </c>
      <c r="E210">
        <v>120</v>
      </c>
      <c r="G210">
        <v>99.488518897109188</v>
      </c>
      <c r="H210">
        <v>120</v>
      </c>
      <c r="J210">
        <v>99.41892382992215</v>
      </c>
      <c r="K210">
        <v>120</v>
      </c>
      <c r="M210">
        <v>99.458882034129729</v>
      </c>
      <c r="N210">
        <v>120</v>
      </c>
      <c r="P210">
        <v>99.724752156551659</v>
      </c>
      <c r="Q210">
        <v>120</v>
      </c>
    </row>
    <row r="211" spans="4:17" x14ac:dyDescent="0.25">
      <c r="D211">
        <v>99.467262378821417</v>
      </c>
      <c r="E211">
        <v>120</v>
      </c>
      <c r="G211">
        <v>99.488082287874732</v>
      </c>
      <c r="H211">
        <v>120</v>
      </c>
      <c r="J211">
        <v>99.418242173876408</v>
      </c>
      <c r="K211">
        <v>120</v>
      </c>
      <c r="M211">
        <v>99.458475223497572</v>
      </c>
      <c r="N211">
        <v>120</v>
      </c>
      <c r="P211">
        <v>99.724034045235101</v>
      </c>
      <c r="Q211">
        <v>120</v>
      </c>
    </row>
    <row r="212" spans="4:17" x14ac:dyDescent="0.25">
      <c r="D212">
        <v>99.466813499937217</v>
      </c>
      <c r="E212">
        <v>120</v>
      </c>
      <c r="G212">
        <v>99.487182608240062</v>
      </c>
      <c r="H212">
        <v>120</v>
      </c>
      <c r="J212">
        <v>99.417560517830708</v>
      </c>
      <c r="K212">
        <v>120</v>
      </c>
      <c r="M212">
        <v>99.458068412865416</v>
      </c>
      <c r="N212">
        <v>120</v>
      </c>
      <c r="P212">
        <v>99.723337054839618</v>
      </c>
      <c r="Q212">
        <v>120</v>
      </c>
    </row>
    <row r="213" spans="4:17" x14ac:dyDescent="0.25">
      <c r="D213">
        <v>99.465888537387997</v>
      </c>
      <c r="E213">
        <v>120</v>
      </c>
      <c r="G213">
        <v>99.486745999005592</v>
      </c>
      <c r="H213">
        <v>120</v>
      </c>
      <c r="J213">
        <v>99.416868687814144</v>
      </c>
      <c r="K213">
        <v>120</v>
      </c>
      <c r="M213">
        <v>99.457661602233244</v>
      </c>
      <c r="N213">
        <v>120</v>
      </c>
      <c r="P213">
        <v>99.723337054839618</v>
      </c>
      <c r="Q213">
        <v>120</v>
      </c>
    </row>
    <row r="214" spans="4:17" x14ac:dyDescent="0.25">
      <c r="D214">
        <v>99.465439658503826</v>
      </c>
      <c r="E214">
        <v>120</v>
      </c>
      <c r="G214">
        <v>99.486296159188271</v>
      </c>
      <c r="H214">
        <v>120</v>
      </c>
      <c r="J214">
        <v>99.416532946776712</v>
      </c>
      <c r="K214">
        <v>120</v>
      </c>
      <c r="M214">
        <v>99.45726675661966</v>
      </c>
      <c r="N214">
        <v>120</v>
      </c>
      <c r="P214">
        <v>99.722618943523088</v>
      </c>
      <c r="Q214">
        <v>120</v>
      </c>
    </row>
    <row r="215" spans="4:17" x14ac:dyDescent="0.25">
      <c r="D215">
        <v>99.464977177229215</v>
      </c>
      <c r="E215">
        <v>120</v>
      </c>
      <c r="G215">
        <v>99.485396479553586</v>
      </c>
      <c r="H215">
        <v>120</v>
      </c>
      <c r="J215">
        <v>99.415841116760163</v>
      </c>
      <c r="K215">
        <v>120</v>
      </c>
      <c r="M215">
        <v>99.456859945987503</v>
      </c>
      <c r="N215">
        <v>120</v>
      </c>
      <c r="P215">
        <v>99.721900832206529</v>
      </c>
      <c r="Q215">
        <v>120</v>
      </c>
    </row>
    <row r="216" spans="4:17" x14ac:dyDescent="0.25">
      <c r="D216">
        <v>99.464065817070434</v>
      </c>
      <c r="E216">
        <v>120</v>
      </c>
      <c r="G216">
        <v>99.48495987031913</v>
      </c>
      <c r="H216">
        <v>120</v>
      </c>
      <c r="J216">
        <v>99.414813545706153</v>
      </c>
      <c r="K216">
        <v>120</v>
      </c>
      <c r="M216">
        <v>99.45645313535536</v>
      </c>
      <c r="N216">
        <v>120</v>
      </c>
      <c r="P216">
        <v>99.721203841811047</v>
      </c>
      <c r="Q216">
        <v>120</v>
      </c>
    </row>
    <row r="217" spans="4:17" x14ac:dyDescent="0.25">
      <c r="D217">
        <v>99.463603335795824</v>
      </c>
      <c r="E217">
        <v>120</v>
      </c>
      <c r="G217">
        <v>99.48495987031913</v>
      </c>
      <c r="H217">
        <v>120</v>
      </c>
      <c r="J217">
        <v>99.413785974652171</v>
      </c>
      <c r="K217">
        <v>120</v>
      </c>
      <c r="M217">
        <v>99.456058289741776</v>
      </c>
      <c r="N217">
        <v>120</v>
      </c>
      <c r="P217">
        <v>99.721203841811047</v>
      </c>
      <c r="Q217">
        <v>120</v>
      </c>
    </row>
    <row r="218" spans="4:17" x14ac:dyDescent="0.25">
      <c r="D218">
        <v>99.463603335795824</v>
      </c>
      <c r="E218">
        <v>120</v>
      </c>
      <c r="G218">
        <v>99.484510030501781</v>
      </c>
      <c r="H218">
        <v>120</v>
      </c>
      <c r="J218">
        <v>99.413104318606457</v>
      </c>
      <c r="K218">
        <v>120</v>
      </c>
      <c r="M218">
        <v>99.455651479109591</v>
      </c>
      <c r="N218">
        <v>120</v>
      </c>
      <c r="P218">
        <v>99.720485730494516</v>
      </c>
      <c r="Q218">
        <v>120</v>
      </c>
    </row>
    <row r="219" spans="4:17" x14ac:dyDescent="0.25">
      <c r="D219">
        <v>99.4631408545212</v>
      </c>
      <c r="E219">
        <v>120</v>
      </c>
      <c r="G219">
        <v>99.48406019068446</v>
      </c>
      <c r="H219">
        <v>120</v>
      </c>
      <c r="J219">
        <v>99.412076747552462</v>
      </c>
      <c r="K219">
        <v>120</v>
      </c>
      <c r="M219">
        <v>99.455244668477434</v>
      </c>
      <c r="N219">
        <v>120</v>
      </c>
      <c r="P219">
        <v>99.719767619177972</v>
      </c>
      <c r="Q219">
        <v>120</v>
      </c>
    </row>
    <row r="220" spans="4:17" x14ac:dyDescent="0.25">
      <c r="D220">
        <v>99.4631408545212</v>
      </c>
      <c r="E220">
        <v>120</v>
      </c>
      <c r="G220">
        <v>99.48362358144999</v>
      </c>
      <c r="H220">
        <v>120</v>
      </c>
      <c r="J220">
        <v>99.411049176498452</v>
      </c>
      <c r="K220">
        <v>120</v>
      </c>
      <c r="M220">
        <v>99.454849822863864</v>
      </c>
      <c r="N220">
        <v>120</v>
      </c>
      <c r="P220">
        <v>99.719049507861413</v>
      </c>
      <c r="Q220">
        <v>120</v>
      </c>
    </row>
    <row r="221" spans="4:17" x14ac:dyDescent="0.25">
      <c r="D221">
        <v>99.462691975637028</v>
      </c>
      <c r="E221">
        <v>120</v>
      </c>
      <c r="G221">
        <v>99.48317374163264</v>
      </c>
      <c r="H221">
        <v>120</v>
      </c>
      <c r="J221">
        <v>99.41002160544447</v>
      </c>
      <c r="K221">
        <v>120</v>
      </c>
      <c r="M221">
        <v>99.454443012231735</v>
      </c>
      <c r="N221">
        <v>120</v>
      </c>
      <c r="P221">
        <v>99.718352517465959</v>
      </c>
      <c r="Q221">
        <v>120</v>
      </c>
    </row>
    <row r="222" spans="4:17" x14ac:dyDescent="0.25">
      <c r="D222">
        <v>99.462229494362418</v>
      </c>
      <c r="E222">
        <v>120</v>
      </c>
      <c r="G222">
        <v>99.482723901815319</v>
      </c>
      <c r="H222">
        <v>120</v>
      </c>
      <c r="J222">
        <v>99.40899403439046</v>
      </c>
      <c r="K222">
        <v>120</v>
      </c>
      <c r="M222">
        <v>99.45403620159955</v>
      </c>
      <c r="N222">
        <v>120</v>
      </c>
      <c r="P222">
        <v>99.718352517465959</v>
      </c>
      <c r="Q222">
        <v>120</v>
      </c>
    </row>
    <row r="223" spans="4:17" x14ac:dyDescent="0.25">
      <c r="D223">
        <v>99.462229494362418</v>
      </c>
      <c r="E223">
        <v>120</v>
      </c>
      <c r="G223">
        <v>99.48228729258085</v>
      </c>
      <c r="H223">
        <v>120</v>
      </c>
      <c r="J223">
        <v>99.407966463336479</v>
      </c>
      <c r="K223">
        <v>120</v>
      </c>
      <c r="M223">
        <v>99.453641355985994</v>
      </c>
      <c r="N223">
        <v>120</v>
      </c>
      <c r="P223">
        <v>99.717634406149401</v>
      </c>
      <c r="Q223">
        <v>120</v>
      </c>
    </row>
    <row r="224" spans="4:17" x14ac:dyDescent="0.25">
      <c r="D224">
        <v>99.461767013087808</v>
      </c>
      <c r="E224">
        <v>120</v>
      </c>
      <c r="G224">
        <v>99.481837452763529</v>
      </c>
      <c r="H224">
        <v>120</v>
      </c>
      <c r="J224">
        <v>99.406938892282483</v>
      </c>
      <c r="K224">
        <v>120</v>
      </c>
      <c r="M224">
        <v>99.453234545353823</v>
      </c>
      <c r="N224">
        <v>120</v>
      </c>
      <c r="P224">
        <v>99.716916294832842</v>
      </c>
      <c r="Q224">
        <v>120</v>
      </c>
    </row>
    <row r="225" spans="4:17" x14ac:dyDescent="0.25">
      <c r="D225">
        <v>99.460855652929027</v>
      </c>
      <c r="E225">
        <v>120</v>
      </c>
      <c r="G225">
        <v>99.481387612946179</v>
      </c>
      <c r="H225">
        <v>120</v>
      </c>
      <c r="J225">
        <v>99.406247062265933</v>
      </c>
      <c r="K225">
        <v>120</v>
      </c>
      <c r="M225">
        <v>99.452827734721652</v>
      </c>
      <c r="N225">
        <v>120</v>
      </c>
      <c r="P225">
        <v>99.716219304437374</v>
      </c>
      <c r="Q225">
        <v>120</v>
      </c>
    </row>
    <row r="226" spans="4:17" x14ac:dyDescent="0.25">
      <c r="D226">
        <v>99.459930690379807</v>
      </c>
      <c r="E226">
        <v>120</v>
      </c>
      <c r="G226">
        <v>99.480951003711709</v>
      </c>
      <c r="H226">
        <v>120</v>
      </c>
      <c r="J226">
        <v>99.405565406220191</v>
      </c>
      <c r="K226">
        <v>120</v>
      </c>
      <c r="M226">
        <v>99.452432889108096</v>
      </c>
      <c r="N226">
        <v>120</v>
      </c>
      <c r="P226">
        <v>99.715501193120843</v>
      </c>
      <c r="Q226">
        <v>120</v>
      </c>
    </row>
    <row r="227" spans="4:17" x14ac:dyDescent="0.25">
      <c r="D227">
        <v>99.459019330221025</v>
      </c>
      <c r="E227">
        <v>120</v>
      </c>
      <c r="G227">
        <v>99.480501163894388</v>
      </c>
      <c r="H227">
        <v>120</v>
      </c>
      <c r="J227">
        <v>99.404883750174491</v>
      </c>
      <c r="K227">
        <v>120</v>
      </c>
      <c r="M227">
        <v>99.452026078475924</v>
      </c>
      <c r="N227">
        <v>120</v>
      </c>
      <c r="P227">
        <v>99.714783081804285</v>
      </c>
      <c r="Q227">
        <v>120</v>
      </c>
    </row>
    <row r="228" spans="4:17" x14ac:dyDescent="0.25">
      <c r="D228">
        <v>99.458556848946401</v>
      </c>
      <c r="E228">
        <v>120</v>
      </c>
      <c r="G228">
        <v>99.480501163894388</v>
      </c>
      <c r="H228">
        <v>120</v>
      </c>
      <c r="J228">
        <v>99.404191920157942</v>
      </c>
      <c r="K228">
        <v>120</v>
      </c>
      <c r="M228">
        <v>99.451619267843739</v>
      </c>
      <c r="N228">
        <v>120</v>
      </c>
      <c r="P228">
        <v>99.714783081804285</v>
      </c>
      <c r="Q228">
        <v>120</v>
      </c>
    </row>
    <row r="229" spans="4:17" x14ac:dyDescent="0.25">
      <c r="D229">
        <v>99.45764548878762</v>
      </c>
      <c r="E229">
        <v>120</v>
      </c>
      <c r="G229">
        <v>99.480051324077039</v>
      </c>
      <c r="H229">
        <v>120</v>
      </c>
      <c r="J229">
        <v>99.403510264112228</v>
      </c>
      <c r="K229">
        <v>120</v>
      </c>
      <c r="M229">
        <v>99.451224422230197</v>
      </c>
      <c r="N229">
        <v>120</v>
      </c>
      <c r="P229">
        <v>99.714086091408802</v>
      </c>
      <c r="Q229">
        <v>120</v>
      </c>
    </row>
    <row r="230" spans="4:17" x14ac:dyDescent="0.25">
      <c r="D230">
        <v>99.457183007513009</v>
      </c>
      <c r="E230">
        <v>120</v>
      </c>
      <c r="G230">
        <v>99.479614714842555</v>
      </c>
      <c r="H230">
        <v>120</v>
      </c>
      <c r="J230">
        <v>99.4028286080665</v>
      </c>
      <c r="K230">
        <v>120</v>
      </c>
      <c r="M230">
        <v>99.450817611598012</v>
      </c>
      <c r="N230">
        <v>120</v>
      </c>
      <c r="P230">
        <v>99.713367980092272</v>
      </c>
      <c r="Q230">
        <v>120</v>
      </c>
    </row>
    <row r="231" spans="4:17" x14ac:dyDescent="0.25">
      <c r="D231">
        <v>99.456271647354228</v>
      </c>
      <c r="E231">
        <v>120</v>
      </c>
      <c r="G231">
        <v>99.479164875025248</v>
      </c>
      <c r="H231">
        <v>120</v>
      </c>
      <c r="J231">
        <v>99.402136778049936</v>
      </c>
      <c r="K231">
        <v>120</v>
      </c>
      <c r="M231">
        <v>99.450410800965855</v>
      </c>
      <c r="N231">
        <v>120</v>
      </c>
      <c r="P231">
        <v>99.712649868775728</v>
      </c>
      <c r="Q231">
        <v>120</v>
      </c>
    </row>
    <row r="232" spans="4:17" x14ac:dyDescent="0.25">
      <c r="D232">
        <v>99.455809166079618</v>
      </c>
      <c r="E232">
        <v>120</v>
      </c>
      <c r="G232">
        <v>99.479164875025248</v>
      </c>
      <c r="H232">
        <v>120</v>
      </c>
      <c r="J232">
        <v>99.401801037012504</v>
      </c>
      <c r="K232">
        <v>120</v>
      </c>
      <c r="M232">
        <v>99.450015955352285</v>
      </c>
      <c r="N232">
        <v>120</v>
      </c>
      <c r="P232">
        <v>99.712649868775728</v>
      </c>
      <c r="Q232">
        <v>120</v>
      </c>
    </row>
    <row r="233" spans="4:17" x14ac:dyDescent="0.25">
      <c r="D233">
        <v>99.455360287195433</v>
      </c>
      <c r="E233">
        <v>120</v>
      </c>
      <c r="G233">
        <v>99.478715035207898</v>
      </c>
      <c r="H233">
        <v>120</v>
      </c>
      <c r="J233">
        <v>99.401109206995955</v>
      </c>
      <c r="K233">
        <v>120</v>
      </c>
      <c r="M233">
        <v>99.449609144720128</v>
      </c>
      <c r="N233">
        <v>120</v>
      </c>
      <c r="P233">
        <v>99.711952878380245</v>
      </c>
      <c r="Q233">
        <v>120</v>
      </c>
    </row>
    <row r="234" spans="4:17" x14ac:dyDescent="0.25">
      <c r="D234">
        <v>99.454435324646212</v>
      </c>
      <c r="E234">
        <v>120</v>
      </c>
      <c r="G234">
        <v>99.478278425973443</v>
      </c>
      <c r="H234">
        <v>120</v>
      </c>
      <c r="J234">
        <v>99.400773465958508</v>
      </c>
      <c r="K234">
        <v>120</v>
      </c>
      <c r="M234">
        <v>99.449202334087957</v>
      </c>
      <c r="N234">
        <v>120</v>
      </c>
      <c r="P234">
        <v>99.711234767063715</v>
      </c>
      <c r="Q234">
        <v>120</v>
      </c>
    </row>
    <row r="235" spans="4:17" x14ac:dyDescent="0.25">
      <c r="D235">
        <v>99.453986445762027</v>
      </c>
      <c r="E235">
        <v>120</v>
      </c>
      <c r="G235">
        <v>99.478278425973443</v>
      </c>
      <c r="H235">
        <v>120</v>
      </c>
      <c r="J235">
        <v>99.400427550950226</v>
      </c>
      <c r="K235">
        <v>120</v>
      </c>
      <c r="M235">
        <v>99.448807488474372</v>
      </c>
      <c r="N235">
        <v>120</v>
      </c>
      <c r="P235">
        <v>99.711234767063715</v>
      </c>
      <c r="Q235">
        <v>120</v>
      </c>
    </row>
    <row r="236" spans="4:17" x14ac:dyDescent="0.25">
      <c r="D236">
        <v>99.453523964487417</v>
      </c>
      <c r="E236">
        <v>120</v>
      </c>
      <c r="G236">
        <v>99.477828586156107</v>
      </c>
      <c r="H236">
        <v>120</v>
      </c>
      <c r="J236">
        <v>99.400081635941945</v>
      </c>
      <c r="K236">
        <v>120</v>
      </c>
      <c r="M236">
        <v>99.448400677842216</v>
      </c>
      <c r="N236">
        <v>120</v>
      </c>
      <c r="P236">
        <v>99.710516655747156</v>
      </c>
      <c r="Q236">
        <v>120</v>
      </c>
    </row>
    <row r="237" spans="4:17" x14ac:dyDescent="0.25">
      <c r="D237">
        <v>99.453061483212807</v>
      </c>
      <c r="E237">
        <v>120</v>
      </c>
      <c r="G237">
        <v>99.477378746338772</v>
      </c>
      <c r="H237">
        <v>120</v>
      </c>
      <c r="J237">
        <v>99.399745894904513</v>
      </c>
      <c r="K237">
        <v>120</v>
      </c>
      <c r="M237">
        <v>99.447993867210073</v>
      </c>
      <c r="N237">
        <v>120</v>
      </c>
      <c r="P237">
        <v>99.709819665351674</v>
      </c>
      <c r="Q237">
        <v>120</v>
      </c>
    </row>
    <row r="238" spans="4:17" x14ac:dyDescent="0.25">
      <c r="D238">
        <v>99.45261260432865</v>
      </c>
      <c r="E238">
        <v>120</v>
      </c>
      <c r="G238">
        <v>99.476942137104302</v>
      </c>
      <c r="H238">
        <v>120</v>
      </c>
      <c r="J238">
        <v>99.399399979896245</v>
      </c>
      <c r="K238">
        <v>120</v>
      </c>
      <c r="M238">
        <v>99.447599021596488</v>
      </c>
      <c r="N238">
        <v>120</v>
      </c>
      <c r="P238">
        <v>99.709101554035158</v>
      </c>
      <c r="Q238">
        <v>120</v>
      </c>
    </row>
    <row r="239" spans="4:17" x14ac:dyDescent="0.25">
      <c r="D239">
        <v>99.452150123054011</v>
      </c>
      <c r="E239">
        <v>120</v>
      </c>
      <c r="G239">
        <v>99.476492297286967</v>
      </c>
      <c r="H239">
        <v>120</v>
      </c>
      <c r="J239">
        <v>99.398718323850517</v>
      </c>
      <c r="K239">
        <v>120</v>
      </c>
      <c r="M239">
        <v>99.447192210964332</v>
      </c>
      <c r="N239">
        <v>120</v>
      </c>
      <c r="P239">
        <v>99.708383442718599</v>
      </c>
      <c r="Q239">
        <v>120</v>
      </c>
    </row>
    <row r="240" spans="4:17" x14ac:dyDescent="0.25">
      <c r="D240">
        <v>99.451687641779429</v>
      </c>
      <c r="E240">
        <v>120</v>
      </c>
      <c r="G240">
        <v>99.476042457469632</v>
      </c>
      <c r="H240">
        <v>120</v>
      </c>
      <c r="J240">
        <v>99.398026493833981</v>
      </c>
      <c r="K240">
        <v>120</v>
      </c>
      <c r="M240">
        <v>99.446785400332161</v>
      </c>
      <c r="N240">
        <v>120</v>
      </c>
      <c r="P240">
        <v>99.707686452323102</v>
      </c>
      <c r="Q240">
        <v>120</v>
      </c>
    </row>
    <row r="241" spans="4:17" x14ac:dyDescent="0.25">
      <c r="D241">
        <v>99.45077628162062</v>
      </c>
      <c r="E241">
        <v>120</v>
      </c>
      <c r="G241">
        <v>99.475605848235162</v>
      </c>
      <c r="H241">
        <v>120</v>
      </c>
      <c r="J241">
        <v>99.397690752796521</v>
      </c>
      <c r="K241">
        <v>120</v>
      </c>
      <c r="M241">
        <v>99.44639055471859</v>
      </c>
      <c r="N241">
        <v>120</v>
      </c>
      <c r="P241">
        <v>99.706968341006558</v>
      </c>
      <c r="Q241">
        <v>120</v>
      </c>
    </row>
    <row r="242" spans="4:17" x14ac:dyDescent="0.25">
      <c r="D242">
        <v>99.450313800346024</v>
      </c>
      <c r="E242">
        <v>120</v>
      </c>
      <c r="G242">
        <v>99.475156008417827</v>
      </c>
      <c r="H242">
        <v>120</v>
      </c>
      <c r="J242">
        <v>99.397690752796521</v>
      </c>
      <c r="K242">
        <v>120</v>
      </c>
      <c r="M242">
        <v>99.445983744086433</v>
      </c>
      <c r="N242">
        <v>120</v>
      </c>
      <c r="P242">
        <v>99.706968341006558</v>
      </c>
      <c r="Q242">
        <v>120</v>
      </c>
    </row>
    <row r="243" spans="4:17" x14ac:dyDescent="0.25">
      <c r="D243">
        <v>99.449864921461838</v>
      </c>
      <c r="E243">
        <v>120</v>
      </c>
      <c r="G243">
        <v>99.474269559366022</v>
      </c>
      <c r="H243">
        <v>120</v>
      </c>
      <c r="J243">
        <v>99.397344837788253</v>
      </c>
      <c r="K243">
        <v>120</v>
      </c>
      <c r="M243">
        <v>99.445983744086433</v>
      </c>
      <c r="N243">
        <v>120</v>
      </c>
      <c r="P243">
        <v>99.706250229690028</v>
      </c>
      <c r="Q243">
        <v>120</v>
      </c>
    </row>
    <row r="244" spans="4:17" x14ac:dyDescent="0.25">
      <c r="D244">
        <v>99.448939958912632</v>
      </c>
      <c r="E244">
        <v>120</v>
      </c>
      <c r="G244">
        <v>99.4738197195487</v>
      </c>
      <c r="H244">
        <v>120</v>
      </c>
      <c r="J244">
        <v>99.397344837788253</v>
      </c>
      <c r="K244">
        <v>120</v>
      </c>
      <c r="M244">
        <v>99.445576933454277</v>
      </c>
      <c r="N244">
        <v>120</v>
      </c>
      <c r="P244">
        <v>99.705553239294545</v>
      </c>
      <c r="Q244">
        <v>120</v>
      </c>
    </row>
    <row r="245" spans="4:17" x14ac:dyDescent="0.25">
      <c r="D245">
        <v>99.448491080028447</v>
      </c>
      <c r="E245">
        <v>120</v>
      </c>
      <c r="G245">
        <v>99.473369879731365</v>
      </c>
      <c r="H245">
        <v>120</v>
      </c>
      <c r="J245">
        <v>99.396998922779986</v>
      </c>
      <c r="K245">
        <v>120</v>
      </c>
      <c r="M245">
        <v>99.445182087840706</v>
      </c>
      <c r="N245">
        <v>120</v>
      </c>
      <c r="P245">
        <v>99.704835127977987</v>
      </c>
      <c r="Q245">
        <v>120</v>
      </c>
    </row>
    <row r="246" spans="4:17" x14ac:dyDescent="0.25">
      <c r="D246">
        <v>99.448028598753837</v>
      </c>
      <c r="E246">
        <v>120</v>
      </c>
      <c r="G246">
        <v>99.472933270496895</v>
      </c>
      <c r="H246">
        <v>120</v>
      </c>
      <c r="J246">
        <v>99.396998922779986</v>
      </c>
      <c r="K246">
        <v>120</v>
      </c>
      <c r="M246">
        <v>99.444775277208521</v>
      </c>
      <c r="N246">
        <v>120</v>
      </c>
      <c r="P246">
        <v>99.704117016661456</v>
      </c>
      <c r="Q246">
        <v>120</v>
      </c>
    </row>
    <row r="247" spans="4:17" x14ac:dyDescent="0.25">
      <c r="D247">
        <v>99.447117238595055</v>
      </c>
      <c r="E247">
        <v>120</v>
      </c>
      <c r="G247">
        <v>99.47248343067956</v>
      </c>
      <c r="H247">
        <v>120</v>
      </c>
      <c r="J247">
        <v>99.396998922779986</v>
      </c>
      <c r="K247">
        <v>120</v>
      </c>
      <c r="M247">
        <v>99.444368466576378</v>
      </c>
      <c r="N247">
        <v>120</v>
      </c>
      <c r="P247">
        <v>99.704117016661456</v>
      </c>
      <c r="Q247">
        <v>120</v>
      </c>
    </row>
    <row r="248" spans="4:17" x14ac:dyDescent="0.25">
      <c r="D248">
        <v>99.446654757320431</v>
      </c>
      <c r="E248">
        <v>120</v>
      </c>
      <c r="G248">
        <v>99.471596981627741</v>
      </c>
      <c r="H248">
        <v>120</v>
      </c>
      <c r="J248">
        <v>99.396998922779986</v>
      </c>
      <c r="K248">
        <v>120</v>
      </c>
      <c r="M248">
        <v>99.443973620962794</v>
      </c>
      <c r="N248">
        <v>120</v>
      </c>
      <c r="P248">
        <v>99.703420026265974</v>
      </c>
      <c r="Q248">
        <v>120</v>
      </c>
    </row>
    <row r="249" spans="4:17" x14ac:dyDescent="0.25">
      <c r="D249">
        <v>99.446654757320431</v>
      </c>
      <c r="E249">
        <v>120</v>
      </c>
      <c r="G249">
        <v>99.47114714181042</v>
      </c>
      <c r="H249">
        <v>120</v>
      </c>
      <c r="J249">
        <v>99.397344837788253</v>
      </c>
      <c r="K249">
        <v>120</v>
      </c>
      <c r="M249">
        <v>99.443566810330637</v>
      </c>
      <c r="N249">
        <v>120</v>
      </c>
      <c r="P249">
        <v>99.702701914949429</v>
      </c>
      <c r="Q249">
        <v>120</v>
      </c>
    </row>
    <row r="250" spans="4:17" x14ac:dyDescent="0.25">
      <c r="D250">
        <v>99.446192276045821</v>
      </c>
      <c r="E250">
        <v>120</v>
      </c>
      <c r="G250">
        <v>99.47069730199307</v>
      </c>
      <c r="H250">
        <v>120</v>
      </c>
      <c r="J250">
        <v>99.397344837788253</v>
      </c>
      <c r="K250">
        <v>120</v>
      </c>
      <c r="M250">
        <v>99.44315999969848</v>
      </c>
      <c r="N250">
        <v>120</v>
      </c>
      <c r="P250">
        <v>99.701983803632885</v>
      </c>
      <c r="Q250">
        <v>120</v>
      </c>
    </row>
    <row r="251" spans="4:17" x14ac:dyDescent="0.25">
      <c r="D251">
        <v>99.446192276045821</v>
      </c>
      <c r="E251">
        <v>120</v>
      </c>
      <c r="G251">
        <v>99.470260692758615</v>
      </c>
      <c r="H251">
        <v>120</v>
      </c>
      <c r="J251">
        <v>99.396998922779986</v>
      </c>
      <c r="K251">
        <v>120</v>
      </c>
      <c r="M251">
        <v>99.442753189066309</v>
      </c>
      <c r="N251">
        <v>120</v>
      </c>
      <c r="P251">
        <v>99.701983803632885</v>
      </c>
      <c r="Q251">
        <v>120</v>
      </c>
    </row>
    <row r="252" spans="4:17" x14ac:dyDescent="0.25">
      <c r="D252">
        <v>99.446192276045821</v>
      </c>
      <c r="E252">
        <v>120</v>
      </c>
      <c r="G252">
        <v>99.469810852941279</v>
      </c>
      <c r="H252">
        <v>120</v>
      </c>
      <c r="J252">
        <v>99.396998922779986</v>
      </c>
      <c r="K252">
        <v>120</v>
      </c>
      <c r="M252">
        <v>99.442358343452739</v>
      </c>
      <c r="N252">
        <v>120</v>
      </c>
      <c r="P252">
        <v>99.701286813237417</v>
      </c>
      <c r="Q252">
        <v>120</v>
      </c>
    </row>
    <row r="253" spans="4:17" x14ac:dyDescent="0.25">
      <c r="D253">
        <v>99.446192276045821</v>
      </c>
      <c r="E253">
        <v>120</v>
      </c>
      <c r="G253">
        <v>99.468924403889474</v>
      </c>
      <c r="H253">
        <v>120</v>
      </c>
      <c r="J253">
        <v>99.396998922779986</v>
      </c>
      <c r="K253">
        <v>120</v>
      </c>
      <c r="M253">
        <v>99.441951532820582</v>
      </c>
      <c r="N253">
        <v>120</v>
      </c>
      <c r="P253">
        <v>99.700568701920872</v>
      </c>
      <c r="Q253">
        <v>120</v>
      </c>
    </row>
    <row r="254" spans="4:17" x14ac:dyDescent="0.25">
      <c r="D254">
        <v>99.446192276045821</v>
      </c>
      <c r="E254">
        <v>120</v>
      </c>
      <c r="G254">
        <v>99.468474564072153</v>
      </c>
      <c r="H254">
        <v>120</v>
      </c>
      <c r="J254">
        <v>99.396998922779986</v>
      </c>
      <c r="K254">
        <v>120</v>
      </c>
      <c r="M254">
        <v>99.441544722188425</v>
      </c>
      <c r="N254">
        <v>120</v>
      </c>
      <c r="P254">
        <v>99.699850590604314</v>
      </c>
      <c r="Q254">
        <v>120</v>
      </c>
    </row>
    <row r="255" spans="4:17" x14ac:dyDescent="0.25">
      <c r="D255">
        <v>99.44574339716165</v>
      </c>
      <c r="E255">
        <v>120</v>
      </c>
      <c r="G255">
        <v>99.468024724254818</v>
      </c>
      <c r="H255">
        <v>120</v>
      </c>
      <c r="J255">
        <v>99.396663181742539</v>
      </c>
      <c r="K255">
        <v>120</v>
      </c>
      <c r="M255">
        <v>99.441149876574855</v>
      </c>
      <c r="N255">
        <v>120</v>
      </c>
      <c r="P255">
        <v>99.699153600208859</v>
      </c>
      <c r="Q255">
        <v>120</v>
      </c>
    </row>
    <row r="256" spans="4:17" x14ac:dyDescent="0.25">
      <c r="D256">
        <v>99.44574339716165</v>
      </c>
      <c r="E256">
        <v>120</v>
      </c>
      <c r="G256">
        <v>99.467138275203013</v>
      </c>
      <c r="H256">
        <v>120</v>
      </c>
      <c r="J256">
        <v>99.396317266734243</v>
      </c>
      <c r="K256">
        <v>120</v>
      </c>
      <c r="M256">
        <v>99.441149876574855</v>
      </c>
      <c r="N256">
        <v>120</v>
      </c>
      <c r="P256">
        <v>99.699153600208859</v>
      </c>
      <c r="Q256">
        <v>120</v>
      </c>
    </row>
    <row r="257" spans="4:17" x14ac:dyDescent="0.25">
      <c r="D257">
        <v>99.445280915887039</v>
      </c>
      <c r="E257">
        <v>120</v>
      </c>
      <c r="G257">
        <v>99.467138275203013</v>
      </c>
      <c r="H257">
        <v>120</v>
      </c>
      <c r="J257">
        <v>99.395971351725976</v>
      </c>
      <c r="K257">
        <v>120</v>
      </c>
      <c r="M257">
        <v>99.440743065942669</v>
      </c>
      <c r="N257">
        <v>120</v>
      </c>
      <c r="P257">
        <v>99.698435488892301</v>
      </c>
      <c r="Q257">
        <v>120</v>
      </c>
    </row>
    <row r="258" spans="4:17" x14ac:dyDescent="0.25">
      <c r="D258">
        <v>99.445280915887039</v>
      </c>
      <c r="E258">
        <v>120</v>
      </c>
      <c r="G258">
        <v>99.466688435385677</v>
      </c>
      <c r="H258">
        <v>120</v>
      </c>
      <c r="J258">
        <v>99.395971351725976</v>
      </c>
      <c r="K258">
        <v>120</v>
      </c>
      <c r="M258">
        <v>99.440336255310513</v>
      </c>
      <c r="N258">
        <v>120</v>
      </c>
      <c r="P258">
        <v>99.697717377575742</v>
      </c>
      <c r="Q258">
        <v>120</v>
      </c>
    </row>
    <row r="259" spans="4:17" x14ac:dyDescent="0.25">
      <c r="D259">
        <v>99.444818434612429</v>
      </c>
      <c r="E259">
        <v>120</v>
      </c>
      <c r="G259">
        <v>99.466238595568328</v>
      </c>
      <c r="H259">
        <v>120</v>
      </c>
      <c r="J259">
        <v>99.395635610688544</v>
      </c>
      <c r="K259">
        <v>120</v>
      </c>
      <c r="M259">
        <v>99.439941409696942</v>
      </c>
      <c r="N259">
        <v>120</v>
      </c>
      <c r="P259">
        <v>99.697020387180288</v>
      </c>
      <c r="Q259">
        <v>120</v>
      </c>
    </row>
    <row r="260" spans="4:17" x14ac:dyDescent="0.25">
      <c r="D260">
        <v>99.444369555728244</v>
      </c>
      <c r="E260">
        <v>120</v>
      </c>
      <c r="G260">
        <v>99.465801986333872</v>
      </c>
      <c r="H260">
        <v>120</v>
      </c>
      <c r="J260">
        <v>99.395289695680262</v>
      </c>
      <c r="K260">
        <v>120</v>
      </c>
      <c r="M260">
        <v>99.439941409696942</v>
      </c>
      <c r="N260">
        <v>120</v>
      </c>
      <c r="P260">
        <v>99.697020387180288</v>
      </c>
      <c r="Q260">
        <v>120</v>
      </c>
    </row>
    <row r="261" spans="4:17" x14ac:dyDescent="0.25">
      <c r="D261">
        <v>99.443907074453648</v>
      </c>
      <c r="E261">
        <v>120</v>
      </c>
      <c r="G261">
        <v>99.465352146516551</v>
      </c>
      <c r="H261">
        <v>120</v>
      </c>
      <c r="J261">
        <v>99.39494378067198</v>
      </c>
      <c r="K261">
        <v>120</v>
      </c>
      <c r="M261">
        <v>99.439534599064785</v>
      </c>
      <c r="N261">
        <v>120</v>
      </c>
      <c r="P261">
        <v>99.696302275863729</v>
      </c>
      <c r="Q261">
        <v>120</v>
      </c>
    </row>
    <row r="262" spans="4:17" x14ac:dyDescent="0.25">
      <c r="D262">
        <v>99.443444593179038</v>
      </c>
      <c r="E262">
        <v>120</v>
      </c>
      <c r="G262">
        <v>99.464902306699202</v>
      </c>
      <c r="H262">
        <v>120</v>
      </c>
      <c r="J262">
        <v>99.39494378067198</v>
      </c>
      <c r="K262">
        <v>120</v>
      </c>
      <c r="M262">
        <v>99.439127788432629</v>
      </c>
      <c r="N262">
        <v>120</v>
      </c>
      <c r="P262">
        <v>99.695584164547185</v>
      </c>
      <c r="Q262">
        <v>120</v>
      </c>
    </row>
    <row r="263" spans="4:17" x14ac:dyDescent="0.25">
      <c r="D263">
        <v>99.443444593179038</v>
      </c>
      <c r="E263">
        <v>120</v>
      </c>
      <c r="G263">
        <v>99.464902306699202</v>
      </c>
      <c r="H263">
        <v>120</v>
      </c>
      <c r="J263">
        <v>99.39494378067198</v>
      </c>
      <c r="K263">
        <v>120</v>
      </c>
      <c r="M263">
        <v>99.438732942819058</v>
      </c>
      <c r="N263">
        <v>120</v>
      </c>
      <c r="P263">
        <v>99.694887174151688</v>
      </c>
      <c r="Q263">
        <v>120</v>
      </c>
    </row>
    <row r="264" spans="4:17" x14ac:dyDescent="0.25">
      <c r="D264">
        <v>99.442995714294852</v>
      </c>
      <c r="E264">
        <v>120</v>
      </c>
      <c r="G264">
        <v>99.464902306699202</v>
      </c>
      <c r="H264">
        <v>120</v>
      </c>
      <c r="J264">
        <v>99.394597865663698</v>
      </c>
      <c r="K264">
        <v>120</v>
      </c>
      <c r="M264">
        <v>99.438326132186887</v>
      </c>
      <c r="N264">
        <v>120</v>
      </c>
      <c r="P264">
        <v>99.694887174151688</v>
      </c>
      <c r="Q264">
        <v>120</v>
      </c>
    </row>
    <row r="265" spans="4:17" x14ac:dyDescent="0.25">
      <c r="D265">
        <v>99.442995714294852</v>
      </c>
      <c r="E265">
        <v>120</v>
      </c>
      <c r="G265">
        <v>99.464902306699202</v>
      </c>
      <c r="H265">
        <v>120</v>
      </c>
      <c r="J265">
        <v>99.394262124626266</v>
      </c>
      <c r="K265">
        <v>120</v>
      </c>
      <c r="M265">
        <v>99.43791932155473</v>
      </c>
      <c r="N265">
        <v>120</v>
      </c>
      <c r="P265">
        <v>99.694169062835172</v>
      </c>
      <c r="Q265">
        <v>120</v>
      </c>
    </row>
    <row r="266" spans="4:17" x14ac:dyDescent="0.25">
      <c r="D266">
        <v>99.442533233020242</v>
      </c>
      <c r="E266">
        <v>120</v>
      </c>
      <c r="G266">
        <v>99.464465697464732</v>
      </c>
      <c r="H266">
        <v>120</v>
      </c>
      <c r="J266">
        <v>99.393570294609731</v>
      </c>
      <c r="K266">
        <v>120</v>
      </c>
      <c r="M266">
        <v>99.43791932155473</v>
      </c>
      <c r="N266">
        <v>120</v>
      </c>
      <c r="P266">
        <v>99.693450951518614</v>
      </c>
      <c r="Q266">
        <v>120</v>
      </c>
    </row>
    <row r="267" spans="4:17" x14ac:dyDescent="0.25">
      <c r="D267">
        <v>99.442533233020242</v>
      </c>
      <c r="E267">
        <v>120</v>
      </c>
      <c r="G267">
        <v>99.464465697464732</v>
      </c>
      <c r="H267">
        <v>120</v>
      </c>
      <c r="J267">
        <v>99.393234553572285</v>
      </c>
      <c r="K267">
        <v>120</v>
      </c>
      <c r="M267">
        <v>99.43752447594116</v>
      </c>
      <c r="N267">
        <v>120</v>
      </c>
      <c r="P267">
        <v>99.693450951518614</v>
      </c>
      <c r="Q267">
        <v>120</v>
      </c>
    </row>
    <row r="268" spans="4:17" x14ac:dyDescent="0.25">
      <c r="D268">
        <v>99.442070751745632</v>
      </c>
      <c r="E268">
        <v>120</v>
      </c>
      <c r="G268">
        <v>99.464015857647397</v>
      </c>
      <c r="H268">
        <v>120</v>
      </c>
      <c r="J268">
        <v>99.392888638563988</v>
      </c>
      <c r="K268">
        <v>120</v>
      </c>
      <c r="M268">
        <v>99.437117665308989</v>
      </c>
      <c r="N268">
        <v>120</v>
      </c>
      <c r="P268">
        <v>99.692753961123131</v>
      </c>
      <c r="Q268">
        <v>120</v>
      </c>
    </row>
    <row r="269" spans="4:17" x14ac:dyDescent="0.25">
      <c r="D269">
        <v>99.442070751745632</v>
      </c>
      <c r="E269">
        <v>120</v>
      </c>
      <c r="G269">
        <v>99.464015857647397</v>
      </c>
      <c r="H269">
        <v>120</v>
      </c>
      <c r="J269">
        <v>99.392206982518275</v>
      </c>
      <c r="K269">
        <v>120</v>
      </c>
      <c r="M269">
        <v>99.437117665308989</v>
      </c>
      <c r="N269">
        <v>120</v>
      </c>
      <c r="P269">
        <v>99.692035849806601</v>
      </c>
      <c r="Q269">
        <v>120</v>
      </c>
    </row>
    <row r="270" spans="4:17" x14ac:dyDescent="0.25">
      <c r="D270">
        <v>99.442070751745632</v>
      </c>
      <c r="E270">
        <v>120</v>
      </c>
      <c r="G270">
        <v>99.464015857647397</v>
      </c>
      <c r="H270">
        <v>120</v>
      </c>
      <c r="J270">
        <v>99.391515152501725</v>
      </c>
      <c r="K270">
        <v>120</v>
      </c>
      <c r="M270">
        <v>99.436710854676846</v>
      </c>
      <c r="N270">
        <v>120</v>
      </c>
      <c r="P270">
        <v>99.691317738490042</v>
      </c>
      <c r="Q270">
        <v>120</v>
      </c>
    </row>
    <row r="271" spans="4:17" x14ac:dyDescent="0.25">
      <c r="D271">
        <v>99.441608270471022</v>
      </c>
      <c r="E271">
        <v>120</v>
      </c>
      <c r="G271">
        <v>99.463566017830061</v>
      </c>
      <c r="H271">
        <v>120</v>
      </c>
      <c r="J271">
        <v>99.391179411464279</v>
      </c>
      <c r="K271">
        <v>120</v>
      </c>
      <c r="M271">
        <v>99.436316009063262</v>
      </c>
      <c r="N271">
        <v>120</v>
      </c>
      <c r="P271">
        <v>99.690599627173484</v>
      </c>
      <c r="Q271">
        <v>120</v>
      </c>
    </row>
    <row r="272" spans="4:17" x14ac:dyDescent="0.25">
      <c r="D272">
        <v>99.441159391586837</v>
      </c>
      <c r="E272">
        <v>120</v>
      </c>
      <c r="G272">
        <v>99.463566017830061</v>
      </c>
      <c r="H272">
        <v>120</v>
      </c>
      <c r="J272">
        <v>99.390487581447744</v>
      </c>
      <c r="K272">
        <v>120</v>
      </c>
      <c r="M272">
        <v>99.435909198431077</v>
      </c>
      <c r="N272">
        <v>120</v>
      </c>
      <c r="P272">
        <v>99.690599627173484</v>
      </c>
      <c r="Q272">
        <v>120</v>
      </c>
    </row>
    <row r="273" spans="4:17" x14ac:dyDescent="0.25">
      <c r="D273">
        <v>99.440696910312226</v>
      </c>
      <c r="E273">
        <v>120</v>
      </c>
      <c r="G273">
        <v>99.463566017830061</v>
      </c>
      <c r="H273">
        <v>120</v>
      </c>
      <c r="J273">
        <v>99.389805925402015</v>
      </c>
      <c r="K273">
        <v>120</v>
      </c>
      <c r="M273">
        <v>99.435502387798934</v>
      </c>
      <c r="N273">
        <v>120</v>
      </c>
      <c r="P273">
        <v>99.689902636778029</v>
      </c>
      <c r="Q273">
        <v>120</v>
      </c>
    </row>
    <row r="274" spans="4:17" x14ac:dyDescent="0.25">
      <c r="D274">
        <v>99.440234429037616</v>
      </c>
      <c r="E274">
        <v>120</v>
      </c>
      <c r="G274">
        <v>99.463129408595591</v>
      </c>
      <c r="H274">
        <v>120</v>
      </c>
      <c r="J274">
        <v>99.389124269356273</v>
      </c>
      <c r="K274">
        <v>120</v>
      </c>
      <c r="M274">
        <v>99.435107542185364</v>
      </c>
      <c r="N274">
        <v>120</v>
      </c>
      <c r="P274">
        <v>99.689184525461471</v>
      </c>
      <c r="Q274">
        <v>120</v>
      </c>
    </row>
    <row r="275" spans="4:17" x14ac:dyDescent="0.25">
      <c r="D275">
        <v>99.439785550153431</v>
      </c>
      <c r="E275">
        <v>120</v>
      </c>
      <c r="G275">
        <v>99.46267956877827</v>
      </c>
      <c r="H275">
        <v>120</v>
      </c>
      <c r="J275">
        <v>99.388432439339752</v>
      </c>
      <c r="K275">
        <v>120</v>
      </c>
      <c r="M275">
        <v>99.434700731553207</v>
      </c>
      <c r="N275">
        <v>120</v>
      </c>
      <c r="P275">
        <v>99.689184525461471</v>
      </c>
      <c r="Q275">
        <v>120</v>
      </c>
    </row>
    <row r="276" spans="4:17" x14ac:dyDescent="0.25">
      <c r="D276">
        <v>99.439323068878835</v>
      </c>
      <c r="E276">
        <v>120</v>
      </c>
      <c r="G276">
        <v>99.46267956877827</v>
      </c>
      <c r="H276">
        <v>120</v>
      </c>
      <c r="J276">
        <v>99.387750783294038</v>
      </c>
      <c r="K276">
        <v>120</v>
      </c>
      <c r="M276">
        <v>99.434700731553207</v>
      </c>
      <c r="N276">
        <v>120</v>
      </c>
      <c r="P276">
        <v>99.688466414144912</v>
      </c>
      <c r="Q276">
        <v>120</v>
      </c>
    </row>
    <row r="277" spans="4:17" x14ac:dyDescent="0.25">
      <c r="D277">
        <v>99.438860587604225</v>
      </c>
      <c r="E277">
        <v>120</v>
      </c>
      <c r="G277">
        <v>99.46267956877827</v>
      </c>
      <c r="H277">
        <v>120</v>
      </c>
      <c r="J277">
        <v>99.387069127248296</v>
      </c>
      <c r="K277">
        <v>120</v>
      </c>
      <c r="M277">
        <v>99.434293920921036</v>
      </c>
      <c r="N277">
        <v>120</v>
      </c>
      <c r="P277">
        <v>99.687769423749444</v>
      </c>
      <c r="Q277">
        <v>120</v>
      </c>
    </row>
    <row r="278" spans="4:17" x14ac:dyDescent="0.25">
      <c r="D278">
        <v>99.437949227445444</v>
      </c>
      <c r="E278">
        <v>120</v>
      </c>
      <c r="G278">
        <v>99.46267956877827</v>
      </c>
      <c r="H278">
        <v>120</v>
      </c>
      <c r="J278">
        <v>99.386377297231761</v>
      </c>
      <c r="K278">
        <v>120</v>
      </c>
      <c r="M278">
        <v>99.434293920921036</v>
      </c>
      <c r="N278">
        <v>120</v>
      </c>
      <c r="P278">
        <v>99.687769423749444</v>
      </c>
      <c r="Q278">
        <v>120</v>
      </c>
    </row>
    <row r="279" spans="4:17" x14ac:dyDescent="0.25">
      <c r="D279">
        <v>99.437486746170819</v>
      </c>
      <c r="E279">
        <v>120</v>
      </c>
      <c r="G279">
        <v>99.462229728960921</v>
      </c>
      <c r="H279">
        <v>120</v>
      </c>
      <c r="J279">
        <v>99.385349726177751</v>
      </c>
      <c r="K279">
        <v>120</v>
      </c>
      <c r="M279">
        <v>99.43389907530748</v>
      </c>
      <c r="N279">
        <v>120</v>
      </c>
      <c r="P279">
        <v>99.687051312432899</v>
      </c>
      <c r="Q279">
        <v>120</v>
      </c>
    </row>
    <row r="280" spans="4:17" x14ac:dyDescent="0.25">
      <c r="D280">
        <v>99.437037867286634</v>
      </c>
      <c r="E280">
        <v>120</v>
      </c>
      <c r="G280">
        <v>99.461793119726451</v>
      </c>
      <c r="H280">
        <v>120</v>
      </c>
      <c r="J280">
        <v>99.384668070132037</v>
      </c>
      <c r="K280">
        <v>120</v>
      </c>
      <c r="M280">
        <v>99.433492264675294</v>
      </c>
      <c r="N280">
        <v>120</v>
      </c>
      <c r="P280">
        <v>99.687051312432899</v>
      </c>
      <c r="Q280">
        <v>120</v>
      </c>
    </row>
    <row r="281" spans="4:17" x14ac:dyDescent="0.25">
      <c r="D281">
        <v>99.436112904737442</v>
      </c>
      <c r="E281">
        <v>120</v>
      </c>
      <c r="G281">
        <v>99.461343279909116</v>
      </c>
      <c r="H281">
        <v>120</v>
      </c>
      <c r="J281">
        <v>99.383986414086337</v>
      </c>
      <c r="K281">
        <v>120</v>
      </c>
      <c r="M281">
        <v>99.433492264675294</v>
      </c>
      <c r="N281">
        <v>120</v>
      </c>
      <c r="P281">
        <v>99.686333201116369</v>
      </c>
      <c r="Q281">
        <v>120</v>
      </c>
    </row>
    <row r="282" spans="4:17" x14ac:dyDescent="0.25">
      <c r="D282">
        <v>99.435664025853242</v>
      </c>
      <c r="E282">
        <v>120</v>
      </c>
      <c r="G282">
        <v>99.460893440091809</v>
      </c>
      <c r="H282">
        <v>120</v>
      </c>
      <c r="J282">
        <v>99.383640499078041</v>
      </c>
      <c r="K282">
        <v>120</v>
      </c>
      <c r="M282">
        <v>99.433085454043137</v>
      </c>
      <c r="N282">
        <v>120</v>
      </c>
      <c r="P282">
        <v>99.685636210720887</v>
      </c>
      <c r="Q282">
        <v>120</v>
      </c>
    </row>
    <row r="283" spans="4:17" x14ac:dyDescent="0.25">
      <c r="D283">
        <v>99.434739063304036</v>
      </c>
      <c r="E283">
        <v>120</v>
      </c>
      <c r="G283">
        <v>99.46000699103999</v>
      </c>
      <c r="H283">
        <v>120</v>
      </c>
      <c r="J283">
        <v>99.382958843032327</v>
      </c>
      <c r="K283">
        <v>120</v>
      </c>
      <c r="M283">
        <v>99.432690608429567</v>
      </c>
      <c r="N283">
        <v>120</v>
      </c>
      <c r="P283">
        <v>99.685636210720887</v>
      </c>
      <c r="Q283">
        <v>120</v>
      </c>
    </row>
    <row r="284" spans="4:17" x14ac:dyDescent="0.25">
      <c r="D284">
        <v>99.433827703145226</v>
      </c>
      <c r="E284">
        <v>120</v>
      </c>
      <c r="G284">
        <v>99.459557151222668</v>
      </c>
      <c r="H284">
        <v>120</v>
      </c>
      <c r="J284">
        <v>99.382267013015763</v>
      </c>
      <c r="K284">
        <v>120</v>
      </c>
      <c r="M284">
        <v>99.432690608429567</v>
      </c>
      <c r="N284">
        <v>120</v>
      </c>
      <c r="P284">
        <v>99.684918099404356</v>
      </c>
      <c r="Q284">
        <v>120</v>
      </c>
    </row>
    <row r="285" spans="4:17" x14ac:dyDescent="0.25">
      <c r="D285">
        <v>99.433365221870645</v>
      </c>
      <c r="E285">
        <v>120</v>
      </c>
      <c r="G285">
        <v>99.45912054198817</v>
      </c>
      <c r="H285">
        <v>120</v>
      </c>
      <c r="J285">
        <v>99.381931271978331</v>
      </c>
      <c r="K285">
        <v>120</v>
      </c>
      <c r="M285">
        <v>99.43228379779741</v>
      </c>
      <c r="N285">
        <v>120</v>
      </c>
      <c r="P285">
        <v>99.684199988087798</v>
      </c>
      <c r="Q285">
        <v>120</v>
      </c>
    </row>
    <row r="286" spans="4:17" x14ac:dyDescent="0.25">
      <c r="D286">
        <v>99.432916342986459</v>
      </c>
      <c r="E286">
        <v>120</v>
      </c>
      <c r="G286">
        <v>99.458220862353514</v>
      </c>
      <c r="H286">
        <v>120</v>
      </c>
      <c r="J286">
        <v>99.381239441961782</v>
      </c>
      <c r="K286">
        <v>120</v>
      </c>
      <c r="M286">
        <v>99.431876987165239</v>
      </c>
      <c r="N286">
        <v>120</v>
      </c>
      <c r="P286">
        <v>99.684199988087798</v>
      </c>
      <c r="Q286">
        <v>120</v>
      </c>
    </row>
    <row r="287" spans="4:17" x14ac:dyDescent="0.25">
      <c r="D287">
        <v>99.432453861711835</v>
      </c>
      <c r="E287">
        <v>120</v>
      </c>
      <c r="G287">
        <v>99.457784253119044</v>
      </c>
      <c r="H287">
        <v>120</v>
      </c>
      <c r="J287">
        <v>99.380557785916054</v>
      </c>
      <c r="K287">
        <v>120</v>
      </c>
      <c r="M287">
        <v>99.431876987165239</v>
      </c>
      <c r="N287">
        <v>120</v>
      </c>
      <c r="P287">
        <v>99.683502997692315</v>
      </c>
      <c r="Q287">
        <v>120</v>
      </c>
    </row>
    <row r="288" spans="4:17" x14ac:dyDescent="0.25">
      <c r="D288">
        <v>99.431991380437239</v>
      </c>
      <c r="E288">
        <v>120</v>
      </c>
      <c r="G288">
        <v>99.456884573484388</v>
      </c>
      <c r="H288">
        <v>120</v>
      </c>
      <c r="J288">
        <v>99.380211870907758</v>
      </c>
      <c r="K288">
        <v>120</v>
      </c>
      <c r="M288">
        <v>99.431482141551669</v>
      </c>
      <c r="N288">
        <v>120</v>
      </c>
      <c r="P288">
        <v>99.683502997692315</v>
      </c>
      <c r="Q288">
        <v>120</v>
      </c>
    </row>
    <row r="289" spans="4:17" x14ac:dyDescent="0.25">
      <c r="D289">
        <v>99.431542501553054</v>
      </c>
      <c r="E289">
        <v>120</v>
      </c>
      <c r="G289">
        <v>99.456447964249904</v>
      </c>
      <c r="H289">
        <v>120</v>
      </c>
      <c r="J289">
        <v>99.379865955899504</v>
      </c>
      <c r="K289">
        <v>120</v>
      </c>
      <c r="M289">
        <v>99.431075330919498</v>
      </c>
      <c r="N289">
        <v>120</v>
      </c>
      <c r="P289">
        <v>99.682784886375785</v>
      </c>
      <c r="Q289">
        <v>120</v>
      </c>
    </row>
    <row r="290" spans="4:17" x14ac:dyDescent="0.25">
      <c r="D290">
        <v>99.431080020278443</v>
      </c>
      <c r="E290">
        <v>120</v>
      </c>
      <c r="G290">
        <v>99.455998124432583</v>
      </c>
      <c r="H290">
        <v>120</v>
      </c>
      <c r="J290">
        <v>99.379530214862058</v>
      </c>
      <c r="K290">
        <v>120</v>
      </c>
      <c r="M290">
        <v>99.431075330919498</v>
      </c>
      <c r="N290">
        <v>120</v>
      </c>
      <c r="P290">
        <v>99.682066775059226</v>
      </c>
      <c r="Q290">
        <v>120</v>
      </c>
    </row>
    <row r="291" spans="4:17" x14ac:dyDescent="0.25">
      <c r="D291">
        <v>99.430617539003833</v>
      </c>
      <c r="E291">
        <v>120</v>
      </c>
      <c r="G291">
        <v>99.455111675380763</v>
      </c>
      <c r="H291">
        <v>120</v>
      </c>
      <c r="J291">
        <v>99.378838384845523</v>
      </c>
      <c r="K291">
        <v>120</v>
      </c>
      <c r="M291">
        <v>99.430668520287355</v>
      </c>
      <c r="N291">
        <v>120</v>
      </c>
      <c r="P291">
        <v>99.682066775059226</v>
      </c>
      <c r="Q291">
        <v>120</v>
      </c>
    </row>
    <row r="292" spans="4:17" x14ac:dyDescent="0.25">
      <c r="D292">
        <v>99.430168660119662</v>
      </c>
      <c r="E292">
        <v>120</v>
      </c>
      <c r="G292">
        <v>99.454661835563442</v>
      </c>
      <c r="H292">
        <v>120</v>
      </c>
      <c r="J292">
        <v>99.378502643808076</v>
      </c>
      <c r="K292">
        <v>120</v>
      </c>
      <c r="M292">
        <v>99.430668520287355</v>
      </c>
      <c r="N292">
        <v>120</v>
      </c>
      <c r="P292">
        <v>99.681369784663758</v>
      </c>
      <c r="Q292">
        <v>120</v>
      </c>
    </row>
    <row r="293" spans="4:17" x14ac:dyDescent="0.25">
      <c r="D293">
        <v>99.429706178845052</v>
      </c>
      <c r="E293">
        <v>120</v>
      </c>
      <c r="G293">
        <v>99.454211995746107</v>
      </c>
      <c r="H293">
        <v>120</v>
      </c>
      <c r="J293">
        <v>99.378156728799794</v>
      </c>
      <c r="K293">
        <v>120</v>
      </c>
      <c r="M293">
        <v>99.430273674673785</v>
      </c>
      <c r="N293">
        <v>120</v>
      </c>
      <c r="P293">
        <v>99.681369784663758</v>
      </c>
      <c r="Q293">
        <v>120</v>
      </c>
    </row>
    <row r="294" spans="4:17" x14ac:dyDescent="0.25">
      <c r="D294">
        <v>99.429243697570442</v>
      </c>
      <c r="E294">
        <v>120</v>
      </c>
      <c r="G294">
        <v>99.453775386511651</v>
      </c>
      <c r="H294">
        <v>120</v>
      </c>
      <c r="J294">
        <v>99.377810813791513</v>
      </c>
      <c r="K294">
        <v>120</v>
      </c>
      <c r="M294">
        <v>99.429866864041628</v>
      </c>
      <c r="N294">
        <v>120</v>
      </c>
      <c r="P294">
        <v>99.680651673347214</v>
      </c>
      <c r="Q294">
        <v>120</v>
      </c>
    </row>
    <row r="295" spans="4:17" x14ac:dyDescent="0.25">
      <c r="D295">
        <v>99.428794818686256</v>
      </c>
      <c r="E295">
        <v>120</v>
      </c>
      <c r="G295">
        <v>99.453325546694288</v>
      </c>
      <c r="H295">
        <v>120</v>
      </c>
      <c r="J295">
        <v>99.377475072754066</v>
      </c>
      <c r="K295">
        <v>120</v>
      </c>
      <c r="M295">
        <v>99.429866864041628</v>
      </c>
      <c r="N295">
        <v>120</v>
      </c>
      <c r="P295">
        <v>99.679933562030669</v>
      </c>
      <c r="Q295">
        <v>120</v>
      </c>
    </row>
    <row r="296" spans="4:17" x14ac:dyDescent="0.25">
      <c r="D296">
        <v>99.428794818686256</v>
      </c>
      <c r="E296">
        <v>120</v>
      </c>
      <c r="G296">
        <v>99.452875706876981</v>
      </c>
      <c r="H296">
        <v>120</v>
      </c>
      <c r="J296">
        <v>99.377475072754066</v>
      </c>
      <c r="K296">
        <v>120</v>
      </c>
      <c r="M296">
        <v>99.429460053409443</v>
      </c>
      <c r="N296">
        <v>120</v>
      </c>
      <c r="P296">
        <v>99.679933562030669</v>
      </c>
      <c r="Q296">
        <v>120</v>
      </c>
    </row>
    <row r="297" spans="4:17" x14ac:dyDescent="0.25">
      <c r="D297">
        <v>99.428332337411646</v>
      </c>
      <c r="E297">
        <v>120</v>
      </c>
      <c r="G297">
        <v>99.452875706876981</v>
      </c>
      <c r="H297">
        <v>120</v>
      </c>
      <c r="J297">
        <v>99.377129157745799</v>
      </c>
      <c r="K297">
        <v>120</v>
      </c>
      <c r="M297">
        <v>99.429065207795873</v>
      </c>
      <c r="N297">
        <v>120</v>
      </c>
      <c r="P297">
        <v>99.679236571635187</v>
      </c>
      <c r="Q297">
        <v>120</v>
      </c>
    </row>
    <row r="298" spans="4:17" x14ac:dyDescent="0.25">
      <c r="D298">
        <v>99.428332337411646</v>
      </c>
      <c r="E298">
        <v>120</v>
      </c>
      <c r="G298">
        <v>99.452439097642511</v>
      </c>
      <c r="H298">
        <v>120</v>
      </c>
      <c r="J298">
        <v>99.377129157745799</v>
      </c>
      <c r="K298">
        <v>120</v>
      </c>
      <c r="M298">
        <v>99.429065207795873</v>
      </c>
      <c r="N298">
        <v>120</v>
      </c>
      <c r="P298">
        <v>99.678518460318642</v>
      </c>
      <c r="Q298">
        <v>120</v>
      </c>
    </row>
    <row r="299" spans="4:17" x14ac:dyDescent="0.25">
      <c r="D299">
        <v>99.427869856137036</v>
      </c>
      <c r="E299">
        <v>120</v>
      </c>
      <c r="G299">
        <v>99.451989257825161</v>
      </c>
      <c r="H299">
        <v>120</v>
      </c>
      <c r="J299">
        <v>99.376783242737517</v>
      </c>
      <c r="K299">
        <v>120</v>
      </c>
      <c r="M299">
        <v>99.428658397163716</v>
      </c>
      <c r="N299">
        <v>120</v>
      </c>
      <c r="P299">
        <v>99.678518460318642</v>
      </c>
      <c r="Q299">
        <v>120</v>
      </c>
    </row>
    <row r="300" spans="4:17" x14ac:dyDescent="0.25">
      <c r="D300">
        <v>99.427869856137036</v>
      </c>
      <c r="E300">
        <v>120</v>
      </c>
      <c r="G300">
        <v>99.451539418007826</v>
      </c>
      <c r="H300">
        <v>120</v>
      </c>
      <c r="J300">
        <v>99.376783242737517</v>
      </c>
      <c r="K300">
        <v>120</v>
      </c>
      <c r="M300">
        <v>99.428658397163716</v>
      </c>
      <c r="N300">
        <v>120</v>
      </c>
      <c r="P300">
        <v>99.677800349002098</v>
      </c>
      <c r="Q300">
        <v>120</v>
      </c>
    </row>
    <row r="301" spans="4:17" x14ac:dyDescent="0.25">
      <c r="D301">
        <v>99.427420977252851</v>
      </c>
      <c r="E301">
        <v>120</v>
      </c>
      <c r="G301">
        <v>99.451539418007826</v>
      </c>
      <c r="H301">
        <v>120</v>
      </c>
      <c r="J301">
        <v>99.376447501700099</v>
      </c>
      <c r="K301">
        <v>120</v>
      </c>
      <c r="M301">
        <v>99.428251586531545</v>
      </c>
      <c r="N301">
        <v>120</v>
      </c>
      <c r="P301">
        <v>99.677103358606615</v>
      </c>
      <c r="Q301">
        <v>120</v>
      </c>
    </row>
    <row r="302" spans="4:17" x14ac:dyDescent="0.25">
      <c r="D302">
        <v>99.426958495978241</v>
      </c>
      <c r="E302">
        <v>120</v>
      </c>
      <c r="G302">
        <v>99.451089578190505</v>
      </c>
      <c r="H302">
        <v>120</v>
      </c>
      <c r="J302">
        <v>99.375755671683535</v>
      </c>
      <c r="K302">
        <v>120</v>
      </c>
      <c r="M302">
        <v>99.427856740917989</v>
      </c>
      <c r="N302">
        <v>120</v>
      </c>
      <c r="P302">
        <v>99.677103358606615</v>
      </c>
      <c r="Q302">
        <v>120</v>
      </c>
    </row>
    <row r="303" spans="4:17" x14ac:dyDescent="0.25">
      <c r="D303">
        <v>99.426958495978241</v>
      </c>
      <c r="E303">
        <v>120</v>
      </c>
      <c r="G303">
        <v>99.451089578190505</v>
      </c>
      <c r="H303">
        <v>120</v>
      </c>
      <c r="J303">
        <v>99.375419930646089</v>
      </c>
      <c r="K303">
        <v>120</v>
      </c>
      <c r="M303">
        <v>99.427449930285817</v>
      </c>
      <c r="N303">
        <v>120</v>
      </c>
      <c r="P303">
        <v>99.676385247290085</v>
      </c>
      <c r="Q303">
        <v>120</v>
      </c>
    </row>
    <row r="304" spans="4:17" x14ac:dyDescent="0.25">
      <c r="D304">
        <v>99.426496014703631</v>
      </c>
      <c r="E304">
        <v>120</v>
      </c>
      <c r="G304">
        <v>99.450652968956021</v>
      </c>
      <c r="H304">
        <v>120</v>
      </c>
      <c r="J304">
        <v>99.375419930646089</v>
      </c>
      <c r="K304">
        <v>120</v>
      </c>
      <c r="M304">
        <v>99.427449930285817</v>
      </c>
      <c r="N304">
        <v>120</v>
      </c>
      <c r="P304">
        <v>99.675667135973526</v>
      </c>
      <c r="Q304">
        <v>120</v>
      </c>
    </row>
    <row r="305" spans="4:17" x14ac:dyDescent="0.25">
      <c r="D305">
        <v>99.426496014703631</v>
      </c>
      <c r="E305">
        <v>120</v>
      </c>
      <c r="G305">
        <v>99.450652968956021</v>
      </c>
      <c r="H305">
        <v>120</v>
      </c>
      <c r="J305">
        <v>99.375419930646089</v>
      </c>
      <c r="K305">
        <v>120</v>
      </c>
      <c r="M305">
        <v>99.427043119653632</v>
      </c>
      <c r="N305">
        <v>120</v>
      </c>
      <c r="P305">
        <v>99.675667135973526</v>
      </c>
      <c r="Q305">
        <v>120</v>
      </c>
    </row>
    <row r="306" spans="4:17" x14ac:dyDescent="0.25">
      <c r="D306">
        <v>99.426047135819459</v>
      </c>
      <c r="E306">
        <v>120</v>
      </c>
      <c r="G306">
        <v>99.450652968956021</v>
      </c>
      <c r="H306">
        <v>120</v>
      </c>
      <c r="J306">
        <v>99.375074015637807</v>
      </c>
      <c r="K306">
        <v>120</v>
      </c>
      <c r="M306">
        <v>99.426636309021504</v>
      </c>
      <c r="N306">
        <v>120</v>
      </c>
      <c r="P306">
        <v>99.674970145578072</v>
      </c>
      <c r="Q306">
        <v>120</v>
      </c>
    </row>
    <row r="307" spans="4:17" x14ac:dyDescent="0.25">
      <c r="D307">
        <v>99.426047135819459</v>
      </c>
      <c r="E307">
        <v>120</v>
      </c>
      <c r="G307">
        <v>99.450652968956021</v>
      </c>
      <c r="H307">
        <v>120</v>
      </c>
      <c r="J307">
        <v>99.374728100629511</v>
      </c>
      <c r="K307">
        <v>120</v>
      </c>
      <c r="M307">
        <v>99.426241463407919</v>
      </c>
      <c r="N307">
        <v>120</v>
      </c>
      <c r="P307">
        <v>99.674252034261514</v>
      </c>
      <c r="Q307">
        <v>120</v>
      </c>
    </row>
    <row r="308" spans="4:17" x14ac:dyDescent="0.25">
      <c r="D308">
        <v>99.426047135819459</v>
      </c>
      <c r="E308">
        <v>120</v>
      </c>
      <c r="G308">
        <v>99.450652968956021</v>
      </c>
      <c r="H308">
        <v>120</v>
      </c>
      <c r="J308">
        <v>99.374728100629511</v>
      </c>
      <c r="K308">
        <v>120</v>
      </c>
      <c r="M308">
        <v>99.426241463407919</v>
      </c>
      <c r="N308">
        <v>120</v>
      </c>
      <c r="P308">
        <v>99.674252034261514</v>
      </c>
      <c r="Q308">
        <v>120</v>
      </c>
    </row>
    <row r="309" spans="4:17" x14ac:dyDescent="0.25">
      <c r="D309">
        <v>99.426047135819459</v>
      </c>
      <c r="E309">
        <v>120</v>
      </c>
      <c r="G309">
        <v>99.450652968956021</v>
      </c>
      <c r="H309">
        <v>120</v>
      </c>
      <c r="J309">
        <v>99.375074015637807</v>
      </c>
      <c r="K309">
        <v>120</v>
      </c>
      <c r="M309">
        <v>99.425834652775762</v>
      </c>
      <c r="N309">
        <v>120</v>
      </c>
      <c r="P309">
        <v>99.673533922944969</v>
      </c>
      <c r="Q309">
        <v>120</v>
      </c>
    </row>
    <row r="310" spans="4:17" x14ac:dyDescent="0.25">
      <c r="D310">
        <v>99.426047135819459</v>
      </c>
      <c r="E310">
        <v>120</v>
      </c>
      <c r="G310">
        <v>99.450652968956021</v>
      </c>
      <c r="H310">
        <v>120</v>
      </c>
      <c r="J310">
        <v>99.374728100629511</v>
      </c>
      <c r="K310">
        <v>120</v>
      </c>
      <c r="M310">
        <v>99.425427842143591</v>
      </c>
      <c r="N310">
        <v>120</v>
      </c>
      <c r="P310">
        <v>99.672836932549501</v>
      </c>
      <c r="Q310">
        <v>120</v>
      </c>
    </row>
    <row r="311" spans="4:17" x14ac:dyDescent="0.25">
      <c r="D311">
        <v>99.426047135819459</v>
      </c>
      <c r="E311">
        <v>120</v>
      </c>
      <c r="G311">
        <v>99.450652968956021</v>
      </c>
      <c r="H311">
        <v>120</v>
      </c>
      <c r="J311">
        <v>99.374046444583811</v>
      </c>
      <c r="K311">
        <v>120</v>
      </c>
      <c r="M311">
        <v>99.425032996530021</v>
      </c>
      <c r="N311">
        <v>120</v>
      </c>
      <c r="P311">
        <v>99.672836932549501</v>
      </c>
      <c r="Q311">
        <v>120</v>
      </c>
    </row>
    <row r="312" spans="4:17" x14ac:dyDescent="0.25">
      <c r="D312">
        <v>99.426047135819459</v>
      </c>
      <c r="E312">
        <v>120</v>
      </c>
      <c r="G312">
        <v>99.450203129138686</v>
      </c>
      <c r="H312">
        <v>120</v>
      </c>
      <c r="J312">
        <v>99.374046444583811</v>
      </c>
      <c r="K312">
        <v>120</v>
      </c>
      <c r="M312">
        <v>99.425032996530021</v>
      </c>
      <c r="N312">
        <v>120</v>
      </c>
      <c r="P312">
        <v>99.672118821232957</v>
      </c>
      <c r="Q312">
        <v>120</v>
      </c>
    </row>
    <row r="313" spans="4:17" x14ac:dyDescent="0.25">
      <c r="D313">
        <v>99.426047135819459</v>
      </c>
      <c r="E313">
        <v>120</v>
      </c>
      <c r="G313">
        <v>99.450203129138686</v>
      </c>
      <c r="H313">
        <v>120</v>
      </c>
      <c r="J313">
        <v>99.373700529575544</v>
      </c>
      <c r="K313">
        <v>120</v>
      </c>
      <c r="M313">
        <v>99.424626185897864</v>
      </c>
      <c r="N313">
        <v>120</v>
      </c>
      <c r="P313">
        <v>99.672118821232957</v>
      </c>
      <c r="Q313">
        <v>120</v>
      </c>
    </row>
    <row r="314" spans="4:17" x14ac:dyDescent="0.25">
      <c r="D314">
        <v>99.425584654544849</v>
      </c>
      <c r="E314">
        <v>120</v>
      </c>
      <c r="G314">
        <v>99.450203129138686</v>
      </c>
      <c r="H314">
        <v>120</v>
      </c>
      <c r="J314">
        <v>99.373018873529816</v>
      </c>
      <c r="K314">
        <v>120</v>
      </c>
      <c r="M314">
        <v>99.424219375265693</v>
      </c>
      <c r="N314">
        <v>120</v>
      </c>
      <c r="P314">
        <v>99.671400709916398</v>
      </c>
      <c r="Q314">
        <v>120</v>
      </c>
    </row>
    <row r="315" spans="4:17" x14ac:dyDescent="0.25">
      <c r="D315">
        <v>99.425122173270239</v>
      </c>
      <c r="E315">
        <v>120</v>
      </c>
      <c r="G315">
        <v>99.44975328932135</v>
      </c>
      <c r="H315">
        <v>120</v>
      </c>
      <c r="J315">
        <v>99.373018873529816</v>
      </c>
      <c r="K315">
        <v>120</v>
      </c>
      <c r="M315">
        <v>99.424219375265693</v>
      </c>
      <c r="N315">
        <v>120</v>
      </c>
      <c r="P315">
        <v>99.67070371952093</v>
      </c>
      <c r="Q315">
        <v>120</v>
      </c>
    </row>
    <row r="316" spans="4:17" x14ac:dyDescent="0.25">
      <c r="D316">
        <v>99.425122173270239</v>
      </c>
      <c r="E316">
        <v>120</v>
      </c>
      <c r="G316">
        <v>99.44975328932135</v>
      </c>
      <c r="H316">
        <v>120</v>
      </c>
      <c r="J316">
        <v>99.373018873529816</v>
      </c>
      <c r="K316">
        <v>120</v>
      </c>
      <c r="M316">
        <v>99.423824529652123</v>
      </c>
      <c r="N316">
        <v>120</v>
      </c>
      <c r="P316">
        <v>99.67070371952093</v>
      </c>
      <c r="Q316">
        <v>120</v>
      </c>
    </row>
    <row r="317" spans="4:17" x14ac:dyDescent="0.25">
      <c r="D317">
        <v>99.424659691995629</v>
      </c>
      <c r="E317">
        <v>120</v>
      </c>
      <c r="G317">
        <v>99.44975328932135</v>
      </c>
      <c r="H317">
        <v>120</v>
      </c>
      <c r="J317">
        <v>99.373018873529816</v>
      </c>
      <c r="K317">
        <v>120</v>
      </c>
      <c r="M317">
        <v>99.423417719019952</v>
      </c>
      <c r="N317">
        <v>120</v>
      </c>
      <c r="P317">
        <v>99.669985608204399</v>
      </c>
      <c r="Q317">
        <v>120</v>
      </c>
    </row>
    <row r="318" spans="4:17" x14ac:dyDescent="0.25">
      <c r="D318">
        <v>99.424210813111458</v>
      </c>
      <c r="E318">
        <v>120</v>
      </c>
      <c r="G318">
        <v>99.44975328932135</v>
      </c>
      <c r="H318">
        <v>120</v>
      </c>
      <c r="J318">
        <v>99.372672958521548</v>
      </c>
      <c r="K318">
        <v>120</v>
      </c>
      <c r="M318">
        <v>99.423417719019952</v>
      </c>
      <c r="N318">
        <v>120</v>
      </c>
      <c r="P318">
        <v>99.669267496887841</v>
      </c>
      <c r="Q318">
        <v>120</v>
      </c>
    </row>
    <row r="319" spans="4:17" x14ac:dyDescent="0.25">
      <c r="D319">
        <v>99.424210813111458</v>
      </c>
      <c r="E319">
        <v>120</v>
      </c>
      <c r="G319">
        <v>99.449316680086895</v>
      </c>
      <c r="H319">
        <v>120</v>
      </c>
      <c r="J319">
        <v>99.372672958521548</v>
      </c>
      <c r="K319">
        <v>120</v>
      </c>
      <c r="M319">
        <v>99.423010908387795</v>
      </c>
      <c r="N319">
        <v>120</v>
      </c>
      <c r="P319">
        <v>99.669267496887841</v>
      </c>
      <c r="Q319">
        <v>120</v>
      </c>
    </row>
    <row r="320" spans="4:17" x14ac:dyDescent="0.25">
      <c r="D320">
        <v>99.423748331836848</v>
      </c>
      <c r="E320">
        <v>120</v>
      </c>
      <c r="G320">
        <v>99.449316680086895</v>
      </c>
      <c r="H320">
        <v>120</v>
      </c>
      <c r="J320">
        <v>99.372337217484102</v>
      </c>
      <c r="K320">
        <v>120</v>
      </c>
      <c r="M320">
        <v>99.42261606277421</v>
      </c>
      <c r="N320">
        <v>120</v>
      </c>
      <c r="P320">
        <v>99.669267496887841</v>
      </c>
      <c r="Q320">
        <v>120</v>
      </c>
    </row>
    <row r="321" spans="4:17" x14ac:dyDescent="0.25">
      <c r="D321">
        <v>99.423285850562237</v>
      </c>
      <c r="E321">
        <v>120</v>
      </c>
      <c r="G321">
        <v>99.448866840269559</v>
      </c>
      <c r="H321">
        <v>120</v>
      </c>
      <c r="J321">
        <v>99.372337217484102</v>
      </c>
      <c r="K321">
        <v>120</v>
      </c>
      <c r="M321">
        <v>99.42261606277421</v>
      </c>
      <c r="N321">
        <v>120</v>
      </c>
      <c r="P321">
        <v>99.668570506492358</v>
      </c>
      <c r="Q321">
        <v>120</v>
      </c>
    </row>
    <row r="322" spans="4:17" x14ac:dyDescent="0.25">
      <c r="D322">
        <v>99.423285850562237</v>
      </c>
      <c r="E322">
        <v>120</v>
      </c>
      <c r="G322">
        <v>99.448417000452224</v>
      </c>
      <c r="H322">
        <v>120</v>
      </c>
      <c r="J322">
        <v>99.371991302475834</v>
      </c>
      <c r="K322">
        <v>120</v>
      </c>
      <c r="M322">
        <v>99.422209252142054</v>
      </c>
      <c r="N322">
        <v>120</v>
      </c>
      <c r="P322">
        <v>99.668570506492358</v>
      </c>
      <c r="Q322">
        <v>120</v>
      </c>
    </row>
    <row r="323" spans="4:17" x14ac:dyDescent="0.25">
      <c r="D323">
        <v>99.422836971678066</v>
      </c>
      <c r="E323">
        <v>120</v>
      </c>
      <c r="G323">
        <v>99.448417000452224</v>
      </c>
      <c r="H323">
        <v>120</v>
      </c>
      <c r="J323">
        <v>99.371645387467552</v>
      </c>
      <c r="K323">
        <v>120</v>
      </c>
      <c r="M323">
        <v>99.422209252142054</v>
      </c>
      <c r="N323">
        <v>120</v>
      </c>
      <c r="P323">
        <v>99.667852395175828</v>
      </c>
      <c r="Q323">
        <v>120</v>
      </c>
    </row>
    <row r="324" spans="4:17" x14ac:dyDescent="0.25">
      <c r="D324">
        <v>99.422374490403442</v>
      </c>
      <c r="E324">
        <v>120</v>
      </c>
      <c r="G324">
        <v>99.447980391217754</v>
      </c>
      <c r="H324">
        <v>120</v>
      </c>
      <c r="J324">
        <v>99.371309646430106</v>
      </c>
      <c r="K324">
        <v>120</v>
      </c>
      <c r="M324">
        <v>99.421802441509925</v>
      </c>
      <c r="N324">
        <v>120</v>
      </c>
      <c r="P324">
        <v>99.667852395175828</v>
      </c>
      <c r="Q324">
        <v>120</v>
      </c>
    </row>
    <row r="325" spans="4:17" x14ac:dyDescent="0.25">
      <c r="D325">
        <v>99.421912009128832</v>
      </c>
      <c r="E325">
        <v>120</v>
      </c>
      <c r="G325">
        <v>99.447530551400405</v>
      </c>
      <c r="H325">
        <v>120</v>
      </c>
      <c r="J325">
        <v>99.37096373142181</v>
      </c>
      <c r="K325">
        <v>120</v>
      </c>
      <c r="M325">
        <v>99.421407595896341</v>
      </c>
      <c r="N325">
        <v>120</v>
      </c>
      <c r="P325">
        <v>99.667134283859269</v>
      </c>
      <c r="Q325">
        <v>120</v>
      </c>
    </row>
    <row r="326" spans="4:17" x14ac:dyDescent="0.25">
      <c r="D326">
        <v>99.421912009128832</v>
      </c>
      <c r="E326">
        <v>120</v>
      </c>
      <c r="G326">
        <v>99.447080711583098</v>
      </c>
      <c r="H326">
        <v>120</v>
      </c>
      <c r="J326">
        <v>99.37096373142181</v>
      </c>
      <c r="K326">
        <v>120</v>
      </c>
      <c r="M326">
        <v>99.421407595896341</v>
      </c>
      <c r="N326">
        <v>120</v>
      </c>
      <c r="P326">
        <v>99.666437293463787</v>
      </c>
      <c r="Q326">
        <v>120</v>
      </c>
    </row>
    <row r="327" spans="4:17" x14ac:dyDescent="0.25">
      <c r="D327">
        <v>99.421463130244661</v>
      </c>
      <c r="E327">
        <v>120</v>
      </c>
      <c r="G327">
        <v>99.446644102348628</v>
      </c>
      <c r="H327">
        <v>120</v>
      </c>
      <c r="J327">
        <v>99.370617816413557</v>
      </c>
      <c r="K327">
        <v>120</v>
      </c>
      <c r="M327">
        <v>99.421000785264155</v>
      </c>
      <c r="N327">
        <v>120</v>
      </c>
      <c r="P327">
        <v>99.666437293463787</v>
      </c>
      <c r="Q327">
        <v>120</v>
      </c>
    </row>
    <row r="328" spans="4:17" x14ac:dyDescent="0.25">
      <c r="D328">
        <v>99.421463130244661</v>
      </c>
      <c r="E328">
        <v>120</v>
      </c>
      <c r="G328">
        <v>99.446644102348628</v>
      </c>
      <c r="H328">
        <v>120</v>
      </c>
      <c r="J328">
        <v>99.370617816413557</v>
      </c>
      <c r="K328">
        <v>120</v>
      </c>
      <c r="M328">
        <v>99.420593974632013</v>
      </c>
      <c r="N328">
        <v>120</v>
      </c>
      <c r="P328">
        <v>99.665719182147257</v>
      </c>
      <c r="Q328">
        <v>120</v>
      </c>
    </row>
    <row r="329" spans="4:17" x14ac:dyDescent="0.25">
      <c r="D329">
        <v>99.421000648970065</v>
      </c>
      <c r="E329">
        <v>120</v>
      </c>
      <c r="G329">
        <v>99.446194262531279</v>
      </c>
      <c r="H329">
        <v>120</v>
      </c>
      <c r="J329">
        <v>99.370617816413557</v>
      </c>
      <c r="K329">
        <v>120</v>
      </c>
      <c r="M329">
        <v>99.420593974632013</v>
      </c>
      <c r="N329">
        <v>120</v>
      </c>
      <c r="P329">
        <v>99.665719182147257</v>
      </c>
      <c r="Q329">
        <v>120</v>
      </c>
    </row>
    <row r="330" spans="4:17" x14ac:dyDescent="0.25">
      <c r="D330">
        <v>99.42053816769544</v>
      </c>
      <c r="E330">
        <v>120</v>
      </c>
      <c r="G330">
        <v>99.445744422713943</v>
      </c>
      <c r="H330">
        <v>120</v>
      </c>
      <c r="J330">
        <v>99.370617816413557</v>
      </c>
      <c r="K330">
        <v>120</v>
      </c>
      <c r="M330">
        <v>99.420199129018442</v>
      </c>
      <c r="N330">
        <v>120</v>
      </c>
      <c r="P330">
        <v>99.665001070830712</v>
      </c>
      <c r="Q330">
        <v>120</v>
      </c>
    </row>
    <row r="331" spans="4:17" x14ac:dyDescent="0.25">
      <c r="D331">
        <v>99.42053816769544</v>
      </c>
      <c r="E331">
        <v>120</v>
      </c>
      <c r="G331">
        <v>99.445307813479474</v>
      </c>
      <c r="H331">
        <v>120</v>
      </c>
      <c r="J331">
        <v>99.37028207537611</v>
      </c>
      <c r="K331">
        <v>120</v>
      </c>
      <c r="M331">
        <v>99.419792318386286</v>
      </c>
      <c r="N331">
        <v>120</v>
      </c>
      <c r="P331">
        <v>99.665001070830712</v>
      </c>
      <c r="Q331">
        <v>120</v>
      </c>
    </row>
    <row r="332" spans="4:17" x14ac:dyDescent="0.25">
      <c r="D332">
        <v>99.420089288811269</v>
      </c>
      <c r="E332">
        <v>120</v>
      </c>
      <c r="G332">
        <v>99.445307813479474</v>
      </c>
      <c r="H332">
        <v>120</v>
      </c>
      <c r="J332">
        <v>99.37028207537611</v>
      </c>
      <c r="K332">
        <v>120</v>
      </c>
      <c r="M332">
        <v>99.419792318386286</v>
      </c>
      <c r="N332">
        <v>120</v>
      </c>
      <c r="P332">
        <v>99.664282959514139</v>
      </c>
      <c r="Q332">
        <v>120</v>
      </c>
    </row>
    <row r="333" spans="4:17" x14ac:dyDescent="0.25">
      <c r="D333">
        <v>99.420089288811269</v>
      </c>
      <c r="E333">
        <v>120</v>
      </c>
      <c r="G333">
        <v>99.444857973662153</v>
      </c>
      <c r="H333">
        <v>120</v>
      </c>
      <c r="J333">
        <v>99.37028207537611</v>
      </c>
      <c r="K333">
        <v>120</v>
      </c>
      <c r="M333">
        <v>99.419385507754114</v>
      </c>
      <c r="N333">
        <v>120</v>
      </c>
      <c r="P333">
        <v>99.663585969118699</v>
      </c>
      <c r="Q333">
        <v>120</v>
      </c>
    </row>
    <row r="334" spans="4:17" x14ac:dyDescent="0.25">
      <c r="D334">
        <v>99.420089288811269</v>
      </c>
      <c r="E334">
        <v>120</v>
      </c>
      <c r="G334">
        <v>99.444408133844803</v>
      </c>
      <c r="H334">
        <v>120</v>
      </c>
      <c r="J334">
        <v>99.369936160367828</v>
      </c>
      <c r="K334">
        <v>120</v>
      </c>
      <c r="M334">
        <v>99.419385507754114</v>
      </c>
      <c r="N334">
        <v>120</v>
      </c>
      <c r="P334">
        <v>99.663585969118699</v>
      </c>
      <c r="Q334">
        <v>120</v>
      </c>
    </row>
    <row r="335" spans="4:17" x14ac:dyDescent="0.25">
      <c r="D335">
        <v>99.420089288811269</v>
      </c>
      <c r="E335">
        <v>120</v>
      </c>
      <c r="G335">
        <v>99.443971524610333</v>
      </c>
      <c r="H335">
        <v>120</v>
      </c>
      <c r="J335">
        <v>99.369936160367828</v>
      </c>
      <c r="K335">
        <v>120</v>
      </c>
      <c r="M335">
        <v>99.418990662140544</v>
      </c>
      <c r="N335">
        <v>120</v>
      </c>
      <c r="P335">
        <v>99.662867857802127</v>
      </c>
      <c r="Q335">
        <v>120</v>
      </c>
    </row>
    <row r="336" spans="4:17" x14ac:dyDescent="0.25">
      <c r="D336">
        <v>99.419626807536659</v>
      </c>
      <c r="E336">
        <v>120</v>
      </c>
      <c r="G336">
        <v>99.443971524610333</v>
      </c>
      <c r="H336">
        <v>120</v>
      </c>
      <c r="J336">
        <v>99.369936160367828</v>
      </c>
      <c r="K336">
        <v>120</v>
      </c>
      <c r="M336">
        <v>99.418583851508373</v>
      </c>
      <c r="N336">
        <v>120</v>
      </c>
      <c r="P336">
        <v>99.662867857802127</v>
      </c>
      <c r="Q336">
        <v>120</v>
      </c>
    </row>
    <row r="337" spans="4:17" x14ac:dyDescent="0.25">
      <c r="D337">
        <v>99.419164326262049</v>
      </c>
      <c r="E337">
        <v>120</v>
      </c>
      <c r="G337">
        <v>99.443521684793012</v>
      </c>
      <c r="H337">
        <v>120</v>
      </c>
      <c r="J337">
        <v>99.369936160367828</v>
      </c>
      <c r="K337">
        <v>120</v>
      </c>
      <c r="M337">
        <v>99.418177040876216</v>
      </c>
      <c r="N337">
        <v>120</v>
      </c>
      <c r="P337">
        <v>99.662149746485568</v>
      </c>
      <c r="Q337">
        <v>120</v>
      </c>
    </row>
    <row r="338" spans="4:17" x14ac:dyDescent="0.25">
      <c r="D338">
        <v>99.419164326262049</v>
      </c>
      <c r="E338">
        <v>120</v>
      </c>
      <c r="G338">
        <v>99.443071844975677</v>
      </c>
      <c r="H338">
        <v>120</v>
      </c>
      <c r="J338">
        <v>99.369936160367828</v>
      </c>
      <c r="K338">
        <v>120</v>
      </c>
      <c r="M338">
        <v>99.418177040876216</v>
      </c>
      <c r="N338">
        <v>120</v>
      </c>
      <c r="P338">
        <v>99.662149746485568</v>
      </c>
      <c r="Q338">
        <v>120</v>
      </c>
    </row>
    <row r="339" spans="4:17" x14ac:dyDescent="0.25">
      <c r="D339">
        <v>99.419164326262049</v>
      </c>
      <c r="E339">
        <v>120</v>
      </c>
      <c r="G339">
        <v>99.442635235741207</v>
      </c>
      <c r="H339">
        <v>120</v>
      </c>
      <c r="J339">
        <v>99.369590245359561</v>
      </c>
      <c r="K339">
        <v>120</v>
      </c>
      <c r="M339">
        <v>99.417782195262632</v>
      </c>
      <c r="N339">
        <v>120</v>
      </c>
      <c r="P339">
        <v>99.661452756090114</v>
      </c>
      <c r="Q339">
        <v>120</v>
      </c>
    </row>
    <row r="340" spans="4:17" x14ac:dyDescent="0.25">
      <c r="D340">
        <v>99.418715447377849</v>
      </c>
      <c r="E340">
        <v>120</v>
      </c>
      <c r="G340">
        <v>99.442185395923872</v>
      </c>
      <c r="H340">
        <v>120</v>
      </c>
      <c r="J340">
        <v>99.369590245359561</v>
      </c>
      <c r="K340">
        <v>120</v>
      </c>
      <c r="M340">
        <v>99.417782195262632</v>
      </c>
      <c r="N340">
        <v>120</v>
      </c>
      <c r="P340">
        <v>99.661452756090114</v>
      </c>
      <c r="Q340">
        <v>120</v>
      </c>
    </row>
    <row r="341" spans="4:17" x14ac:dyDescent="0.25">
      <c r="D341">
        <v>99.418252966103253</v>
      </c>
      <c r="E341">
        <v>120</v>
      </c>
      <c r="G341">
        <v>99.441735556106522</v>
      </c>
      <c r="H341">
        <v>120</v>
      </c>
      <c r="J341">
        <v>99.369254504322114</v>
      </c>
      <c r="K341">
        <v>120</v>
      </c>
      <c r="M341">
        <v>99.417375384630475</v>
      </c>
      <c r="N341">
        <v>120</v>
      </c>
      <c r="P341">
        <v>99.660734644773569</v>
      </c>
      <c r="Q341">
        <v>120</v>
      </c>
    </row>
    <row r="342" spans="4:17" x14ac:dyDescent="0.25">
      <c r="D342">
        <v>99.418252966103253</v>
      </c>
      <c r="E342">
        <v>120</v>
      </c>
      <c r="G342">
        <v>99.441298946872067</v>
      </c>
      <c r="H342">
        <v>120</v>
      </c>
      <c r="J342">
        <v>99.368908589313847</v>
      </c>
      <c r="K342">
        <v>120</v>
      </c>
      <c r="M342">
        <v>99.416968573998304</v>
      </c>
      <c r="N342">
        <v>120</v>
      </c>
      <c r="P342">
        <v>99.660734644773569</v>
      </c>
      <c r="Q342">
        <v>120</v>
      </c>
    </row>
    <row r="343" spans="4:17" x14ac:dyDescent="0.25">
      <c r="D343">
        <v>99.417790484828629</v>
      </c>
      <c r="E343">
        <v>120</v>
      </c>
      <c r="G343">
        <v>99.440849107054731</v>
      </c>
      <c r="H343">
        <v>120</v>
      </c>
      <c r="J343">
        <v>99.368562674305565</v>
      </c>
      <c r="K343">
        <v>120</v>
      </c>
      <c r="M343">
        <v>99.416968573998304</v>
      </c>
      <c r="N343">
        <v>120</v>
      </c>
      <c r="P343">
        <v>99.660016533457011</v>
      </c>
      <c r="Q343">
        <v>120</v>
      </c>
    </row>
    <row r="344" spans="4:17" x14ac:dyDescent="0.25">
      <c r="D344">
        <v>99.417341605944472</v>
      </c>
      <c r="E344">
        <v>120</v>
      </c>
      <c r="G344">
        <v>99.440849107054731</v>
      </c>
      <c r="H344">
        <v>120</v>
      </c>
      <c r="J344">
        <v>99.368226933268105</v>
      </c>
      <c r="K344">
        <v>120</v>
      </c>
      <c r="M344">
        <v>99.416968573998304</v>
      </c>
      <c r="N344">
        <v>120</v>
      </c>
      <c r="P344">
        <v>99.659319543061542</v>
      </c>
      <c r="Q344">
        <v>120</v>
      </c>
    </row>
    <row r="345" spans="4:17" x14ac:dyDescent="0.25">
      <c r="D345">
        <v>99.416879124669848</v>
      </c>
      <c r="E345">
        <v>120</v>
      </c>
      <c r="G345">
        <v>99.440399267237396</v>
      </c>
      <c r="H345">
        <v>120</v>
      </c>
      <c r="J345">
        <v>99.367881018259851</v>
      </c>
      <c r="K345">
        <v>120</v>
      </c>
      <c r="M345">
        <v>99.416573728384733</v>
      </c>
      <c r="N345">
        <v>120</v>
      </c>
      <c r="P345">
        <v>99.659319543061542</v>
      </c>
      <c r="Q345">
        <v>120</v>
      </c>
    </row>
    <row r="346" spans="4:17" x14ac:dyDescent="0.25">
      <c r="D346">
        <v>99.416416643395252</v>
      </c>
      <c r="E346">
        <v>120</v>
      </c>
      <c r="G346">
        <v>99.439962658002941</v>
      </c>
      <c r="H346">
        <v>120</v>
      </c>
      <c r="J346">
        <v>99.367535103251555</v>
      </c>
      <c r="K346">
        <v>120</v>
      </c>
      <c r="M346">
        <v>99.416573728384733</v>
      </c>
      <c r="N346">
        <v>120</v>
      </c>
      <c r="P346">
        <v>99.658601431744998</v>
      </c>
      <c r="Q346">
        <v>120</v>
      </c>
    </row>
    <row r="347" spans="4:17" x14ac:dyDescent="0.25">
      <c r="D347">
        <v>99.415967764511066</v>
      </c>
      <c r="E347">
        <v>120</v>
      </c>
      <c r="G347">
        <v>99.439512818185577</v>
      </c>
      <c r="H347">
        <v>120</v>
      </c>
      <c r="J347">
        <v>99.367189188243287</v>
      </c>
      <c r="K347">
        <v>120</v>
      </c>
      <c r="M347">
        <v>99.416166917752577</v>
      </c>
      <c r="N347">
        <v>120</v>
      </c>
      <c r="P347">
        <v>99.657883320428439</v>
      </c>
      <c r="Q347">
        <v>120</v>
      </c>
    </row>
    <row r="348" spans="4:17" x14ac:dyDescent="0.25">
      <c r="D348">
        <v>99.415505283236456</v>
      </c>
      <c r="E348">
        <v>120</v>
      </c>
      <c r="G348">
        <v>99.439512818185577</v>
      </c>
      <c r="H348">
        <v>120</v>
      </c>
      <c r="J348">
        <v>99.366507532197573</v>
      </c>
      <c r="K348">
        <v>120</v>
      </c>
      <c r="M348">
        <v>99.416166917752577</v>
      </c>
      <c r="N348">
        <v>120</v>
      </c>
      <c r="P348">
        <v>99.657883320428439</v>
      </c>
      <c r="Q348">
        <v>120</v>
      </c>
    </row>
    <row r="349" spans="4:17" x14ac:dyDescent="0.25">
      <c r="D349">
        <v>99.415505283236456</v>
      </c>
      <c r="E349">
        <v>120</v>
      </c>
      <c r="G349">
        <v>99.43906297836827</v>
      </c>
      <c r="H349">
        <v>120</v>
      </c>
      <c r="J349">
        <v>99.366161617189306</v>
      </c>
      <c r="K349">
        <v>120</v>
      </c>
      <c r="M349">
        <v>99.41576010712042</v>
      </c>
      <c r="N349">
        <v>120</v>
      </c>
      <c r="P349">
        <v>99.657186330032971</v>
      </c>
      <c r="Q349">
        <v>120</v>
      </c>
    </row>
    <row r="350" spans="4:17" x14ac:dyDescent="0.25">
      <c r="D350">
        <v>99.415042801961846</v>
      </c>
      <c r="E350">
        <v>120</v>
      </c>
      <c r="G350">
        <v>99.43906297836827</v>
      </c>
      <c r="H350">
        <v>120</v>
      </c>
      <c r="J350">
        <v>99.36582587615186</v>
      </c>
      <c r="K350">
        <v>120</v>
      </c>
      <c r="M350">
        <v>99.41576010712042</v>
      </c>
      <c r="N350">
        <v>120</v>
      </c>
      <c r="P350">
        <v>99.656468218716441</v>
      </c>
      <c r="Q350">
        <v>120</v>
      </c>
    </row>
    <row r="351" spans="4:17" x14ac:dyDescent="0.25">
      <c r="D351">
        <v>99.415042801961846</v>
      </c>
      <c r="E351">
        <v>120</v>
      </c>
      <c r="G351">
        <v>99.43906297836827</v>
      </c>
      <c r="H351">
        <v>120</v>
      </c>
      <c r="J351">
        <v>99.365479961143564</v>
      </c>
      <c r="K351">
        <v>120</v>
      </c>
      <c r="M351">
        <v>99.415365261506864</v>
      </c>
      <c r="N351">
        <v>120</v>
      </c>
      <c r="P351">
        <v>99.655750107399882</v>
      </c>
      <c r="Q351">
        <v>120</v>
      </c>
    </row>
    <row r="352" spans="4:17" x14ac:dyDescent="0.25">
      <c r="D352">
        <v>99.414593923077661</v>
      </c>
      <c r="E352">
        <v>120</v>
      </c>
      <c r="G352">
        <v>99.438626369133786</v>
      </c>
      <c r="H352">
        <v>120</v>
      </c>
      <c r="J352">
        <v>99.36513404613531</v>
      </c>
      <c r="K352">
        <v>120</v>
      </c>
      <c r="M352">
        <v>99.415365261506864</v>
      </c>
      <c r="N352">
        <v>120</v>
      </c>
      <c r="P352">
        <v>99.655053117004414</v>
      </c>
      <c r="Q352">
        <v>120</v>
      </c>
    </row>
    <row r="353" spans="4:17" x14ac:dyDescent="0.25">
      <c r="D353">
        <v>99.414593923077661</v>
      </c>
      <c r="E353">
        <v>120</v>
      </c>
      <c r="G353">
        <v>99.438626369133786</v>
      </c>
      <c r="H353">
        <v>120</v>
      </c>
      <c r="J353">
        <v>99.36479830509785</v>
      </c>
      <c r="K353">
        <v>120</v>
      </c>
      <c r="M353">
        <v>99.415365261506864</v>
      </c>
      <c r="N353">
        <v>120</v>
      </c>
      <c r="P353">
        <v>99.655053117004414</v>
      </c>
      <c r="Q353">
        <v>120</v>
      </c>
    </row>
    <row r="354" spans="4:17" x14ac:dyDescent="0.25">
      <c r="D354">
        <v>99.41413144180305</v>
      </c>
      <c r="E354">
        <v>120</v>
      </c>
      <c r="G354">
        <v>99.438176529316451</v>
      </c>
      <c r="H354">
        <v>120</v>
      </c>
      <c r="J354">
        <v>99.3641064750813</v>
      </c>
      <c r="K354">
        <v>120</v>
      </c>
      <c r="M354">
        <v>99.414958450874707</v>
      </c>
      <c r="N354">
        <v>120</v>
      </c>
      <c r="P354">
        <v>99.654335005687884</v>
      </c>
      <c r="Q354">
        <v>120</v>
      </c>
    </row>
    <row r="355" spans="4:17" x14ac:dyDescent="0.25">
      <c r="D355">
        <v>99.41413144180305</v>
      </c>
      <c r="E355">
        <v>120</v>
      </c>
      <c r="G355">
        <v>99.438176529316451</v>
      </c>
      <c r="H355">
        <v>120</v>
      </c>
      <c r="J355">
        <v>99.363770734043868</v>
      </c>
      <c r="K355">
        <v>120</v>
      </c>
      <c r="M355">
        <v>99.414958450874707</v>
      </c>
      <c r="N355">
        <v>120</v>
      </c>
      <c r="P355">
        <v>99.653616894371325</v>
      </c>
      <c r="Q355">
        <v>120</v>
      </c>
    </row>
    <row r="356" spans="4:17" x14ac:dyDescent="0.25">
      <c r="D356">
        <v>99.41413144180305</v>
      </c>
      <c r="E356">
        <v>120</v>
      </c>
      <c r="G356">
        <v>99.438176529316451</v>
      </c>
      <c r="H356">
        <v>120</v>
      </c>
      <c r="J356">
        <v>99.363078904027319</v>
      </c>
      <c r="K356">
        <v>120</v>
      </c>
      <c r="M356">
        <v>99.414958450874707</v>
      </c>
      <c r="N356">
        <v>120</v>
      </c>
      <c r="P356">
        <v>99.653616894371325</v>
      </c>
      <c r="Q356">
        <v>120</v>
      </c>
    </row>
    <row r="357" spans="4:17" x14ac:dyDescent="0.25">
      <c r="D357">
        <v>99.41366896052844</v>
      </c>
      <c r="E357">
        <v>120</v>
      </c>
      <c r="G357">
        <v>99.437726689499129</v>
      </c>
      <c r="H357">
        <v>120</v>
      </c>
      <c r="J357">
        <v>99.362743162989887</v>
      </c>
      <c r="K357">
        <v>120</v>
      </c>
      <c r="M357">
        <v>99.414551640242507</v>
      </c>
      <c r="N357">
        <v>120</v>
      </c>
      <c r="P357">
        <v>99.652919903975842</v>
      </c>
      <c r="Q357">
        <v>120</v>
      </c>
    </row>
    <row r="358" spans="4:17" x14ac:dyDescent="0.25">
      <c r="D358">
        <v>99.412757600369659</v>
      </c>
      <c r="E358">
        <v>120</v>
      </c>
      <c r="G358">
        <v>99.437290080264646</v>
      </c>
      <c r="H358">
        <v>120</v>
      </c>
      <c r="J358">
        <v>99.362051332973309</v>
      </c>
      <c r="K358">
        <v>120</v>
      </c>
      <c r="M358">
        <v>99.414551640242507</v>
      </c>
      <c r="N358">
        <v>120</v>
      </c>
      <c r="P358">
        <v>99.652201792659284</v>
      </c>
      <c r="Q358">
        <v>120</v>
      </c>
    </row>
    <row r="359" spans="4:17" x14ac:dyDescent="0.25">
      <c r="D359">
        <v>99.412295119095035</v>
      </c>
      <c r="E359">
        <v>120</v>
      </c>
      <c r="G359">
        <v>99.437726689499129</v>
      </c>
      <c r="H359">
        <v>120</v>
      </c>
      <c r="J359">
        <v>99.361715591935862</v>
      </c>
      <c r="K359">
        <v>120</v>
      </c>
      <c r="M359">
        <v>99.414156794628951</v>
      </c>
      <c r="N359">
        <v>120</v>
      </c>
      <c r="P359">
        <v>99.652201792659284</v>
      </c>
      <c r="Q359">
        <v>120</v>
      </c>
    </row>
    <row r="360" spans="4:17" x14ac:dyDescent="0.25">
      <c r="D360">
        <v>99.411383758936253</v>
      </c>
      <c r="E360">
        <v>120</v>
      </c>
      <c r="G360">
        <v>99.438626369133786</v>
      </c>
      <c r="H360">
        <v>120</v>
      </c>
      <c r="J360">
        <v>99.361369676927609</v>
      </c>
      <c r="K360">
        <v>120</v>
      </c>
      <c r="M360">
        <v>99.414156794628951</v>
      </c>
      <c r="N360">
        <v>120</v>
      </c>
      <c r="P360">
        <v>99.651483681342754</v>
      </c>
      <c r="Q360">
        <v>120</v>
      </c>
    </row>
    <row r="361" spans="4:17" x14ac:dyDescent="0.25">
      <c r="D361">
        <v>99.410921277661643</v>
      </c>
      <c r="E361">
        <v>120</v>
      </c>
      <c r="G361">
        <v>99.439512818185577</v>
      </c>
      <c r="H361">
        <v>120</v>
      </c>
      <c r="J361">
        <v>99.361715591935862</v>
      </c>
      <c r="K361">
        <v>120</v>
      </c>
      <c r="M361">
        <v>99.414156794628951</v>
      </c>
      <c r="N361">
        <v>120</v>
      </c>
      <c r="P361">
        <v>99.650786690947285</v>
      </c>
      <c r="Q361">
        <v>120</v>
      </c>
    </row>
    <row r="362" spans="4:17" x14ac:dyDescent="0.25">
      <c r="D362">
        <v>99.410472398777472</v>
      </c>
      <c r="E362">
        <v>120</v>
      </c>
      <c r="G362">
        <v>99.440849107054731</v>
      </c>
      <c r="H362">
        <v>120</v>
      </c>
      <c r="J362">
        <v>99.362397247981605</v>
      </c>
      <c r="K362">
        <v>120</v>
      </c>
      <c r="M362">
        <v>99.413749983996794</v>
      </c>
      <c r="N362">
        <v>120</v>
      </c>
      <c r="P362">
        <v>99.650068579630727</v>
      </c>
      <c r="Q362">
        <v>120</v>
      </c>
    </row>
    <row r="363" spans="4:17" x14ac:dyDescent="0.25">
      <c r="D363">
        <v>99.410009917502862</v>
      </c>
      <c r="E363">
        <v>120</v>
      </c>
      <c r="G363">
        <v>99.442635235741207</v>
      </c>
      <c r="H363">
        <v>120</v>
      </c>
      <c r="J363">
        <v>99.3634248190356</v>
      </c>
      <c r="K363">
        <v>120</v>
      </c>
      <c r="M363">
        <v>99.413749983996794</v>
      </c>
      <c r="N363">
        <v>120</v>
      </c>
      <c r="P363">
        <v>99.650068579630727</v>
      </c>
      <c r="Q363">
        <v>120</v>
      </c>
    </row>
    <row r="364" spans="4:17" x14ac:dyDescent="0.25">
      <c r="D364">
        <v>99.409547436228252</v>
      </c>
      <c r="E364">
        <v>120</v>
      </c>
      <c r="G364">
        <v>99.444408133844803</v>
      </c>
      <c r="H364">
        <v>120</v>
      </c>
      <c r="J364">
        <v>99.3641064750813</v>
      </c>
      <c r="K364">
        <v>120</v>
      </c>
      <c r="M364">
        <v>99.413343173364623</v>
      </c>
      <c r="N364">
        <v>120</v>
      </c>
      <c r="P364">
        <v>99.649350468314196</v>
      </c>
      <c r="Q364">
        <v>120</v>
      </c>
    </row>
    <row r="365" spans="4:17" x14ac:dyDescent="0.25">
      <c r="D365">
        <v>99.40909855734408</v>
      </c>
      <c r="E365">
        <v>120</v>
      </c>
      <c r="G365">
        <v>99.446194262531279</v>
      </c>
      <c r="H365">
        <v>120</v>
      </c>
      <c r="J365">
        <v>99.36513404613531</v>
      </c>
      <c r="K365">
        <v>120</v>
      </c>
      <c r="M365">
        <v>99.413343173364623</v>
      </c>
      <c r="N365">
        <v>120</v>
      </c>
      <c r="P365">
        <v>99.6486534779187</v>
      </c>
      <c r="Q365">
        <v>120</v>
      </c>
    </row>
    <row r="366" spans="4:17" x14ac:dyDescent="0.25">
      <c r="D366">
        <v>99.40863607606947</v>
      </c>
      <c r="E366">
        <v>120</v>
      </c>
      <c r="G366">
        <v>99.447980391217754</v>
      </c>
      <c r="H366">
        <v>120</v>
      </c>
      <c r="J366">
        <v>99.366507532197573</v>
      </c>
      <c r="K366">
        <v>120</v>
      </c>
      <c r="M366">
        <v>99.412948327751067</v>
      </c>
      <c r="N366">
        <v>120</v>
      </c>
      <c r="P366">
        <v>99.6486534779187</v>
      </c>
      <c r="Q366">
        <v>120</v>
      </c>
    </row>
    <row r="367" spans="4:17" x14ac:dyDescent="0.25">
      <c r="D367">
        <v>99.40817359479486</v>
      </c>
      <c r="E367">
        <v>120</v>
      </c>
      <c r="G367">
        <v>99.450203129138686</v>
      </c>
      <c r="H367">
        <v>120</v>
      </c>
      <c r="J367">
        <v>99.367881018259851</v>
      </c>
      <c r="K367">
        <v>120</v>
      </c>
      <c r="M367">
        <v>99.412948327751067</v>
      </c>
      <c r="N367">
        <v>120</v>
      </c>
      <c r="P367">
        <v>99.647935366602141</v>
      </c>
      <c r="Q367">
        <v>120</v>
      </c>
    </row>
    <row r="368" spans="4:17" x14ac:dyDescent="0.25">
      <c r="D368">
        <v>99.407724715910675</v>
      </c>
      <c r="E368">
        <v>120</v>
      </c>
      <c r="G368">
        <v>99.452439097642511</v>
      </c>
      <c r="H368">
        <v>120</v>
      </c>
      <c r="J368">
        <v>99.369254504322114</v>
      </c>
      <c r="K368">
        <v>120</v>
      </c>
      <c r="M368">
        <v>99.412541517118896</v>
      </c>
      <c r="N368">
        <v>120</v>
      </c>
      <c r="P368">
        <v>99.647217255285625</v>
      </c>
      <c r="Q368">
        <v>120</v>
      </c>
    </row>
    <row r="369" spans="4:17" x14ac:dyDescent="0.25">
      <c r="D369">
        <v>99.407724715910675</v>
      </c>
      <c r="E369">
        <v>120</v>
      </c>
      <c r="G369">
        <v>99.454661835563442</v>
      </c>
      <c r="H369">
        <v>120</v>
      </c>
      <c r="J369">
        <v>99.37096373142181</v>
      </c>
      <c r="K369">
        <v>120</v>
      </c>
      <c r="M369">
        <v>99.412134706486711</v>
      </c>
      <c r="N369">
        <v>120</v>
      </c>
      <c r="P369">
        <v>99.646520264890157</v>
      </c>
      <c r="Q369">
        <v>120</v>
      </c>
    </row>
    <row r="370" spans="4:17" x14ac:dyDescent="0.25">
      <c r="D370">
        <v>99.407724715910675</v>
      </c>
      <c r="E370">
        <v>120</v>
      </c>
      <c r="G370">
        <v>99.456884573484388</v>
      </c>
      <c r="H370">
        <v>120</v>
      </c>
      <c r="J370">
        <v>99.372672958521548</v>
      </c>
      <c r="K370">
        <v>120</v>
      </c>
      <c r="M370">
        <v>99.412134706486711</v>
      </c>
      <c r="N370">
        <v>120</v>
      </c>
      <c r="P370">
        <v>99.646520264890157</v>
      </c>
      <c r="Q370">
        <v>120</v>
      </c>
    </row>
    <row r="371" spans="4:17" x14ac:dyDescent="0.25">
      <c r="D371">
        <v>99.407724715910675</v>
      </c>
      <c r="E371">
        <v>120</v>
      </c>
      <c r="G371">
        <v>99.45912054198817</v>
      </c>
      <c r="H371">
        <v>121</v>
      </c>
      <c r="J371">
        <v>99.374392359592093</v>
      </c>
      <c r="K371">
        <v>120</v>
      </c>
      <c r="M371">
        <v>99.411727895854568</v>
      </c>
      <c r="N371">
        <v>120</v>
      </c>
      <c r="P371">
        <v>99.645802153573598</v>
      </c>
      <c r="Q371">
        <v>120</v>
      </c>
    </row>
    <row r="372" spans="4:17" x14ac:dyDescent="0.25">
      <c r="D372">
        <v>99.407724715910675</v>
      </c>
      <c r="E372">
        <v>120</v>
      </c>
      <c r="G372">
        <v>99.461343279909116</v>
      </c>
      <c r="H372">
        <v>121</v>
      </c>
      <c r="J372">
        <v>99.376101586691803</v>
      </c>
      <c r="K372">
        <v>121</v>
      </c>
      <c r="M372">
        <v>99.411333050240984</v>
      </c>
      <c r="N372">
        <v>120</v>
      </c>
      <c r="P372">
        <v>99.645802153573598</v>
      </c>
      <c r="Q372">
        <v>120</v>
      </c>
    </row>
    <row r="373" spans="4:17" x14ac:dyDescent="0.25">
      <c r="D373">
        <v>99.407724715910675</v>
      </c>
      <c r="E373">
        <v>120</v>
      </c>
      <c r="G373">
        <v>99.464015857647397</v>
      </c>
      <c r="H373">
        <v>122</v>
      </c>
      <c r="J373">
        <v>99.377810813791513</v>
      </c>
      <c r="K373">
        <v>121</v>
      </c>
      <c r="M373">
        <v>99.411333050240984</v>
      </c>
      <c r="N373">
        <v>120</v>
      </c>
      <c r="P373">
        <v>99.645084042257054</v>
      </c>
      <c r="Q373">
        <v>120</v>
      </c>
    </row>
    <row r="374" spans="4:17" x14ac:dyDescent="0.25">
      <c r="D374">
        <v>99.407262234636079</v>
      </c>
      <c r="E374">
        <v>120</v>
      </c>
      <c r="G374">
        <v>99.466688435385677</v>
      </c>
      <c r="H374">
        <v>122</v>
      </c>
      <c r="J374">
        <v>99.379865955899504</v>
      </c>
      <c r="K374">
        <v>122</v>
      </c>
      <c r="M374">
        <v>99.410926239608827</v>
      </c>
      <c r="N374">
        <v>120</v>
      </c>
      <c r="P374">
        <v>99.645084042257054</v>
      </c>
      <c r="Q374">
        <v>120</v>
      </c>
    </row>
    <row r="375" spans="4:17" x14ac:dyDescent="0.25">
      <c r="D375">
        <v>99.407262234636079</v>
      </c>
      <c r="E375">
        <v>120</v>
      </c>
      <c r="G375">
        <v>99.468924403889474</v>
      </c>
      <c r="H375">
        <v>122</v>
      </c>
      <c r="J375">
        <v>99.381931271978331</v>
      </c>
      <c r="K375">
        <v>122</v>
      </c>
      <c r="M375">
        <v>99.410926239608827</v>
      </c>
      <c r="N375">
        <v>120</v>
      </c>
      <c r="P375">
        <v>99.6443870518616</v>
      </c>
      <c r="Q375">
        <v>120</v>
      </c>
    </row>
    <row r="376" spans="4:17" x14ac:dyDescent="0.25">
      <c r="D376">
        <v>99.407262234636079</v>
      </c>
      <c r="E376">
        <v>120</v>
      </c>
      <c r="G376">
        <v>99.47114714181042</v>
      </c>
      <c r="H376">
        <v>123</v>
      </c>
      <c r="J376">
        <v>99.383986414086337</v>
      </c>
      <c r="K376">
        <v>123</v>
      </c>
      <c r="M376">
        <v>99.410519428976656</v>
      </c>
      <c r="N376">
        <v>120</v>
      </c>
      <c r="P376">
        <v>99.6443870518616</v>
      </c>
      <c r="Q376">
        <v>120</v>
      </c>
    </row>
    <row r="377" spans="4:17" x14ac:dyDescent="0.25">
      <c r="D377">
        <v>99.406799753361454</v>
      </c>
      <c r="E377">
        <v>120</v>
      </c>
      <c r="G377">
        <v>99.473369879731365</v>
      </c>
      <c r="H377">
        <v>123</v>
      </c>
      <c r="J377">
        <v>99.385695641186047</v>
      </c>
      <c r="K377">
        <v>123</v>
      </c>
      <c r="M377">
        <v>99.410519428976656</v>
      </c>
      <c r="N377">
        <v>120</v>
      </c>
      <c r="P377">
        <v>99.643668940545041</v>
      </c>
      <c r="Q377">
        <v>120</v>
      </c>
    </row>
    <row r="378" spans="4:17" x14ac:dyDescent="0.25">
      <c r="D378">
        <v>99.406799753361454</v>
      </c>
      <c r="E378">
        <v>120</v>
      </c>
      <c r="G378">
        <v>99.476042457469632</v>
      </c>
      <c r="H378">
        <v>124</v>
      </c>
      <c r="J378">
        <v>99.387750783294038</v>
      </c>
      <c r="K378">
        <v>123</v>
      </c>
      <c r="M378">
        <v>99.410124583363086</v>
      </c>
      <c r="N378">
        <v>120</v>
      </c>
      <c r="P378">
        <v>99.642950829228468</v>
      </c>
      <c r="Q378">
        <v>120</v>
      </c>
    </row>
    <row r="379" spans="4:17" x14ac:dyDescent="0.25">
      <c r="D379">
        <v>99.406799753361454</v>
      </c>
      <c r="E379">
        <v>120</v>
      </c>
      <c r="G379">
        <v>99.478278425973443</v>
      </c>
      <c r="H379">
        <v>124</v>
      </c>
      <c r="J379">
        <v>99.389460010393719</v>
      </c>
      <c r="K379">
        <v>124</v>
      </c>
      <c r="M379">
        <v>99.410124583363086</v>
      </c>
      <c r="N379">
        <v>120</v>
      </c>
      <c r="P379">
        <v>99.642950829228468</v>
      </c>
      <c r="Q379">
        <v>120</v>
      </c>
    </row>
    <row r="380" spans="4:17" x14ac:dyDescent="0.25">
      <c r="D380">
        <v>99.406337272086844</v>
      </c>
      <c r="E380">
        <v>120</v>
      </c>
      <c r="G380">
        <v>99.480501163894388</v>
      </c>
      <c r="H380">
        <v>125</v>
      </c>
      <c r="J380">
        <v>99.391179411464279</v>
      </c>
      <c r="K380">
        <v>124</v>
      </c>
      <c r="M380">
        <v>99.409717772730929</v>
      </c>
      <c r="N380">
        <v>120</v>
      </c>
      <c r="P380">
        <v>99.642253838833014</v>
      </c>
      <c r="Q380">
        <v>120</v>
      </c>
    </row>
    <row r="381" spans="4:17" x14ac:dyDescent="0.25">
      <c r="D381">
        <v>99.406337272086844</v>
      </c>
      <c r="E381">
        <v>120</v>
      </c>
      <c r="G381">
        <v>99.482723901815319</v>
      </c>
      <c r="H381">
        <v>125</v>
      </c>
      <c r="J381">
        <v>99.392542723555707</v>
      </c>
      <c r="K381">
        <v>125</v>
      </c>
      <c r="M381">
        <v>99.409717772730929</v>
      </c>
      <c r="N381">
        <v>120</v>
      </c>
      <c r="P381">
        <v>99.641535727516455</v>
      </c>
      <c r="Q381">
        <v>120</v>
      </c>
    </row>
    <row r="382" spans="4:17" x14ac:dyDescent="0.25">
      <c r="D382">
        <v>99.406337272086844</v>
      </c>
      <c r="E382">
        <v>120</v>
      </c>
      <c r="G382">
        <v>99.485396479553586</v>
      </c>
      <c r="H382">
        <v>125</v>
      </c>
      <c r="J382">
        <v>99.394262124626266</v>
      </c>
      <c r="K382">
        <v>125</v>
      </c>
      <c r="M382">
        <v>99.409310962098772</v>
      </c>
      <c r="N382">
        <v>120</v>
      </c>
      <c r="P382">
        <v>99.641535727516455</v>
      </c>
      <c r="Q382">
        <v>120</v>
      </c>
    </row>
    <row r="383" spans="4:17" x14ac:dyDescent="0.25">
      <c r="D383">
        <v>99.406337272086844</v>
      </c>
      <c r="E383">
        <v>120</v>
      </c>
      <c r="G383">
        <v>99.487632448057397</v>
      </c>
      <c r="H383">
        <v>126</v>
      </c>
      <c r="J383">
        <v>99.395971351725976</v>
      </c>
      <c r="K383">
        <v>125</v>
      </c>
      <c r="M383">
        <v>99.409310962098772</v>
      </c>
      <c r="N383">
        <v>120</v>
      </c>
      <c r="P383">
        <v>99.640817616199911</v>
      </c>
      <c r="Q383">
        <v>120</v>
      </c>
    </row>
    <row r="384" spans="4:17" x14ac:dyDescent="0.25">
      <c r="D384">
        <v>99.406337272086844</v>
      </c>
      <c r="E384">
        <v>120</v>
      </c>
      <c r="G384">
        <v>99.489418576743873</v>
      </c>
      <c r="H384">
        <v>126</v>
      </c>
      <c r="J384">
        <v>99.397690752796521</v>
      </c>
      <c r="K384">
        <v>126</v>
      </c>
      <c r="M384">
        <v>99.408916116485202</v>
      </c>
      <c r="N384">
        <v>120</v>
      </c>
      <c r="P384">
        <v>99.640817616199911</v>
      </c>
      <c r="Q384">
        <v>120</v>
      </c>
    </row>
    <row r="385" spans="4:17" x14ac:dyDescent="0.25">
      <c r="D385">
        <v>99.406337272086844</v>
      </c>
      <c r="E385">
        <v>120</v>
      </c>
      <c r="G385">
        <v>99.490754865613013</v>
      </c>
      <c r="H385">
        <v>127</v>
      </c>
      <c r="J385">
        <v>99.398718323850517</v>
      </c>
      <c r="K385">
        <v>126</v>
      </c>
      <c r="M385">
        <v>99.408509305853016</v>
      </c>
      <c r="N385">
        <v>120</v>
      </c>
      <c r="P385">
        <v>99.640120625804457</v>
      </c>
      <c r="Q385">
        <v>120</v>
      </c>
    </row>
    <row r="386" spans="4:17" x14ac:dyDescent="0.25">
      <c r="D386">
        <v>99.405888393202673</v>
      </c>
      <c r="E386">
        <v>120</v>
      </c>
      <c r="G386">
        <v>99.491641314664818</v>
      </c>
      <c r="H386">
        <v>127</v>
      </c>
      <c r="J386">
        <v>99.399745894904513</v>
      </c>
      <c r="K386">
        <v>127</v>
      </c>
      <c r="M386">
        <v>99.408509305853016</v>
      </c>
      <c r="N386">
        <v>120</v>
      </c>
      <c r="P386">
        <v>99.639402514487898</v>
      </c>
      <c r="Q386">
        <v>120</v>
      </c>
    </row>
    <row r="387" spans="4:17" x14ac:dyDescent="0.25">
      <c r="D387">
        <v>99.405888393202673</v>
      </c>
      <c r="E387">
        <v>120</v>
      </c>
      <c r="G387">
        <v>99.492091154482125</v>
      </c>
      <c r="H387">
        <v>127</v>
      </c>
      <c r="J387">
        <v>99.400427550950226</v>
      </c>
      <c r="K387">
        <v>127</v>
      </c>
      <c r="M387">
        <v>99.408509305853016</v>
      </c>
      <c r="N387">
        <v>120</v>
      </c>
      <c r="P387">
        <v>99.639402514487898</v>
      </c>
      <c r="Q387">
        <v>120</v>
      </c>
    </row>
    <row r="388" spans="4:17" x14ac:dyDescent="0.25">
      <c r="D388">
        <v>99.405888393202673</v>
      </c>
      <c r="E388">
        <v>120</v>
      </c>
      <c r="G388">
        <v>99.492527763716609</v>
      </c>
      <c r="H388">
        <v>128</v>
      </c>
      <c r="J388">
        <v>99.400773465958508</v>
      </c>
      <c r="K388">
        <v>128</v>
      </c>
      <c r="M388">
        <v>99.408102495220859</v>
      </c>
      <c r="N388">
        <v>120</v>
      </c>
      <c r="P388">
        <v>99.638684403171339</v>
      </c>
      <c r="Q388">
        <v>120</v>
      </c>
    </row>
    <row r="389" spans="4:17" x14ac:dyDescent="0.25">
      <c r="D389">
        <v>99.405888393202673</v>
      </c>
      <c r="E389">
        <v>120</v>
      </c>
      <c r="G389">
        <v>99.492977603533944</v>
      </c>
      <c r="H389">
        <v>128</v>
      </c>
      <c r="J389">
        <v>99.401109206995955</v>
      </c>
      <c r="K389">
        <v>128</v>
      </c>
      <c r="M389">
        <v>99.408102495220859</v>
      </c>
      <c r="N389">
        <v>120</v>
      </c>
      <c r="P389">
        <v>99.637987412775857</v>
      </c>
      <c r="Q389">
        <v>120</v>
      </c>
    </row>
    <row r="390" spans="4:17" x14ac:dyDescent="0.25">
      <c r="D390">
        <v>99.405888393202673</v>
      </c>
      <c r="E390">
        <v>120</v>
      </c>
      <c r="G390">
        <v>99.492977603533944</v>
      </c>
      <c r="H390">
        <v>129</v>
      </c>
      <c r="J390">
        <v>99.401455122004222</v>
      </c>
      <c r="K390">
        <v>128</v>
      </c>
      <c r="M390">
        <v>99.407707649607289</v>
      </c>
      <c r="N390">
        <v>120</v>
      </c>
      <c r="P390">
        <v>99.637269301459327</v>
      </c>
      <c r="Q390">
        <v>120</v>
      </c>
    </row>
    <row r="391" spans="4:17" x14ac:dyDescent="0.25">
      <c r="D391">
        <v>99.405888393202673</v>
      </c>
      <c r="E391">
        <v>120</v>
      </c>
      <c r="G391">
        <v>99.492977603533944</v>
      </c>
      <c r="H391">
        <v>129</v>
      </c>
      <c r="J391">
        <v>99.401109206995955</v>
      </c>
      <c r="K391">
        <v>129</v>
      </c>
      <c r="M391">
        <v>99.407300838975132</v>
      </c>
      <c r="N391">
        <v>120</v>
      </c>
      <c r="P391">
        <v>99.637269301459327</v>
      </c>
      <c r="Q391">
        <v>120</v>
      </c>
    </row>
    <row r="392" spans="4:17" x14ac:dyDescent="0.25">
      <c r="D392">
        <v>99.405888393202673</v>
      </c>
      <c r="E392">
        <v>120</v>
      </c>
      <c r="G392">
        <v>99.492527763716609</v>
      </c>
      <c r="H392">
        <v>130</v>
      </c>
      <c r="J392">
        <v>99.400773465958508</v>
      </c>
      <c r="K392">
        <v>129</v>
      </c>
      <c r="M392">
        <v>99.407300838975132</v>
      </c>
      <c r="N392">
        <v>120</v>
      </c>
      <c r="P392">
        <v>99.636551190142768</v>
      </c>
      <c r="Q392">
        <v>120</v>
      </c>
    </row>
    <row r="393" spans="4:17" x14ac:dyDescent="0.25">
      <c r="D393">
        <v>99.406337272086844</v>
      </c>
      <c r="E393">
        <v>120</v>
      </c>
      <c r="G393">
        <v>99.492091154482125</v>
      </c>
      <c r="H393">
        <v>130</v>
      </c>
      <c r="J393">
        <v>99.400081635941945</v>
      </c>
      <c r="K393">
        <v>130</v>
      </c>
      <c r="M393">
        <v>99.40689402834299</v>
      </c>
      <c r="N393">
        <v>120</v>
      </c>
      <c r="P393">
        <v>99.635833078826224</v>
      </c>
      <c r="Q393">
        <v>120</v>
      </c>
    </row>
    <row r="394" spans="4:17" x14ac:dyDescent="0.25">
      <c r="D394">
        <v>99.406337272086844</v>
      </c>
      <c r="E394">
        <v>120</v>
      </c>
      <c r="G394">
        <v>99.491641314664818</v>
      </c>
      <c r="H394">
        <v>130</v>
      </c>
      <c r="J394">
        <v>99.399399979896245</v>
      </c>
      <c r="K394">
        <v>130</v>
      </c>
      <c r="M394">
        <v>99.40689402834299</v>
      </c>
      <c r="N394">
        <v>120</v>
      </c>
      <c r="P394">
        <v>99.635833078826224</v>
      </c>
      <c r="Q394">
        <v>120</v>
      </c>
    </row>
    <row r="395" spans="4:17" x14ac:dyDescent="0.25">
      <c r="D395">
        <v>99.407262234636079</v>
      </c>
      <c r="E395">
        <v>120</v>
      </c>
      <c r="G395">
        <v>99.491191474847469</v>
      </c>
      <c r="H395">
        <v>131</v>
      </c>
      <c r="J395">
        <v>99.398718323850517</v>
      </c>
      <c r="K395">
        <v>130</v>
      </c>
      <c r="M395">
        <v>99.406499182729419</v>
      </c>
      <c r="N395">
        <v>120</v>
      </c>
      <c r="P395">
        <v>99.63513608843077</v>
      </c>
      <c r="Q395">
        <v>120</v>
      </c>
    </row>
    <row r="396" spans="4:17" x14ac:dyDescent="0.25">
      <c r="D396">
        <v>99.407262234636079</v>
      </c>
      <c r="E396">
        <v>120</v>
      </c>
      <c r="G396">
        <v>99.490754865613013</v>
      </c>
      <c r="H396">
        <v>131</v>
      </c>
      <c r="J396">
        <v>99.397690752796521</v>
      </c>
      <c r="K396">
        <v>131</v>
      </c>
      <c r="M396">
        <v>99.406499182729419</v>
      </c>
      <c r="N396">
        <v>120</v>
      </c>
      <c r="P396">
        <v>99.63513608843077</v>
      </c>
      <c r="Q396">
        <v>120</v>
      </c>
    </row>
    <row r="397" spans="4:17" x14ac:dyDescent="0.25">
      <c r="D397">
        <v>99.407262234636079</v>
      </c>
      <c r="E397">
        <v>120</v>
      </c>
      <c r="G397">
        <v>99.489855185978342</v>
      </c>
      <c r="H397">
        <v>132</v>
      </c>
      <c r="J397">
        <v>99.396998922779986</v>
      </c>
      <c r="K397">
        <v>131</v>
      </c>
      <c r="M397">
        <v>99.406092372097234</v>
      </c>
      <c r="N397">
        <v>120</v>
      </c>
      <c r="P397">
        <v>99.634417977114211</v>
      </c>
      <c r="Q397">
        <v>120</v>
      </c>
    </row>
    <row r="398" spans="4:17" x14ac:dyDescent="0.25">
      <c r="D398">
        <v>99.406799753361454</v>
      </c>
      <c r="E398">
        <v>120</v>
      </c>
      <c r="G398">
        <v>99.489418576743873</v>
      </c>
      <c r="H398">
        <v>132</v>
      </c>
      <c r="J398">
        <v>99.395971351725976</v>
      </c>
      <c r="K398">
        <v>132</v>
      </c>
      <c r="M398">
        <v>99.406092372097234</v>
      </c>
      <c r="N398">
        <v>120</v>
      </c>
      <c r="P398">
        <v>99.634417977114211</v>
      </c>
      <c r="Q398">
        <v>120</v>
      </c>
    </row>
    <row r="399" spans="4:17" x14ac:dyDescent="0.25">
      <c r="D399">
        <v>99.406799753361454</v>
      </c>
      <c r="E399">
        <v>120</v>
      </c>
      <c r="G399">
        <v>99.488518897109188</v>
      </c>
      <c r="H399">
        <v>132</v>
      </c>
      <c r="J399">
        <v>99.394597865663698</v>
      </c>
      <c r="K399">
        <v>132</v>
      </c>
      <c r="M399">
        <v>99.405685561465091</v>
      </c>
      <c r="N399">
        <v>120</v>
      </c>
      <c r="P399">
        <v>99.633699865797652</v>
      </c>
      <c r="Q399">
        <v>120</v>
      </c>
    </row>
    <row r="400" spans="4:17" x14ac:dyDescent="0.25">
      <c r="D400">
        <v>99.406337272086844</v>
      </c>
      <c r="E400">
        <v>120</v>
      </c>
      <c r="G400">
        <v>99.487632448057397</v>
      </c>
      <c r="H400">
        <v>133</v>
      </c>
      <c r="J400">
        <v>99.393234553572285</v>
      </c>
      <c r="K400">
        <v>133</v>
      </c>
      <c r="M400">
        <v>99.405685561465091</v>
      </c>
      <c r="N400">
        <v>120</v>
      </c>
      <c r="P400">
        <v>99.633699865797652</v>
      </c>
      <c r="Q400">
        <v>120</v>
      </c>
    </row>
    <row r="401" spans="4:17" x14ac:dyDescent="0.25">
      <c r="D401">
        <v>99.406337272086844</v>
      </c>
      <c r="E401">
        <v>120</v>
      </c>
      <c r="G401">
        <v>99.486296159188271</v>
      </c>
      <c r="H401">
        <v>133</v>
      </c>
      <c r="J401">
        <v>99.391861067510007</v>
      </c>
      <c r="K401">
        <v>133</v>
      </c>
      <c r="M401">
        <v>99.405290715851507</v>
      </c>
      <c r="N401">
        <v>120</v>
      </c>
      <c r="P401">
        <v>99.633002875402198</v>
      </c>
      <c r="Q401">
        <v>120</v>
      </c>
    </row>
    <row r="402" spans="4:17" x14ac:dyDescent="0.25">
      <c r="D402">
        <v>99.406337272086844</v>
      </c>
      <c r="E402">
        <v>120</v>
      </c>
      <c r="G402">
        <v>99.485396479553586</v>
      </c>
      <c r="H402">
        <v>134</v>
      </c>
      <c r="J402">
        <v>99.390487581447744</v>
      </c>
      <c r="K402">
        <v>133</v>
      </c>
      <c r="M402">
        <v>99.405290715851507</v>
      </c>
      <c r="N402">
        <v>120</v>
      </c>
      <c r="P402">
        <v>99.633002875402198</v>
      </c>
      <c r="Q402">
        <v>120</v>
      </c>
    </row>
    <row r="403" spans="4:17" x14ac:dyDescent="0.25">
      <c r="D403">
        <v>99.405888393202673</v>
      </c>
      <c r="E403">
        <v>120</v>
      </c>
      <c r="G403">
        <v>99.484510030501781</v>
      </c>
      <c r="H403">
        <v>134</v>
      </c>
      <c r="J403">
        <v>99.389124269356273</v>
      </c>
      <c r="K403">
        <v>134</v>
      </c>
      <c r="M403">
        <v>99.40488390521935</v>
      </c>
      <c r="N403">
        <v>120</v>
      </c>
      <c r="P403">
        <v>99.632284764085639</v>
      </c>
      <c r="Q403">
        <v>120</v>
      </c>
    </row>
    <row r="404" spans="4:17" x14ac:dyDescent="0.25">
      <c r="D404">
        <v>99.405888393202673</v>
      </c>
      <c r="E404">
        <v>120</v>
      </c>
      <c r="G404">
        <v>99.48362358144999</v>
      </c>
      <c r="H404">
        <v>135</v>
      </c>
      <c r="J404">
        <v>99.387750783294038</v>
      </c>
      <c r="K404">
        <v>134</v>
      </c>
      <c r="M404">
        <v>99.40488390521935</v>
      </c>
      <c r="N404">
        <v>120</v>
      </c>
      <c r="P404">
        <v>99.632284764085639</v>
      </c>
      <c r="Q404">
        <v>120</v>
      </c>
    </row>
    <row r="405" spans="4:17" x14ac:dyDescent="0.25">
      <c r="D405">
        <v>99.405425911928063</v>
      </c>
      <c r="E405">
        <v>120</v>
      </c>
      <c r="G405">
        <v>99.48228729258085</v>
      </c>
      <c r="H405">
        <v>135</v>
      </c>
      <c r="J405">
        <v>99.386723212240028</v>
      </c>
      <c r="K405">
        <v>135</v>
      </c>
      <c r="M405">
        <v>99.40488390521935</v>
      </c>
      <c r="N405">
        <v>120</v>
      </c>
      <c r="P405">
        <v>99.631566652769095</v>
      </c>
      <c r="Q405">
        <v>120</v>
      </c>
    </row>
    <row r="406" spans="4:17" x14ac:dyDescent="0.25">
      <c r="D406">
        <v>99.405425911928063</v>
      </c>
      <c r="E406">
        <v>120</v>
      </c>
      <c r="G406">
        <v>99.481387612946179</v>
      </c>
      <c r="H406">
        <v>135</v>
      </c>
      <c r="J406">
        <v>99.385695641186047</v>
      </c>
      <c r="K406">
        <v>135</v>
      </c>
      <c r="M406">
        <v>99.404477094587179</v>
      </c>
      <c r="N406">
        <v>120</v>
      </c>
      <c r="P406">
        <v>99.631566652769095</v>
      </c>
      <c r="Q406">
        <v>120</v>
      </c>
    </row>
    <row r="407" spans="4:17" x14ac:dyDescent="0.25">
      <c r="D407">
        <v>99.405425911928063</v>
      </c>
      <c r="E407">
        <v>120</v>
      </c>
      <c r="G407">
        <v>99.480501163894388</v>
      </c>
      <c r="H407">
        <v>136</v>
      </c>
      <c r="J407">
        <v>99.385013985140304</v>
      </c>
      <c r="K407">
        <v>135</v>
      </c>
      <c r="M407">
        <v>99.404477094587179</v>
      </c>
      <c r="N407">
        <v>120</v>
      </c>
      <c r="P407">
        <v>99.630869662373627</v>
      </c>
      <c r="Q407">
        <v>120</v>
      </c>
    </row>
    <row r="408" spans="4:17" x14ac:dyDescent="0.25">
      <c r="D408">
        <v>99.405425911928063</v>
      </c>
      <c r="E408">
        <v>120</v>
      </c>
      <c r="G408">
        <v>99.479614714842555</v>
      </c>
      <c r="H408">
        <v>136</v>
      </c>
      <c r="J408">
        <v>99.383640499078041</v>
      </c>
      <c r="K408">
        <v>136</v>
      </c>
      <c r="M408">
        <v>99.404082248973609</v>
      </c>
      <c r="N408">
        <v>120</v>
      </c>
      <c r="P408">
        <v>99.630869662373627</v>
      </c>
      <c r="Q408">
        <v>120</v>
      </c>
    </row>
    <row r="409" spans="4:17" x14ac:dyDescent="0.25">
      <c r="D409">
        <v>99.405425911928063</v>
      </c>
      <c r="E409">
        <v>120</v>
      </c>
      <c r="G409">
        <v>99.478715035207898</v>
      </c>
      <c r="H409">
        <v>137</v>
      </c>
      <c r="J409">
        <v>99.382267013015763</v>
      </c>
      <c r="K409">
        <v>136</v>
      </c>
      <c r="M409">
        <v>99.404082248973609</v>
      </c>
      <c r="N409">
        <v>120</v>
      </c>
      <c r="P409">
        <v>99.630151551057082</v>
      </c>
      <c r="Q409">
        <v>120</v>
      </c>
    </row>
    <row r="410" spans="4:17" x14ac:dyDescent="0.25">
      <c r="D410">
        <v>99.405425911928063</v>
      </c>
      <c r="E410">
        <v>120</v>
      </c>
      <c r="G410">
        <v>99.477828586156107</v>
      </c>
      <c r="H410">
        <v>137</v>
      </c>
      <c r="J410">
        <v>99.3808935269535</v>
      </c>
      <c r="K410">
        <v>137</v>
      </c>
      <c r="M410">
        <v>99.404082248973609</v>
      </c>
      <c r="N410">
        <v>120</v>
      </c>
      <c r="P410">
        <v>99.630151551057082</v>
      </c>
      <c r="Q410">
        <v>120</v>
      </c>
    </row>
    <row r="411" spans="4:17" x14ac:dyDescent="0.25">
      <c r="D411">
        <v>99.405425911928063</v>
      </c>
      <c r="E411">
        <v>120</v>
      </c>
      <c r="G411">
        <v>99.476492297286967</v>
      </c>
      <c r="H411">
        <v>137</v>
      </c>
      <c r="J411">
        <v>99.379530214862058</v>
      </c>
      <c r="K411">
        <v>137</v>
      </c>
      <c r="M411">
        <v>99.403675438341438</v>
      </c>
      <c r="N411">
        <v>120</v>
      </c>
      <c r="P411">
        <v>99.629433439740538</v>
      </c>
      <c r="Q411">
        <v>120</v>
      </c>
    </row>
    <row r="412" spans="4:17" x14ac:dyDescent="0.25">
      <c r="D412">
        <v>99.404963430653453</v>
      </c>
      <c r="E412">
        <v>120</v>
      </c>
      <c r="G412">
        <v>99.475605848235162</v>
      </c>
      <c r="H412">
        <v>138</v>
      </c>
      <c r="J412">
        <v>99.377810813791513</v>
      </c>
      <c r="K412">
        <v>138</v>
      </c>
      <c r="M412">
        <v>99.403675438341438</v>
      </c>
      <c r="N412">
        <v>120</v>
      </c>
      <c r="P412">
        <v>99.629433439740538</v>
      </c>
      <c r="Q412">
        <v>120</v>
      </c>
    </row>
    <row r="413" spans="4:17" x14ac:dyDescent="0.25">
      <c r="D413">
        <v>99.404963430653453</v>
      </c>
      <c r="E413">
        <v>120</v>
      </c>
      <c r="G413">
        <v>99.474706168600505</v>
      </c>
      <c r="H413">
        <v>138</v>
      </c>
      <c r="J413">
        <v>99.376447501700099</v>
      </c>
      <c r="K413">
        <v>138</v>
      </c>
      <c r="M413">
        <v>99.403268627709281</v>
      </c>
      <c r="N413">
        <v>120</v>
      </c>
      <c r="P413">
        <v>99.628736449345041</v>
      </c>
      <c r="Q413">
        <v>120</v>
      </c>
    </row>
    <row r="414" spans="4:17" x14ac:dyDescent="0.25">
      <c r="D414">
        <v>99.404514551769267</v>
      </c>
      <c r="E414">
        <v>120</v>
      </c>
      <c r="G414">
        <v>99.4738197195487</v>
      </c>
      <c r="H414">
        <v>139</v>
      </c>
      <c r="J414">
        <v>99.375074015637807</v>
      </c>
      <c r="K414">
        <v>138</v>
      </c>
      <c r="M414">
        <v>99.403268627709281</v>
      </c>
      <c r="N414">
        <v>120</v>
      </c>
      <c r="P414">
        <v>99.628736449345041</v>
      </c>
      <c r="Q414">
        <v>120</v>
      </c>
    </row>
    <row r="415" spans="4:17" x14ac:dyDescent="0.25">
      <c r="D415">
        <v>99.403589589220047</v>
      </c>
      <c r="E415">
        <v>120</v>
      </c>
      <c r="G415">
        <v>99.47248343067956</v>
      </c>
      <c r="H415">
        <v>139</v>
      </c>
      <c r="J415">
        <v>99.373700529575544</v>
      </c>
      <c r="K415">
        <v>139</v>
      </c>
      <c r="M415">
        <v>99.403268627709281</v>
      </c>
      <c r="N415">
        <v>120</v>
      </c>
      <c r="P415">
        <v>99.628736449345041</v>
      </c>
      <c r="Q415">
        <v>120</v>
      </c>
    </row>
    <row r="416" spans="4:17" x14ac:dyDescent="0.25">
      <c r="D416">
        <v>99.403140710335862</v>
      </c>
      <c r="E416">
        <v>120</v>
      </c>
      <c r="G416">
        <v>99.471596981627741</v>
      </c>
      <c r="H416">
        <v>140</v>
      </c>
      <c r="J416">
        <v>99.372337217484102</v>
      </c>
      <c r="K416">
        <v>139</v>
      </c>
      <c r="M416">
        <v>99.403268627709281</v>
      </c>
      <c r="N416">
        <v>120</v>
      </c>
      <c r="P416">
        <v>99.628018338028525</v>
      </c>
      <c r="Q416">
        <v>120</v>
      </c>
    </row>
    <row r="417" spans="4:17" x14ac:dyDescent="0.25">
      <c r="D417">
        <v>99.402215747786641</v>
      </c>
      <c r="E417">
        <v>120</v>
      </c>
      <c r="G417">
        <v>99.470260692758615</v>
      </c>
      <c r="H417">
        <v>140</v>
      </c>
      <c r="J417">
        <v>99.37096373142181</v>
      </c>
      <c r="K417">
        <v>140</v>
      </c>
      <c r="M417">
        <v>99.40287378209571</v>
      </c>
      <c r="N417">
        <v>120</v>
      </c>
      <c r="P417">
        <v>99.628018338028525</v>
      </c>
      <c r="Q417">
        <v>120</v>
      </c>
    </row>
    <row r="418" spans="4:17" x14ac:dyDescent="0.25">
      <c r="D418">
        <v>99.401766868902484</v>
      </c>
      <c r="E418">
        <v>120</v>
      </c>
      <c r="G418">
        <v>99.468924403889474</v>
      </c>
      <c r="H418">
        <v>140</v>
      </c>
      <c r="J418">
        <v>99.369936160367828</v>
      </c>
      <c r="K418">
        <v>140</v>
      </c>
      <c r="M418">
        <v>99.40287378209571</v>
      </c>
      <c r="N418">
        <v>120</v>
      </c>
      <c r="P418">
        <v>99.627300226711967</v>
      </c>
      <c r="Q418">
        <v>120</v>
      </c>
    </row>
    <row r="419" spans="4:17" x14ac:dyDescent="0.25">
      <c r="D419">
        <v>99.400841906353264</v>
      </c>
      <c r="E419">
        <v>120</v>
      </c>
      <c r="G419">
        <v>99.468024724254818</v>
      </c>
      <c r="H419">
        <v>141</v>
      </c>
      <c r="J419">
        <v>99.368562674305565</v>
      </c>
      <c r="K419">
        <v>140</v>
      </c>
      <c r="M419">
        <v>99.40287378209571</v>
      </c>
      <c r="N419">
        <v>120</v>
      </c>
      <c r="P419">
        <v>99.626603236316484</v>
      </c>
      <c r="Q419">
        <v>120</v>
      </c>
    </row>
    <row r="420" spans="4:17" x14ac:dyDescent="0.25">
      <c r="D420">
        <v>99.400393027469065</v>
      </c>
      <c r="E420">
        <v>120</v>
      </c>
      <c r="G420">
        <v>99.466688435385677</v>
      </c>
      <c r="H420">
        <v>141</v>
      </c>
      <c r="J420">
        <v>99.367189188243287</v>
      </c>
      <c r="K420">
        <v>141</v>
      </c>
      <c r="M420">
        <v>99.402466971463554</v>
      </c>
      <c r="N420">
        <v>120</v>
      </c>
      <c r="P420">
        <v>99.626603236316484</v>
      </c>
      <c r="Q420">
        <v>120</v>
      </c>
    </row>
    <row r="421" spans="4:17" x14ac:dyDescent="0.25">
      <c r="D421">
        <v>99.399468064919859</v>
      </c>
      <c r="E421">
        <v>120</v>
      </c>
      <c r="G421">
        <v>99.465801986333872</v>
      </c>
      <c r="H421">
        <v>142</v>
      </c>
      <c r="J421">
        <v>99.36582587615186</v>
      </c>
      <c r="K421">
        <v>141</v>
      </c>
      <c r="M421">
        <v>99.402466971463554</v>
      </c>
      <c r="N421">
        <v>120</v>
      </c>
      <c r="P421">
        <v>99.625885124999954</v>
      </c>
      <c r="Q421">
        <v>120</v>
      </c>
    </row>
    <row r="422" spans="4:17" x14ac:dyDescent="0.25">
      <c r="D422">
        <v>99.399019186035673</v>
      </c>
      <c r="E422">
        <v>120</v>
      </c>
      <c r="G422">
        <v>99.464465697464732</v>
      </c>
      <c r="H422">
        <v>142</v>
      </c>
      <c r="J422">
        <v>99.36479830509785</v>
      </c>
      <c r="K422">
        <v>142</v>
      </c>
      <c r="M422">
        <v>99.402466971463554</v>
      </c>
      <c r="N422">
        <v>120</v>
      </c>
      <c r="P422">
        <v>99.625167013683409</v>
      </c>
      <c r="Q422">
        <v>120</v>
      </c>
    </row>
    <row r="423" spans="4:17" x14ac:dyDescent="0.25">
      <c r="D423">
        <v>99.398094223486467</v>
      </c>
      <c r="E423">
        <v>120</v>
      </c>
      <c r="G423">
        <v>99.463129408595591</v>
      </c>
      <c r="H423">
        <v>142</v>
      </c>
      <c r="J423">
        <v>99.363770734043868</v>
      </c>
      <c r="K423">
        <v>142</v>
      </c>
      <c r="M423">
        <v>99.402060160831368</v>
      </c>
      <c r="N423">
        <v>120</v>
      </c>
      <c r="P423">
        <v>99.625167013683409</v>
      </c>
      <c r="Q423">
        <v>120</v>
      </c>
    </row>
    <row r="424" spans="4:17" x14ac:dyDescent="0.25">
      <c r="D424">
        <v>99.397182863327671</v>
      </c>
      <c r="E424">
        <v>120</v>
      </c>
      <c r="G424">
        <v>99.461793119726451</v>
      </c>
      <c r="H424">
        <v>143</v>
      </c>
      <c r="J424">
        <v>99.362743162989887</v>
      </c>
      <c r="K424">
        <v>143</v>
      </c>
      <c r="M424">
        <v>99.402060160831368</v>
      </c>
      <c r="N424">
        <v>120</v>
      </c>
      <c r="P424">
        <v>99.624470023287913</v>
      </c>
      <c r="Q424">
        <v>120</v>
      </c>
    </row>
    <row r="425" spans="4:17" x14ac:dyDescent="0.25">
      <c r="D425">
        <v>99.396720382053076</v>
      </c>
      <c r="E425">
        <v>120</v>
      </c>
      <c r="G425">
        <v>99.460893440091809</v>
      </c>
      <c r="H425">
        <v>143</v>
      </c>
      <c r="J425">
        <v>99.361369676927609</v>
      </c>
      <c r="K425">
        <v>143</v>
      </c>
      <c r="M425">
        <v>99.401665315217798</v>
      </c>
      <c r="N425">
        <v>120</v>
      </c>
      <c r="P425">
        <v>99.623751911971382</v>
      </c>
      <c r="Q425">
        <v>120</v>
      </c>
    </row>
    <row r="426" spans="4:17" x14ac:dyDescent="0.25">
      <c r="D426">
        <v>99.395809021894266</v>
      </c>
      <c r="E426">
        <v>120</v>
      </c>
      <c r="G426">
        <v>99.459557151222668</v>
      </c>
      <c r="H426">
        <v>144</v>
      </c>
      <c r="J426">
        <v>99.359996190865331</v>
      </c>
      <c r="K426">
        <v>143</v>
      </c>
      <c r="M426">
        <v>99.401665315217798</v>
      </c>
      <c r="N426">
        <v>120</v>
      </c>
      <c r="P426">
        <v>99.623033800654838</v>
      </c>
      <c r="Q426">
        <v>120</v>
      </c>
    </row>
    <row r="427" spans="4:17" x14ac:dyDescent="0.25">
      <c r="D427">
        <v>99.395346540619684</v>
      </c>
      <c r="E427">
        <v>120</v>
      </c>
      <c r="G427">
        <v>99.458220862353514</v>
      </c>
      <c r="H427">
        <v>144</v>
      </c>
      <c r="J427">
        <v>99.358286963765622</v>
      </c>
      <c r="K427">
        <v>144</v>
      </c>
      <c r="M427">
        <v>99.401258504585641</v>
      </c>
      <c r="N427">
        <v>120</v>
      </c>
      <c r="P427">
        <v>99.623033800654838</v>
      </c>
      <c r="Q427">
        <v>120</v>
      </c>
    </row>
    <row r="428" spans="4:17" x14ac:dyDescent="0.25">
      <c r="D428">
        <v>99.394897661735484</v>
      </c>
      <c r="E428">
        <v>120</v>
      </c>
      <c r="G428">
        <v>99.457334413301695</v>
      </c>
      <c r="H428">
        <v>145</v>
      </c>
      <c r="J428">
        <v>99.356577736665912</v>
      </c>
      <c r="K428">
        <v>144</v>
      </c>
      <c r="M428">
        <v>99.401258504585641</v>
      </c>
      <c r="N428">
        <v>120</v>
      </c>
      <c r="P428">
        <v>99.622336810259355</v>
      </c>
      <c r="Q428">
        <v>120</v>
      </c>
    </row>
    <row r="429" spans="4:17" x14ac:dyDescent="0.25">
      <c r="D429">
        <v>99.394897661735484</v>
      </c>
      <c r="E429">
        <v>120</v>
      </c>
      <c r="G429">
        <v>99.455998124432583</v>
      </c>
      <c r="H429">
        <v>145</v>
      </c>
      <c r="J429">
        <v>99.354858335595367</v>
      </c>
      <c r="K429">
        <v>145</v>
      </c>
      <c r="M429">
        <v>99.401258504585641</v>
      </c>
      <c r="N429">
        <v>120</v>
      </c>
      <c r="P429">
        <v>99.621618698942811</v>
      </c>
      <c r="Q429">
        <v>120</v>
      </c>
    </row>
    <row r="430" spans="4:17" x14ac:dyDescent="0.25">
      <c r="D430">
        <v>99.394435180460874</v>
      </c>
      <c r="E430">
        <v>120</v>
      </c>
      <c r="G430">
        <v>99.454661835563442</v>
      </c>
      <c r="H430">
        <v>145</v>
      </c>
      <c r="J430">
        <v>99.353149108495657</v>
      </c>
      <c r="K430">
        <v>145</v>
      </c>
      <c r="M430">
        <v>99.400851693953484</v>
      </c>
      <c r="N430">
        <v>120</v>
      </c>
      <c r="P430">
        <v>99.621618698942811</v>
      </c>
      <c r="Q430">
        <v>120</v>
      </c>
    </row>
    <row r="431" spans="4:17" x14ac:dyDescent="0.25">
      <c r="D431">
        <v>99.393972699186264</v>
      </c>
      <c r="E431">
        <v>120</v>
      </c>
      <c r="G431">
        <v>99.453325546694288</v>
      </c>
      <c r="H431">
        <v>146</v>
      </c>
      <c r="J431">
        <v>99.351429707425098</v>
      </c>
      <c r="K431">
        <v>145</v>
      </c>
      <c r="M431">
        <v>99.400851693953484</v>
      </c>
      <c r="N431">
        <v>120</v>
      </c>
      <c r="P431">
        <v>99.620900587626267</v>
      </c>
      <c r="Q431">
        <v>120</v>
      </c>
    </row>
    <row r="432" spans="4:17" x14ac:dyDescent="0.25">
      <c r="D432">
        <v>99.393523820302093</v>
      </c>
      <c r="E432">
        <v>120</v>
      </c>
      <c r="G432">
        <v>99.451989257825161</v>
      </c>
      <c r="H432">
        <v>146</v>
      </c>
      <c r="J432">
        <v>99.349720480325388</v>
      </c>
      <c r="K432">
        <v>146</v>
      </c>
      <c r="M432">
        <v>99.400456848339928</v>
      </c>
      <c r="N432">
        <v>120</v>
      </c>
      <c r="P432">
        <v>99.620203597230784</v>
      </c>
      <c r="Q432">
        <v>120</v>
      </c>
    </row>
    <row r="433" spans="4:17" x14ac:dyDescent="0.25">
      <c r="D433">
        <v>99.393061339027483</v>
      </c>
      <c r="E433">
        <v>120</v>
      </c>
      <c r="G433">
        <v>99.450203129138686</v>
      </c>
      <c r="H433">
        <v>147</v>
      </c>
      <c r="J433">
        <v>99.348011253225664</v>
      </c>
      <c r="K433">
        <v>146</v>
      </c>
      <c r="M433">
        <v>99.400456848339928</v>
      </c>
      <c r="N433">
        <v>120</v>
      </c>
      <c r="P433">
        <v>99.61948548591424</v>
      </c>
      <c r="Q433">
        <v>120</v>
      </c>
    </row>
    <row r="434" spans="4:17" x14ac:dyDescent="0.25">
      <c r="D434">
        <v>99.393061339027483</v>
      </c>
      <c r="E434">
        <v>120</v>
      </c>
      <c r="G434">
        <v>99.448866840269559</v>
      </c>
      <c r="H434">
        <v>147</v>
      </c>
      <c r="J434">
        <v>99.346291852155119</v>
      </c>
      <c r="K434">
        <v>147</v>
      </c>
      <c r="M434">
        <v>99.400456848339928</v>
      </c>
      <c r="N434">
        <v>120</v>
      </c>
      <c r="P434">
        <v>99.61948548591424</v>
      </c>
      <c r="Q434">
        <v>120</v>
      </c>
    </row>
    <row r="435" spans="4:17" x14ac:dyDescent="0.25">
      <c r="D435">
        <v>99.392598857752873</v>
      </c>
      <c r="E435">
        <v>120</v>
      </c>
      <c r="G435">
        <v>99.447530551400405</v>
      </c>
      <c r="H435">
        <v>147</v>
      </c>
      <c r="J435">
        <v>99.344582625055409</v>
      </c>
      <c r="K435">
        <v>147</v>
      </c>
      <c r="M435">
        <v>99.400050037707757</v>
      </c>
      <c r="N435">
        <v>120</v>
      </c>
      <c r="P435">
        <v>99.618767374597709</v>
      </c>
      <c r="Q435">
        <v>120</v>
      </c>
    </row>
    <row r="436" spans="4:17" x14ac:dyDescent="0.25">
      <c r="D436">
        <v>99.392598857752873</v>
      </c>
      <c r="E436">
        <v>120</v>
      </c>
      <c r="G436">
        <v>99.445744422713943</v>
      </c>
      <c r="H436">
        <v>148</v>
      </c>
      <c r="J436">
        <v>99.342873397955685</v>
      </c>
      <c r="K436">
        <v>148</v>
      </c>
      <c r="M436">
        <v>99.400050037707757</v>
      </c>
      <c r="N436">
        <v>120</v>
      </c>
      <c r="P436">
        <v>99.618070384202227</v>
      </c>
      <c r="Q436">
        <v>120</v>
      </c>
    </row>
    <row r="437" spans="4:17" x14ac:dyDescent="0.25">
      <c r="D437">
        <v>99.392149978868687</v>
      </c>
      <c r="E437">
        <v>120</v>
      </c>
      <c r="G437">
        <v>99.443971524610333</v>
      </c>
      <c r="H437">
        <v>148</v>
      </c>
      <c r="J437">
        <v>99.340808081876887</v>
      </c>
      <c r="K437">
        <v>148</v>
      </c>
      <c r="M437">
        <v>99.400050037707757</v>
      </c>
      <c r="N437">
        <v>120</v>
      </c>
      <c r="P437">
        <v>99.617352272885668</v>
      </c>
      <c r="Q437">
        <v>120</v>
      </c>
    </row>
    <row r="438" spans="4:17" x14ac:dyDescent="0.25">
      <c r="D438">
        <v>99.392149978868687</v>
      </c>
      <c r="E438">
        <v>120</v>
      </c>
      <c r="G438">
        <v>99.442185395923872</v>
      </c>
      <c r="H438">
        <v>149</v>
      </c>
      <c r="J438">
        <v>99.338752939768881</v>
      </c>
      <c r="K438">
        <v>148</v>
      </c>
      <c r="M438">
        <v>99.399643227075586</v>
      </c>
      <c r="N438">
        <v>120</v>
      </c>
      <c r="P438">
        <v>99.617352272885668</v>
      </c>
      <c r="Q438">
        <v>120</v>
      </c>
    </row>
    <row r="439" spans="4:17" x14ac:dyDescent="0.25">
      <c r="D439">
        <v>99.391687497594077</v>
      </c>
      <c r="E439">
        <v>120</v>
      </c>
      <c r="G439">
        <v>99.440849107054731</v>
      </c>
      <c r="H439">
        <v>149</v>
      </c>
      <c r="J439">
        <v>99.336697797660875</v>
      </c>
      <c r="K439">
        <v>149</v>
      </c>
      <c r="M439">
        <v>99.399643227075586</v>
      </c>
      <c r="N439">
        <v>120</v>
      </c>
      <c r="P439">
        <v>99.616634161569124</v>
      </c>
      <c r="Q439">
        <v>120</v>
      </c>
    </row>
    <row r="440" spans="4:17" x14ac:dyDescent="0.25">
      <c r="D440">
        <v>99.392149978868687</v>
      </c>
      <c r="E440">
        <v>120</v>
      </c>
      <c r="G440">
        <v>99.43906297836827</v>
      </c>
      <c r="H440">
        <v>150</v>
      </c>
      <c r="J440">
        <v>99.334306914515452</v>
      </c>
      <c r="K440">
        <v>149</v>
      </c>
      <c r="M440">
        <v>99.39924838146203</v>
      </c>
      <c r="N440">
        <v>120</v>
      </c>
      <c r="P440">
        <v>99.61593717117367</v>
      </c>
      <c r="Q440">
        <v>120</v>
      </c>
    </row>
    <row r="441" spans="4:17" x14ac:dyDescent="0.25">
      <c r="D441">
        <v>99.392149978868687</v>
      </c>
      <c r="E441">
        <v>120</v>
      </c>
      <c r="G441">
        <v>99.437290080264646</v>
      </c>
      <c r="H441">
        <v>150</v>
      </c>
      <c r="J441">
        <v>99.331905857399192</v>
      </c>
      <c r="K441">
        <v>150</v>
      </c>
      <c r="M441">
        <v>99.39924838146203</v>
      </c>
      <c r="N441">
        <v>120</v>
      </c>
      <c r="P441">
        <v>99.615219059857125</v>
      </c>
      <c r="Q441">
        <v>120</v>
      </c>
    </row>
    <row r="442" spans="4:17" x14ac:dyDescent="0.25">
      <c r="D442">
        <v>99.391687497594077</v>
      </c>
      <c r="E442">
        <v>120</v>
      </c>
      <c r="G442">
        <v>99.435953791395519</v>
      </c>
      <c r="H442">
        <v>150</v>
      </c>
      <c r="J442">
        <v>99.329504800282933</v>
      </c>
      <c r="K442">
        <v>150</v>
      </c>
      <c r="M442">
        <v>99.398841570829859</v>
      </c>
      <c r="N442">
        <v>120</v>
      </c>
      <c r="P442">
        <v>99.615219059857125</v>
      </c>
      <c r="Q442">
        <v>120</v>
      </c>
    </row>
    <row r="443" spans="4:17" x14ac:dyDescent="0.25">
      <c r="D443">
        <v>99.391687497594077</v>
      </c>
      <c r="E443">
        <v>120</v>
      </c>
      <c r="G443">
        <v>99.434167662709044</v>
      </c>
      <c r="H443">
        <v>151</v>
      </c>
      <c r="J443">
        <v>99.327449658174942</v>
      </c>
      <c r="K443">
        <v>150</v>
      </c>
      <c r="M443">
        <v>99.398841570829859</v>
      </c>
      <c r="N443">
        <v>120</v>
      </c>
      <c r="P443">
        <v>99.614500948540567</v>
      </c>
      <c r="Q443">
        <v>120</v>
      </c>
    </row>
    <row r="444" spans="4:17" x14ac:dyDescent="0.25">
      <c r="D444">
        <v>99.391687497594077</v>
      </c>
      <c r="E444">
        <v>120</v>
      </c>
      <c r="G444">
        <v>99.432381534022582</v>
      </c>
      <c r="H444">
        <v>151</v>
      </c>
      <c r="J444">
        <v>99.325048601058668</v>
      </c>
      <c r="K444">
        <v>151</v>
      </c>
      <c r="M444">
        <v>99.398434760197702</v>
      </c>
      <c r="N444">
        <v>120</v>
      </c>
      <c r="P444">
        <v>99.613803958145098</v>
      </c>
      <c r="Q444">
        <v>120</v>
      </c>
    </row>
    <row r="445" spans="4:17" x14ac:dyDescent="0.25">
      <c r="D445">
        <v>99.390776137435282</v>
      </c>
      <c r="E445">
        <v>120</v>
      </c>
      <c r="G445">
        <v>99.430595405336106</v>
      </c>
      <c r="H445">
        <v>152</v>
      </c>
      <c r="J445">
        <v>99.322993458950691</v>
      </c>
      <c r="K445">
        <v>151</v>
      </c>
      <c r="M445">
        <v>99.398434760197702</v>
      </c>
      <c r="N445">
        <v>120</v>
      </c>
      <c r="P445">
        <v>99.613085846828554</v>
      </c>
      <c r="Q445">
        <v>120</v>
      </c>
    </row>
    <row r="446" spans="4:17" x14ac:dyDescent="0.25">
      <c r="D446">
        <v>99.389851174886076</v>
      </c>
      <c r="E446">
        <v>120</v>
      </c>
      <c r="G446">
        <v>99.42882250723251</v>
      </c>
      <c r="H446">
        <v>152</v>
      </c>
      <c r="J446">
        <v>99.320602575805253</v>
      </c>
      <c r="K446">
        <v>152</v>
      </c>
      <c r="M446">
        <v>99.398039914584118</v>
      </c>
      <c r="N446">
        <v>120</v>
      </c>
      <c r="P446">
        <v>99.613085846828554</v>
      </c>
      <c r="Q446">
        <v>120</v>
      </c>
    </row>
    <row r="447" spans="4:17" x14ac:dyDescent="0.25">
      <c r="D447">
        <v>99.390313656160671</v>
      </c>
      <c r="E447">
        <v>120</v>
      </c>
      <c r="G447">
        <v>99.427036378546035</v>
      </c>
      <c r="H447">
        <v>152</v>
      </c>
      <c r="J447">
        <v>99.318201518688994</v>
      </c>
      <c r="K447">
        <v>152</v>
      </c>
      <c r="M447">
        <v>99.398039914584118</v>
      </c>
      <c r="N447">
        <v>120</v>
      </c>
      <c r="P447">
        <v>99.612367735511995</v>
      </c>
      <c r="Q447">
        <v>120</v>
      </c>
    </row>
    <row r="448" spans="4:17" x14ac:dyDescent="0.25">
      <c r="D448">
        <v>99.389851174886076</v>
      </c>
      <c r="E448">
        <v>120</v>
      </c>
      <c r="G448">
        <v>99.424813640625089</v>
      </c>
      <c r="H448">
        <v>153</v>
      </c>
      <c r="J448">
        <v>99.316146376580988</v>
      </c>
      <c r="K448">
        <v>153</v>
      </c>
      <c r="M448">
        <v>99.398039914584118</v>
      </c>
      <c r="N448">
        <v>120</v>
      </c>
      <c r="P448">
        <v>99.611670745116527</v>
      </c>
      <c r="Q448">
        <v>120</v>
      </c>
    </row>
    <row r="449" spans="4:17" x14ac:dyDescent="0.25">
      <c r="D449">
        <v>99.390313656160671</v>
      </c>
      <c r="E449">
        <v>120</v>
      </c>
      <c r="G449">
        <v>99.423477351755949</v>
      </c>
      <c r="H449">
        <v>153</v>
      </c>
      <c r="J449">
        <v>99.313745319464715</v>
      </c>
      <c r="K449">
        <v>153</v>
      </c>
      <c r="M449">
        <v>99.397633103951975</v>
      </c>
      <c r="N449">
        <v>120</v>
      </c>
      <c r="P449">
        <v>99.611670745116527</v>
      </c>
      <c r="Q449">
        <v>120</v>
      </c>
    </row>
    <row r="450" spans="4:17" x14ac:dyDescent="0.25">
      <c r="D450">
        <v>99.390313656160671</v>
      </c>
      <c r="E450">
        <v>120</v>
      </c>
      <c r="G450">
        <v>99.421241383252152</v>
      </c>
      <c r="H450">
        <v>154</v>
      </c>
      <c r="J450">
        <v>99.312036092365005</v>
      </c>
      <c r="K450">
        <v>153</v>
      </c>
      <c r="M450">
        <v>99.397633103951975</v>
      </c>
      <c r="N450">
        <v>120</v>
      </c>
      <c r="P450">
        <v>99.610952633799982</v>
      </c>
      <c r="Q450">
        <v>120</v>
      </c>
    </row>
    <row r="451" spans="4:17" x14ac:dyDescent="0.25">
      <c r="D451">
        <v>99.390776137435282</v>
      </c>
      <c r="E451">
        <v>120</v>
      </c>
      <c r="G451">
        <v>99.419468485148556</v>
      </c>
      <c r="H451">
        <v>154</v>
      </c>
      <c r="J451">
        <v>99.309980950257042</v>
      </c>
      <c r="K451">
        <v>154</v>
      </c>
      <c r="M451">
        <v>99.397633103951975</v>
      </c>
      <c r="N451">
        <v>120</v>
      </c>
      <c r="P451">
        <v>99.610952633799982</v>
      </c>
      <c r="Q451">
        <v>120</v>
      </c>
    </row>
    <row r="452" spans="4:17" x14ac:dyDescent="0.25">
      <c r="D452">
        <v>99.390776137435282</v>
      </c>
      <c r="E452">
        <v>120</v>
      </c>
      <c r="G452">
        <v>99.417682356462066</v>
      </c>
      <c r="H452">
        <v>155</v>
      </c>
      <c r="J452">
        <v>99.308261549186469</v>
      </c>
      <c r="K452">
        <v>154</v>
      </c>
      <c r="M452">
        <v>99.39722629331979</v>
      </c>
      <c r="N452">
        <v>120</v>
      </c>
      <c r="P452">
        <v>99.610234522483438</v>
      </c>
      <c r="Q452">
        <v>120</v>
      </c>
    </row>
    <row r="453" spans="4:17" x14ac:dyDescent="0.25">
      <c r="D453">
        <v>99.391687497594077</v>
      </c>
      <c r="E453">
        <v>120</v>
      </c>
      <c r="G453">
        <v>99.415896227775605</v>
      </c>
      <c r="H453">
        <v>155</v>
      </c>
      <c r="J453">
        <v>99.306206407078506</v>
      </c>
      <c r="K453">
        <v>155</v>
      </c>
      <c r="M453">
        <v>99.39722629331979</v>
      </c>
      <c r="N453">
        <v>120</v>
      </c>
      <c r="P453">
        <v>99.609516411166894</v>
      </c>
      <c r="Q453">
        <v>120</v>
      </c>
    </row>
    <row r="454" spans="4:17" x14ac:dyDescent="0.25">
      <c r="D454">
        <v>99.391225016319467</v>
      </c>
      <c r="E454">
        <v>120</v>
      </c>
      <c r="G454">
        <v>99.414110099089143</v>
      </c>
      <c r="H454">
        <v>155</v>
      </c>
      <c r="J454">
        <v>99.304151264970514</v>
      </c>
      <c r="K454">
        <v>155</v>
      </c>
      <c r="M454">
        <v>99.39722629331979</v>
      </c>
      <c r="N454">
        <v>120</v>
      </c>
      <c r="P454">
        <v>99.609516411166894</v>
      </c>
      <c r="Q454">
        <v>120</v>
      </c>
    </row>
    <row r="455" spans="4:17" x14ac:dyDescent="0.25">
      <c r="D455">
        <v>99.390313656160671</v>
      </c>
      <c r="E455">
        <v>120</v>
      </c>
      <c r="G455">
        <v>99.412337200985519</v>
      </c>
      <c r="H455">
        <v>156</v>
      </c>
      <c r="J455">
        <v>99.302096122862508</v>
      </c>
      <c r="K455">
        <v>155</v>
      </c>
      <c r="M455">
        <v>99.396831447706219</v>
      </c>
      <c r="N455">
        <v>120</v>
      </c>
      <c r="P455">
        <v>99.609516411166894</v>
      </c>
      <c r="Q455">
        <v>120</v>
      </c>
    </row>
    <row r="456" spans="4:17" x14ac:dyDescent="0.25">
      <c r="D456">
        <v>99.389851174886076</v>
      </c>
      <c r="E456">
        <v>120</v>
      </c>
      <c r="G456">
        <v>99.410101232481722</v>
      </c>
      <c r="H456">
        <v>156</v>
      </c>
      <c r="J456">
        <v>99.299695065746235</v>
      </c>
      <c r="K456">
        <v>156</v>
      </c>
      <c r="M456">
        <v>99.396424637074063</v>
      </c>
      <c r="N456">
        <v>120</v>
      </c>
      <c r="P456">
        <v>99.608819420771425</v>
      </c>
      <c r="Q456">
        <v>120</v>
      </c>
    </row>
    <row r="457" spans="4:17" x14ac:dyDescent="0.25">
      <c r="D457">
        <v>99.38940229600189</v>
      </c>
      <c r="E457">
        <v>120</v>
      </c>
      <c r="G457">
        <v>99.408328334378112</v>
      </c>
      <c r="H457">
        <v>157</v>
      </c>
      <c r="J457">
        <v>99.297304182600811</v>
      </c>
      <c r="K457">
        <v>156</v>
      </c>
      <c r="M457">
        <v>99.396424637074063</v>
      </c>
      <c r="N457">
        <v>120</v>
      </c>
      <c r="P457">
        <v>99.608819420771425</v>
      </c>
      <c r="Q457">
        <v>120</v>
      </c>
    </row>
    <row r="458" spans="4:17" x14ac:dyDescent="0.25">
      <c r="D458">
        <v>99.38893981472728</v>
      </c>
      <c r="E458">
        <v>120</v>
      </c>
      <c r="G458">
        <v>99.406542205691636</v>
      </c>
      <c r="H458">
        <v>157</v>
      </c>
      <c r="J458">
        <v>99.29455721047627</v>
      </c>
      <c r="K458">
        <v>157</v>
      </c>
      <c r="M458">
        <v>99.396017826441906</v>
      </c>
      <c r="N458">
        <v>120</v>
      </c>
      <c r="P458">
        <v>99.608101309454867</v>
      </c>
      <c r="Q458">
        <v>120</v>
      </c>
    </row>
    <row r="459" spans="4:17" x14ac:dyDescent="0.25">
      <c r="D459">
        <v>99.38801485217806</v>
      </c>
      <c r="E459">
        <v>120</v>
      </c>
      <c r="G459">
        <v>99.404756077005175</v>
      </c>
      <c r="H459">
        <v>157</v>
      </c>
      <c r="J459">
        <v>99.292166327330818</v>
      </c>
      <c r="K459">
        <v>157</v>
      </c>
      <c r="M459">
        <v>99.396017826441906</v>
      </c>
      <c r="N459">
        <v>120</v>
      </c>
      <c r="P459">
        <v>99.608101309454867</v>
      </c>
      <c r="Q459">
        <v>120</v>
      </c>
    </row>
    <row r="460" spans="4:17" x14ac:dyDescent="0.25">
      <c r="D460">
        <v>99.387565973293889</v>
      </c>
      <c r="E460">
        <v>120</v>
      </c>
      <c r="G460">
        <v>99.402983178901565</v>
      </c>
      <c r="H460">
        <v>158</v>
      </c>
      <c r="J460">
        <v>99.290111185222855</v>
      </c>
      <c r="K460">
        <v>158</v>
      </c>
      <c r="M460">
        <v>99.396017826441906</v>
      </c>
      <c r="N460">
        <v>120</v>
      </c>
      <c r="P460">
        <v>99.607383198138308</v>
      </c>
      <c r="Q460">
        <v>120</v>
      </c>
    </row>
    <row r="461" spans="4:17" x14ac:dyDescent="0.25">
      <c r="D461">
        <v>99.386641010744654</v>
      </c>
      <c r="E461">
        <v>120</v>
      </c>
      <c r="G461">
        <v>99.402083499266908</v>
      </c>
      <c r="H461">
        <v>158</v>
      </c>
      <c r="J461">
        <v>99.288045869144042</v>
      </c>
      <c r="K461">
        <v>158</v>
      </c>
      <c r="M461">
        <v>99.395611015809735</v>
      </c>
      <c r="N461">
        <v>120</v>
      </c>
      <c r="P461">
        <v>99.607383198138308</v>
      </c>
      <c r="Q461">
        <v>120</v>
      </c>
    </row>
    <row r="462" spans="4:17" x14ac:dyDescent="0.25">
      <c r="D462">
        <v>99.386641010744654</v>
      </c>
      <c r="E462">
        <v>120</v>
      </c>
      <c r="G462">
        <v>99.400747210397768</v>
      </c>
      <c r="H462">
        <v>159</v>
      </c>
      <c r="J462">
        <v>99.286336642044319</v>
      </c>
      <c r="K462">
        <v>158</v>
      </c>
      <c r="M462">
        <v>99.395611015809735</v>
      </c>
      <c r="N462">
        <v>120</v>
      </c>
      <c r="P462">
        <v>99.607383198138308</v>
      </c>
      <c r="Q462">
        <v>120</v>
      </c>
    </row>
    <row r="463" spans="4:17" x14ac:dyDescent="0.25">
      <c r="D463">
        <v>99.386192131860469</v>
      </c>
      <c r="E463">
        <v>120</v>
      </c>
      <c r="G463">
        <v>99.398524472476808</v>
      </c>
      <c r="H463">
        <v>159</v>
      </c>
      <c r="J463">
        <v>99.284627414944595</v>
      </c>
      <c r="K463">
        <v>159</v>
      </c>
      <c r="M463">
        <v>99.395611015809735</v>
      </c>
      <c r="N463">
        <v>120</v>
      </c>
      <c r="P463">
        <v>99.606686207742854</v>
      </c>
      <c r="Q463">
        <v>120</v>
      </c>
    </row>
    <row r="464" spans="4:17" x14ac:dyDescent="0.25">
      <c r="D464">
        <v>99.386192131860469</v>
      </c>
      <c r="E464">
        <v>120</v>
      </c>
      <c r="G464">
        <v>99.396288503973025</v>
      </c>
      <c r="H464">
        <v>160</v>
      </c>
      <c r="J464">
        <v>99.282908013874049</v>
      </c>
      <c r="K464">
        <v>159</v>
      </c>
      <c r="M464">
        <v>99.395611015809735</v>
      </c>
      <c r="N464">
        <v>120</v>
      </c>
      <c r="P464">
        <v>99.606686207742854</v>
      </c>
      <c r="Q464">
        <v>120</v>
      </c>
    </row>
    <row r="465" spans="4:17" x14ac:dyDescent="0.25">
      <c r="D465">
        <v>99.386192131860469</v>
      </c>
      <c r="E465">
        <v>120</v>
      </c>
      <c r="G465">
        <v>99.394065766052066</v>
      </c>
      <c r="H465">
        <v>160</v>
      </c>
      <c r="J465">
        <v>99.28119878677434</v>
      </c>
      <c r="K465">
        <v>160</v>
      </c>
      <c r="M465">
        <v>99.39521617019615</v>
      </c>
      <c r="N465">
        <v>120</v>
      </c>
      <c r="P465">
        <v>99.605968096426295</v>
      </c>
      <c r="Q465">
        <v>120</v>
      </c>
    </row>
    <row r="466" spans="4:17" x14ac:dyDescent="0.25">
      <c r="D466">
        <v>99.386192131860469</v>
      </c>
      <c r="E466">
        <v>120</v>
      </c>
      <c r="G466">
        <v>99.392279637365604</v>
      </c>
      <c r="H466">
        <v>160</v>
      </c>
      <c r="J466">
        <v>99.279143644666334</v>
      </c>
      <c r="K466">
        <v>160</v>
      </c>
      <c r="M466">
        <v>99.39521617019615</v>
      </c>
      <c r="N466">
        <v>120</v>
      </c>
      <c r="P466">
        <v>99.605968096426295</v>
      </c>
      <c r="Q466">
        <v>120</v>
      </c>
    </row>
    <row r="467" spans="4:17" x14ac:dyDescent="0.25">
      <c r="D467">
        <v>99.386192131860469</v>
      </c>
      <c r="E467">
        <v>120</v>
      </c>
      <c r="G467">
        <v>99.390056899444659</v>
      </c>
      <c r="H467">
        <v>161</v>
      </c>
      <c r="J467">
        <v>99.277434417566624</v>
      </c>
      <c r="K467">
        <v>160</v>
      </c>
      <c r="M467">
        <v>99.39521617019615</v>
      </c>
      <c r="N467">
        <v>120</v>
      </c>
      <c r="P467">
        <v>99.605968096426295</v>
      </c>
      <c r="Q467">
        <v>120</v>
      </c>
    </row>
    <row r="468" spans="4:17" x14ac:dyDescent="0.25">
      <c r="D468">
        <v>99.385729650585887</v>
      </c>
      <c r="E468">
        <v>120</v>
      </c>
      <c r="G468">
        <v>99.388270770758197</v>
      </c>
      <c r="H468">
        <v>161</v>
      </c>
      <c r="J468">
        <v>99.275379275458647</v>
      </c>
      <c r="K468">
        <v>161</v>
      </c>
      <c r="M468">
        <v>99.39521617019615</v>
      </c>
      <c r="N468">
        <v>120</v>
      </c>
      <c r="P468">
        <v>99.605249985109751</v>
      </c>
      <c r="Q468">
        <v>120</v>
      </c>
    </row>
    <row r="469" spans="4:17" x14ac:dyDescent="0.25">
      <c r="D469">
        <v>99.385729650585887</v>
      </c>
      <c r="E469">
        <v>120</v>
      </c>
      <c r="G469">
        <v>99.386497872654573</v>
      </c>
      <c r="H469">
        <v>162</v>
      </c>
      <c r="J469">
        <v>99.272978218342374</v>
      </c>
      <c r="K469">
        <v>161</v>
      </c>
      <c r="M469">
        <v>99.39521617019615</v>
      </c>
      <c r="N469">
        <v>120</v>
      </c>
      <c r="P469">
        <v>99.605249985109751</v>
      </c>
      <c r="Q469">
        <v>120</v>
      </c>
    </row>
    <row r="470" spans="4:17" x14ac:dyDescent="0.25">
      <c r="D470">
        <v>99.385267169311277</v>
      </c>
      <c r="E470">
        <v>120</v>
      </c>
      <c r="G470">
        <v>99.384711743968111</v>
      </c>
      <c r="H470">
        <v>162</v>
      </c>
      <c r="J470">
        <v>99.270923076234396</v>
      </c>
      <c r="K470">
        <v>162</v>
      </c>
      <c r="M470">
        <v>99.394809359564007</v>
      </c>
      <c r="N470">
        <v>120</v>
      </c>
      <c r="P470">
        <v>99.604552994714297</v>
      </c>
      <c r="Q470">
        <v>120</v>
      </c>
    </row>
    <row r="471" spans="4:17" x14ac:dyDescent="0.25">
      <c r="D471">
        <v>99.385267169311277</v>
      </c>
      <c r="E471">
        <v>120</v>
      </c>
      <c r="G471">
        <v>99.38292561528165</v>
      </c>
      <c r="H471">
        <v>162</v>
      </c>
      <c r="J471">
        <v>99.268522019118109</v>
      </c>
      <c r="K471">
        <v>162</v>
      </c>
      <c r="M471">
        <v>99.394809359564007</v>
      </c>
      <c r="N471">
        <v>120</v>
      </c>
      <c r="P471">
        <v>99.604552994714297</v>
      </c>
      <c r="Q471">
        <v>120</v>
      </c>
    </row>
    <row r="472" spans="4:17" x14ac:dyDescent="0.25">
      <c r="D472">
        <v>99.385267169311277</v>
      </c>
      <c r="E472">
        <v>120</v>
      </c>
      <c r="G472">
        <v>99.38070287736069</v>
      </c>
      <c r="H472">
        <v>163</v>
      </c>
      <c r="J472">
        <v>99.266466877010146</v>
      </c>
      <c r="K472">
        <v>163</v>
      </c>
      <c r="M472">
        <v>99.394809359564007</v>
      </c>
      <c r="N472">
        <v>120</v>
      </c>
      <c r="P472">
        <v>99.604552994714297</v>
      </c>
      <c r="Q472">
        <v>120</v>
      </c>
    </row>
    <row r="473" spans="4:17" x14ac:dyDescent="0.25">
      <c r="D473">
        <v>99.385729650585887</v>
      </c>
      <c r="E473">
        <v>120</v>
      </c>
      <c r="G473">
        <v>99.378916748674229</v>
      </c>
      <c r="H473">
        <v>163</v>
      </c>
      <c r="J473">
        <v>99.263730078856426</v>
      </c>
      <c r="K473">
        <v>163</v>
      </c>
      <c r="M473">
        <v>99.394809359564007</v>
      </c>
      <c r="N473">
        <v>120</v>
      </c>
      <c r="P473">
        <v>99.603834883397738</v>
      </c>
      <c r="Q473">
        <v>120</v>
      </c>
    </row>
    <row r="474" spans="4:17" x14ac:dyDescent="0.25">
      <c r="D474">
        <v>99.385267169311277</v>
      </c>
      <c r="E474">
        <v>120</v>
      </c>
      <c r="G474">
        <v>99.376694010753297</v>
      </c>
      <c r="H474">
        <v>164</v>
      </c>
      <c r="J474">
        <v>99.260983106731871</v>
      </c>
      <c r="K474">
        <v>163</v>
      </c>
      <c r="M474">
        <v>99.394402548931851</v>
      </c>
      <c r="N474">
        <v>120</v>
      </c>
      <c r="P474">
        <v>99.603834883397738</v>
      </c>
      <c r="Q474">
        <v>120</v>
      </c>
    </row>
    <row r="475" spans="4:17" x14ac:dyDescent="0.25">
      <c r="D475">
        <v>99.385267169311277</v>
      </c>
      <c r="E475">
        <v>120</v>
      </c>
      <c r="G475">
        <v>99.374907882066836</v>
      </c>
      <c r="H475">
        <v>164</v>
      </c>
      <c r="J475">
        <v>99.25824630857818</v>
      </c>
      <c r="K475">
        <v>164</v>
      </c>
      <c r="M475">
        <v>99.394402548931851</v>
      </c>
      <c r="N475">
        <v>120</v>
      </c>
      <c r="P475">
        <v>99.603834883397738</v>
      </c>
      <c r="Q475">
        <v>120</v>
      </c>
    </row>
    <row r="476" spans="4:17" x14ac:dyDescent="0.25">
      <c r="D476">
        <v>99.385729650585887</v>
      </c>
      <c r="E476">
        <v>120</v>
      </c>
      <c r="G476">
        <v>99.37268514414589</v>
      </c>
      <c r="H476">
        <v>165</v>
      </c>
      <c r="J476">
        <v>99.255499336453624</v>
      </c>
      <c r="K476">
        <v>164</v>
      </c>
      <c r="M476">
        <v>99.394402548931851</v>
      </c>
      <c r="N476">
        <v>120</v>
      </c>
      <c r="P476">
        <v>99.603116772081179</v>
      </c>
      <c r="Q476">
        <v>120</v>
      </c>
    </row>
    <row r="477" spans="4:17" x14ac:dyDescent="0.25">
      <c r="D477">
        <v>99.385267169311277</v>
      </c>
      <c r="E477">
        <v>120</v>
      </c>
      <c r="G477">
        <v>99.370899015459429</v>
      </c>
      <c r="H477">
        <v>165</v>
      </c>
      <c r="J477">
        <v>99.252762538299919</v>
      </c>
      <c r="K477">
        <v>165</v>
      </c>
      <c r="M477">
        <v>99.394007703318266</v>
      </c>
      <c r="N477">
        <v>120</v>
      </c>
      <c r="P477">
        <v>99.603116772081179</v>
      </c>
      <c r="Q477">
        <v>120</v>
      </c>
    </row>
    <row r="478" spans="4:17" x14ac:dyDescent="0.25">
      <c r="D478">
        <v>99.383893327877871</v>
      </c>
      <c r="E478">
        <v>120</v>
      </c>
      <c r="G478">
        <v>99.369112886772953</v>
      </c>
      <c r="H478">
        <v>165</v>
      </c>
      <c r="J478">
        <v>99.25036148118366</v>
      </c>
      <c r="K478">
        <v>165</v>
      </c>
      <c r="M478">
        <v>99.394007703318266</v>
      </c>
      <c r="N478">
        <v>120</v>
      </c>
      <c r="P478">
        <v>99.602419781685711</v>
      </c>
      <c r="Q478">
        <v>120</v>
      </c>
    </row>
    <row r="479" spans="4:17" x14ac:dyDescent="0.25">
      <c r="D479">
        <v>99.384355809152481</v>
      </c>
      <c r="E479">
        <v>120</v>
      </c>
      <c r="G479">
        <v>99.367776597903799</v>
      </c>
      <c r="H479">
        <v>166</v>
      </c>
      <c r="J479">
        <v>99.247960424067386</v>
      </c>
      <c r="K479">
        <v>165</v>
      </c>
      <c r="M479">
        <v>99.394007703318266</v>
      </c>
      <c r="N479">
        <v>120</v>
      </c>
      <c r="P479">
        <v>99.602419781685711</v>
      </c>
      <c r="Q479">
        <v>120</v>
      </c>
    </row>
    <row r="480" spans="4:17" x14ac:dyDescent="0.25">
      <c r="D480">
        <v>99.384355809152481</v>
      </c>
      <c r="E480">
        <v>120</v>
      </c>
      <c r="G480">
        <v>99.366440309034672</v>
      </c>
      <c r="H480">
        <v>166</v>
      </c>
      <c r="J480">
        <v>99.245569540921963</v>
      </c>
      <c r="K480">
        <v>166</v>
      </c>
      <c r="M480">
        <v>99.394007703318266</v>
      </c>
      <c r="N480">
        <v>120</v>
      </c>
      <c r="P480">
        <v>99.601701670369167</v>
      </c>
      <c r="Q480">
        <v>120</v>
      </c>
    </row>
    <row r="481" spans="4:17" x14ac:dyDescent="0.25">
      <c r="D481">
        <v>99.384355809152481</v>
      </c>
      <c r="E481">
        <v>120</v>
      </c>
      <c r="G481">
        <v>99.364217571113727</v>
      </c>
      <c r="H481">
        <v>167</v>
      </c>
      <c r="J481">
        <v>99.243168483805675</v>
      </c>
      <c r="K481">
        <v>166</v>
      </c>
      <c r="M481">
        <v>99.394007703318266</v>
      </c>
      <c r="N481">
        <v>120</v>
      </c>
      <c r="P481">
        <v>99.601701670369167</v>
      </c>
      <c r="Q481">
        <v>120</v>
      </c>
    </row>
    <row r="482" spans="4:17" x14ac:dyDescent="0.25">
      <c r="D482">
        <v>99.384355809152481</v>
      </c>
      <c r="E482">
        <v>120</v>
      </c>
      <c r="G482">
        <v>99.362431442427251</v>
      </c>
      <c r="H482">
        <v>167</v>
      </c>
      <c r="J482">
        <v>99.240431685651998</v>
      </c>
      <c r="K482">
        <v>167</v>
      </c>
      <c r="M482">
        <v>99.393600892686123</v>
      </c>
      <c r="N482">
        <v>120</v>
      </c>
      <c r="P482">
        <v>99.600983559052608</v>
      </c>
      <c r="Q482">
        <v>120</v>
      </c>
    </row>
    <row r="483" spans="4:17" x14ac:dyDescent="0.25">
      <c r="D483">
        <v>99.384355809152481</v>
      </c>
      <c r="E483">
        <v>120</v>
      </c>
      <c r="G483">
        <v>99.36020870450632</v>
      </c>
      <c r="H483">
        <v>167</v>
      </c>
      <c r="J483">
        <v>99.238030628535725</v>
      </c>
      <c r="K483">
        <v>167</v>
      </c>
      <c r="M483">
        <v>99.393600892686123</v>
      </c>
      <c r="N483">
        <v>120</v>
      </c>
      <c r="P483">
        <v>99.600983559052608</v>
      </c>
      <c r="Q483">
        <v>120</v>
      </c>
    </row>
    <row r="484" spans="4:17" x14ac:dyDescent="0.25">
      <c r="D484">
        <v>99.384355809152481</v>
      </c>
      <c r="E484">
        <v>120</v>
      </c>
      <c r="G484">
        <v>99.357972736002509</v>
      </c>
      <c r="H484">
        <v>168</v>
      </c>
      <c r="J484">
        <v>99.235629571419437</v>
      </c>
      <c r="K484">
        <v>168</v>
      </c>
      <c r="M484">
        <v>99.393600892686123</v>
      </c>
      <c r="N484">
        <v>120</v>
      </c>
      <c r="P484">
        <v>99.60028656865714</v>
      </c>
      <c r="Q484">
        <v>120</v>
      </c>
    </row>
    <row r="485" spans="4:17" x14ac:dyDescent="0.25">
      <c r="D485">
        <v>99.384355809152481</v>
      </c>
      <c r="E485">
        <v>120</v>
      </c>
      <c r="G485">
        <v>99.355749998081563</v>
      </c>
      <c r="H485">
        <v>168</v>
      </c>
      <c r="J485">
        <v>99.232892773265732</v>
      </c>
      <c r="K485">
        <v>168</v>
      </c>
      <c r="M485">
        <v>99.393600892686123</v>
      </c>
      <c r="N485">
        <v>120</v>
      </c>
      <c r="P485">
        <v>99.60028656865714</v>
      </c>
      <c r="Q485">
        <v>120</v>
      </c>
    </row>
    <row r="486" spans="4:17" x14ac:dyDescent="0.25">
      <c r="D486">
        <v>99.384355809152481</v>
      </c>
      <c r="E486">
        <v>120</v>
      </c>
      <c r="G486">
        <v>99.352627580525962</v>
      </c>
      <c r="H486">
        <v>169</v>
      </c>
      <c r="J486">
        <v>99.230145801141205</v>
      </c>
      <c r="K486">
        <v>168</v>
      </c>
      <c r="M486">
        <v>99.393194082053938</v>
      </c>
      <c r="N486">
        <v>120</v>
      </c>
      <c r="P486">
        <v>99.599568457340609</v>
      </c>
      <c r="Q486">
        <v>120</v>
      </c>
    </row>
    <row r="487" spans="4:17" x14ac:dyDescent="0.25">
      <c r="D487">
        <v>99.384818290427077</v>
      </c>
      <c r="E487">
        <v>120</v>
      </c>
      <c r="G487">
        <v>99.349955002787681</v>
      </c>
      <c r="H487">
        <v>169</v>
      </c>
      <c r="J487">
        <v>99.2274090029875</v>
      </c>
      <c r="K487">
        <v>169</v>
      </c>
      <c r="M487">
        <v>99.393194082053938</v>
      </c>
      <c r="N487">
        <v>120</v>
      </c>
      <c r="P487">
        <v>99.599568457340609</v>
      </c>
      <c r="Q487">
        <v>120</v>
      </c>
    </row>
    <row r="488" spans="4:17" x14ac:dyDescent="0.25">
      <c r="D488">
        <v>99.384355809152481</v>
      </c>
      <c r="E488">
        <v>120</v>
      </c>
      <c r="G488">
        <v>99.348182104684085</v>
      </c>
      <c r="H488">
        <v>170</v>
      </c>
      <c r="J488">
        <v>99.224326289825513</v>
      </c>
      <c r="K488">
        <v>169</v>
      </c>
      <c r="M488">
        <v>99.393194082053938</v>
      </c>
      <c r="N488">
        <v>120</v>
      </c>
      <c r="P488">
        <v>99.598850346024065</v>
      </c>
      <c r="Q488">
        <v>120</v>
      </c>
    </row>
    <row r="489" spans="4:17" x14ac:dyDescent="0.25">
      <c r="D489">
        <v>99.384355809152481</v>
      </c>
      <c r="E489">
        <v>120</v>
      </c>
      <c r="G489">
        <v>99.346832585232079</v>
      </c>
      <c r="H489">
        <v>170</v>
      </c>
      <c r="J489">
        <v>99.221579317700957</v>
      </c>
      <c r="K489">
        <v>170</v>
      </c>
      <c r="M489">
        <v>99.393194082053938</v>
      </c>
      <c r="N489">
        <v>120</v>
      </c>
      <c r="P489">
        <v>99.598850346024065</v>
      </c>
      <c r="Q489">
        <v>120</v>
      </c>
    </row>
    <row r="490" spans="4:17" x14ac:dyDescent="0.25">
      <c r="D490">
        <v>99.383893327877871</v>
      </c>
      <c r="E490">
        <v>120</v>
      </c>
      <c r="G490">
        <v>99.345059687128483</v>
      </c>
      <c r="H490">
        <v>170</v>
      </c>
      <c r="J490">
        <v>99.218496604538998</v>
      </c>
      <c r="K490">
        <v>170</v>
      </c>
      <c r="M490">
        <v>99.392799236440368</v>
      </c>
      <c r="N490">
        <v>120</v>
      </c>
      <c r="P490">
        <v>99.598850346024065</v>
      </c>
      <c r="Q490">
        <v>120</v>
      </c>
    </row>
    <row r="491" spans="4:17" x14ac:dyDescent="0.25">
      <c r="D491">
        <v>99.383444448993671</v>
      </c>
      <c r="E491">
        <v>120</v>
      </c>
      <c r="G491">
        <v>99.343273558441993</v>
      </c>
      <c r="H491">
        <v>171</v>
      </c>
      <c r="J491">
        <v>99.215759806385279</v>
      </c>
      <c r="K491">
        <v>170</v>
      </c>
      <c r="M491">
        <v>99.392799236440368</v>
      </c>
      <c r="N491">
        <v>120</v>
      </c>
      <c r="P491">
        <v>99.598153355628568</v>
      </c>
      <c r="Q491">
        <v>120</v>
      </c>
    </row>
    <row r="492" spans="4:17" x14ac:dyDescent="0.25">
      <c r="D492">
        <v>99.38298196771909</v>
      </c>
      <c r="E492">
        <v>120</v>
      </c>
      <c r="G492">
        <v>99.341487429755531</v>
      </c>
      <c r="H492">
        <v>171</v>
      </c>
      <c r="J492">
        <v>99.212677093223306</v>
      </c>
      <c r="K492">
        <v>171</v>
      </c>
      <c r="M492">
        <v>99.392799236440368</v>
      </c>
      <c r="N492">
        <v>120</v>
      </c>
      <c r="P492">
        <v>99.598153355628568</v>
      </c>
      <c r="Q492">
        <v>120</v>
      </c>
    </row>
    <row r="493" spans="4:17" x14ac:dyDescent="0.25">
      <c r="D493">
        <v>99.38251948644448</v>
      </c>
      <c r="E493">
        <v>120</v>
      </c>
      <c r="G493">
        <v>99.3392646918346</v>
      </c>
      <c r="H493">
        <v>172</v>
      </c>
      <c r="J493">
        <v>99.209940295069572</v>
      </c>
      <c r="K493">
        <v>171</v>
      </c>
      <c r="M493">
        <v>99.392392425808211</v>
      </c>
      <c r="N493">
        <v>120</v>
      </c>
      <c r="P493">
        <v>99.597435244312052</v>
      </c>
      <c r="Q493">
        <v>120</v>
      </c>
    </row>
    <row r="494" spans="4:17" x14ac:dyDescent="0.25">
      <c r="D494">
        <v>99.38251948644448</v>
      </c>
      <c r="E494">
        <v>120</v>
      </c>
      <c r="G494">
        <v>99.337041953913655</v>
      </c>
      <c r="H494">
        <v>172</v>
      </c>
      <c r="J494">
        <v>99.207193322945045</v>
      </c>
      <c r="K494">
        <v>172</v>
      </c>
      <c r="M494">
        <v>99.392392425808211</v>
      </c>
      <c r="N494">
        <v>120</v>
      </c>
      <c r="P494">
        <v>99.597435244312052</v>
      </c>
      <c r="Q494">
        <v>120</v>
      </c>
    </row>
    <row r="495" spans="4:17" x14ac:dyDescent="0.25">
      <c r="D495">
        <v>99.382070607560294</v>
      </c>
      <c r="E495">
        <v>120</v>
      </c>
      <c r="G495">
        <v>99.334805985409844</v>
      </c>
      <c r="H495">
        <v>172</v>
      </c>
      <c r="J495">
        <v>99.204110609783044</v>
      </c>
      <c r="K495">
        <v>172</v>
      </c>
      <c r="M495">
        <v>99.392392425808211</v>
      </c>
      <c r="N495">
        <v>120</v>
      </c>
      <c r="P495">
        <v>99.596717132995494</v>
      </c>
      <c r="Q495">
        <v>120</v>
      </c>
    </row>
    <row r="496" spans="4:17" x14ac:dyDescent="0.25">
      <c r="D496">
        <v>99.382070607560294</v>
      </c>
      <c r="E496">
        <v>120</v>
      </c>
      <c r="G496">
        <v>99.332583247488898</v>
      </c>
      <c r="H496">
        <v>173</v>
      </c>
      <c r="J496">
        <v>99.201373811629352</v>
      </c>
      <c r="K496">
        <v>173</v>
      </c>
      <c r="M496">
        <v>99.391985615176054</v>
      </c>
      <c r="N496">
        <v>120</v>
      </c>
      <c r="P496">
        <v>99.596717132995494</v>
      </c>
      <c r="Q496">
        <v>120</v>
      </c>
    </row>
    <row r="497" spans="4:17" x14ac:dyDescent="0.25">
      <c r="D497">
        <v>99.381608126285698</v>
      </c>
      <c r="E497">
        <v>120</v>
      </c>
      <c r="G497">
        <v>99.330360509567967</v>
      </c>
      <c r="H497">
        <v>173</v>
      </c>
      <c r="J497">
        <v>99.198626839504811</v>
      </c>
      <c r="K497">
        <v>173</v>
      </c>
      <c r="M497">
        <v>99.391985615176054</v>
      </c>
      <c r="N497">
        <v>120</v>
      </c>
      <c r="P497">
        <v>99.596020142600011</v>
      </c>
      <c r="Q497">
        <v>120</v>
      </c>
    </row>
    <row r="498" spans="4:17" x14ac:dyDescent="0.25">
      <c r="D498">
        <v>99.381608126285698</v>
      </c>
      <c r="E498">
        <v>120</v>
      </c>
      <c r="G498">
        <v>99.328124541064156</v>
      </c>
      <c r="H498">
        <v>174</v>
      </c>
      <c r="J498">
        <v>99.195890041351106</v>
      </c>
      <c r="K498">
        <v>173</v>
      </c>
      <c r="M498">
        <v>99.391985615176054</v>
      </c>
      <c r="N498">
        <v>120</v>
      </c>
      <c r="P498">
        <v>99.596020142600011</v>
      </c>
      <c r="Q498">
        <v>120</v>
      </c>
    </row>
    <row r="499" spans="4:17" x14ac:dyDescent="0.25">
      <c r="D499">
        <v>99.381145645011088</v>
      </c>
      <c r="E499">
        <v>120</v>
      </c>
      <c r="G499">
        <v>99.325901803143225</v>
      </c>
      <c r="H499">
        <v>174</v>
      </c>
      <c r="J499">
        <v>99.1938348992431</v>
      </c>
      <c r="K499">
        <v>174</v>
      </c>
      <c r="M499">
        <v>99.391590769562484</v>
      </c>
      <c r="N499">
        <v>120</v>
      </c>
      <c r="P499">
        <v>99.595302031283452</v>
      </c>
      <c r="Q499">
        <v>120</v>
      </c>
    </row>
    <row r="500" spans="4:17" x14ac:dyDescent="0.25">
      <c r="D500">
        <v>99.380234284852278</v>
      </c>
      <c r="E500">
        <v>120</v>
      </c>
      <c r="G500">
        <v>99.324115674456763</v>
      </c>
      <c r="H500">
        <v>175</v>
      </c>
      <c r="J500">
        <v>99.191087927118573</v>
      </c>
      <c r="K500">
        <v>174</v>
      </c>
      <c r="M500">
        <v>99.391590769562484</v>
      </c>
      <c r="N500">
        <v>120</v>
      </c>
      <c r="P500">
        <v>99.595302031283452</v>
      </c>
      <c r="Q500">
        <v>120</v>
      </c>
    </row>
    <row r="501" spans="4:17" x14ac:dyDescent="0.25">
      <c r="D501">
        <v>99.379771803577682</v>
      </c>
      <c r="E501">
        <v>120</v>
      </c>
      <c r="G501">
        <v>99.321892936535804</v>
      </c>
      <c r="H501">
        <v>175</v>
      </c>
      <c r="J501">
        <v>99.188351128964854</v>
      </c>
      <c r="K501">
        <v>175</v>
      </c>
      <c r="M501">
        <v>99.391590769562484</v>
      </c>
      <c r="N501">
        <v>120</v>
      </c>
      <c r="P501">
        <v>99.595302031283452</v>
      </c>
      <c r="Q501">
        <v>120</v>
      </c>
    </row>
    <row r="502" spans="4:17" x14ac:dyDescent="0.25">
      <c r="D502">
        <v>99.379322924693497</v>
      </c>
      <c r="E502">
        <v>120</v>
      </c>
      <c r="G502">
        <v>99.319656968032007</v>
      </c>
      <c r="H502">
        <v>175</v>
      </c>
      <c r="J502">
        <v>99.185614330811148</v>
      </c>
      <c r="K502">
        <v>175</v>
      </c>
      <c r="M502">
        <v>99.391183958930299</v>
      </c>
      <c r="N502">
        <v>120</v>
      </c>
      <c r="P502">
        <v>99.594583919966922</v>
      </c>
      <c r="Q502">
        <v>120</v>
      </c>
    </row>
    <row r="503" spans="4:17" x14ac:dyDescent="0.25">
      <c r="D503">
        <v>99.378860443418887</v>
      </c>
      <c r="E503">
        <v>120</v>
      </c>
      <c r="G503">
        <v>99.317884069928397</v>
      </c>
      <c r="H503">
        <v>176</v>
      </c>
      <c r="J503">
        <v>99.182867358686593</v>
      </c>
      <c r="K503">
        <v>175</v>
      </c>
      <c r="M503">
        <v>99.391183958930299</v>
      </c>
      <c r="N503">
        <v>120</v>
      </c>
      <c r="P503">
        <v>99.594583919966922</v>
      </c>
      <c r="Q503">
        <v>120</v>
      </c>
    </row>
    <row r="504" spans="4:17" x14ac:dyDescent="0.25">
      <c r="D504">
        <v>99.378860443418887</v>
      </c>
      <c r="E504">
        <v>120</v>
      </c>
      <c r="G504">
        <v>99.314761652372781</v>
      </c>
      <c r="H504">
        <v>176</v>
      </c>
      <c r="J504">
        <v>99.180466301570334</v>
      </c>
      <c r="K504">
        <v>176</v>
      </c>
      <c r="M504">
        <v>99.390777148298142</v>
      </c>
      <c r="N504">
        <v>120</v>
      </c>
      <c r="P504">
        <v>99.59388692957144</v>
      </c>
      <c r="Q504">
        <v>120</v>
      </c>
    </row>
    <row r="505" spans="4:17" x14ac:dyDescent="0.25">
      <c r="D505">
        <v>99.378397962144277</v>
      </c>
      <c r="E505">
        <v>120</v>
      </c>
      <c r="G505">
        <v>99.3120890746345</v>
      </c>
      <c r="H505">
        <v>177</v>
      </c>
      <c r="J505">
        <v>99.177729503416629</v>
      </c>
      <c r="K505">
        <v>176</v>
      </c>
      <c r="M505">
        <v>99.390777148298142</v>
      </c>
      <c r="N505">
        <v>120</v>
      </c>
      <c r="P505">
        <v>99.59388692957144</v>
      </c>
      <c r="Q505">
        <v>120</v>
      </c>
    </row>
    <row r="506" spans="4:17" x14ac:dyDescent="0.25">
      <c r="D506">
        <v>99.378397962144277</v>
      </c>
      <c r="E506">
        <v>120</v>
      </c>
      <c r="G506">
        <v>99.310302945948038</v>
      </c>
      <c r="H506">
        <v>177</v>
      </c>
      <c r="J506">
        <v>99.174992705262923</v>
      </c>
      <c r="K506">
        <v>177</v>
      </c>
      <c r="M506">
        <v>99.390777148298142</v>
      </c>
      <c r="N506">
        <v>120</v>
      </c>
      <c r="P506">
        <v>99.59388692957144</v>
      </c>
      <c r="Q506">
        <v>120</v>
      </c>
    </row>
    <row r="507" spans="4:17" x14ac:dyDescent="0.25">
      <c r="D507">
        <v>99.377949083260091</v>
      </c>
      <c r="E507">
        <v>120</v>
      </c>
      <c r="G507">
        <v>99.308516817261577</v>
      </c>
      <c r="H507">
        <v>177</v>
      </c>
      <c r="J507">
        <v>99.172245733138382</v>
      </c>
      <c r="K507">
        <v>177</v>
      </c>
      <c r="M507">
        <v>99.390382302684571</v>
      </c>
      <c r="N507">
        <v>120</v>
      </c>
      <c r="P507">
        <v>99.59388692957144</v>
      </c>
      <c r="Q507">
        <v>120</v>
      </c>
    </row>
    <row r="508" spans="4:17" x14ac:dyDescent="0.25">
      <c r="D508">
        <v>99.377949083260091</v>
      </c>
      <c r="E508">
        <v>120</v>
      </c>
      <c r="G508">
        <v>99.306294079340617</v>
      </c>
      <c r="H508">
        <v>178</v>
      </c>
      <c r="J508">
        <v>99.169508934984677</v>
      </c>
      <c r="K508">
        <v>178</v>
      </c>
      <c r="M508">
        <v>99.390382302684571</v>
      </c>
      <c r="N508">
        <v>120</v>
      </c>
      <c r="P508">
        <v>99.593168818254881</v>
      </c>
      <c r="Q508">
        <v>120</v>
      </c>
    </row>
    <row r="509" spans="4:17" x14ac:dyDescent="0.25">
      <c r="D509">
        <v>99.377949083260091</v>
      </c>
      <c r="E509">
        <v>120</v>
      </c>
      <c r="G509">
        <v>99.304071341419686</v>
      </c>
      <c r="H509">
        <v>178</v>
      </c>
      <c r="J509">
        <v>99.167107877868418</v>
      </c>
      <c r="K509">
        <v>178</v>
      </c>
      <c r="M509">
        <v>99.390382302684571</v>
      </c>
      <c r="N509">
        <v>120</v>
      </c>
      <c r="P509">
        <v>99.592450706938365</v>
      </c>
      <c r="Q509">
        <v>120</v>
      </c>
    </row>
    <row r="510" spans="4:17" x14ac:dyDescent="0.25">
      <c r="D510">
        <v>99.377949083260091</v>
      </c>
      <c r="E510">
        <v>120</v>
      </c>
      <c r="G510">
        <v>99.302285212733224</v>
      </c>
      <c r="H510">
        <v>179</v>
      </c>
      <c r="J510">
        <v>99.164371079714684</v>
      </c>
      <c r="K510">
        <v>178</v>
      </c>
      <c r="M510">
        <v>99.3899754920524</v>
      </c>
      <c r="N510">
        <v>120</v>
      </c>
      <c r="P510">
        <v>99.592450706938365</v>
      </c>
      <c r="Q510">
        <v>120</v>
      </c>
    </row>
    <row r="511" spans="4:17" x14ac:dyDescent="0.25">
      <c r="D511">
        <v>99.377486601985481</v>
      </c>
      <c r="E511">
        <v>120</v>
      </c>
      <c r="G511">
        <v>99.300062474812279</v>
      </c>
      <c r="H511">
        <v>179</v>
      </c>
      <c r="J511">
        <v>99.161970022598439</v>
      </c>
      <c r="K511">
        <v>179</v>
      </c>
      <c r="M511">
        <v>99.3899754920524</v>
      </c>
      <c r="N511">
        <v>120</v>
      </c>
      <c r="P511">
        <v>99.591753716542868</v>
      </c>
      <c r="Q511">
        <v>120</v>
      </c>
    </row>
    <row r="512" spans="4:17" x14ac:dyDescent="0.25">
      <c r="D512">
        <v>99.377486601985481</v>
      </c>
      <c r="E512">
        <v>120</v>
      </c>
      <c r="G512">
        <v>99.297826506308496</v>
      </c>
      <c r="H512">
        <v>180</v>
      </c>
      <c r="J512">
        <v>99.159233224444733</v>
      </c>
      <c r="K512">
        <v>179</v>
      </c>
      <c r="M512">
        <v>99.3899754920524</v>
      </c>
      <c r="N512">
        <v>120</v>
      </c>
      <c r="P512">
        <v>99.591753716542868</v>
      </c>
      <c r="Q512">
        <v>120</v>
      </c>
    </row>
    <row r="513" spans="4:17" x14ac:dyDescent="0.25">
      <c r="D513">
        <v>99.377486601985481</v>
      </c>
      <c r="E513">
        <v>120</v>
      </c>
      <c r="G513">
        <v>99.296053608204872</v>
      </c>
      <c r="H513">
        <v>180</v>
      </c>
      <c r="J513">
        <v>99.156150511282732</v>
      </c>
      <c r="K513">
        <v>180</v>
      </c>
      <c r="M513">
        <v>99.389568681420243</v>
      </c>
      <c r="N513">
        <v>120</v>
      </c>
      <c r="P513">
        <v>99.591035605226324</v>
      </c>
      <c r="Q513">
        <v>120</v>
      </c>
    </row>
    <row r="514" spans="4:17" x14ac:dyDescent="0.25">
      <c r="D514">
        <v>99.377024120710871</v>
      </c>
      <c r="E514">
        <v>120</v>
      </c>
      <c r="G514">
        <v>99.293367799883754</v>
      </c>
      <c r="H514">
        <v>180</v>
      </c>
      <c r="J514">
        <v>99.153057624149923</v>
      </c>
      <c r="K514">
        <v>180</v>
      </c>
      <c r="M514">
        <v>99.389568681420243</v>
      </c>
      <c r="N514">
        <v>120</v>
      </c>
      <c r="P514">
        <v>99.590317493909794</v>
      </c>
      <c r="Q514">
        <v>120</v>
      </c>
    </row>
    <row r="515" spans="4:17" x14ac:dyDescent="0.25">
      <c r="D515">
        <v>99.377024120710871</v>
      </c>
      <c r="E515">
        <v>120</v>
      </c>
      <c r="G515">
        <v>99.291145061962794</v>
      </c>
      <c r="H515">
        <v>181</v>
      </c>
      <c r="J515">
        <v>99.150666741004486</v>
      </c>
      <c r="K515">
        <v>180</v>
      </c>
      <c r="M515">
        <v>99.389568681420243</v>
      </c>
      <c r="N515">
        <v>120</v>
      </c>
      <c r="P515">
        <v>99.590317493909794</v>
      </c>
      <c r="Q515">
        <v>120</v>
      </c>
    </row>
    <row r="516" spans="4:17" x14ac:dyDescent="0.25">
      <c r="D516">
        <v>99.377024120710871</v>
      </c>
      <c r="E516">
        <v>120</v>
      </c>
      <c r="G516">
        <v>99.288922324041849</v>
      </c>
      <c r="H516">
        <v>181</v>
      </c>
      <c r="J516">
        <v>99.147919768879945</v>
      </c>
      <c r="K516">
        <v>181</v>
      </c>
      <c r="M516">
        <v>99.389173835806687</v>
      </c>
      <c r="N516">
        <v>120</v>
      </c>
      <c r="P516">
        <v>99.589620503514325</v>
      </c>
      <c r="Q516">
        <v>120</v>
      </c>
    </row>
    <row r="517" spans="4:17" x14ac:dyDescent="0.25">
      <c r="D517">
        <v>99.377024120710871</v>
      </c>
      <c r="E517">
        <v>120</v>
      </c>
      <c r="G517">
        <v>99.286686355538052</v>
      </c>
      <c r="H517">
        <v>182</v>
      </c>
      <c r="J517">
        <v>99.145528885734521</v>
      </c>
      <c r="K517">
        <v>181</v>
      </c>
      <c r="M517">
        <v>99.389173835806687</v>
      </c>
      <c r="N517">
        <v>120</v>
      </c>
      <c r="P517">
        <v>99.589620503514325</v>
      </c>
      <c r="Q517">
        <v>120</v>
      </c>
    </row>
    <row r="518" spans="4:17" x14ac:dyDescent="0.25">
      <c r="D518">
        <v>99.377024120710871</v>
      </c>
      <c r="E518">
        <v>120</v>
      </c>
      <c r="G518">
        <v>99.284463617617106</v>
      </c>
      <c r="H518">
        <v>182</v>
      </c>
      <c r="J518">
        <v>99.143127828618262</v>
      </c>
      <c r="K518">
        <v>182</v>
      </c>
      <c r="M518">
        <v>99.389173835806687</v>
      </c>
      <c r="N518">
        <v>120</v>
      </c>
      <c r="P518">
        <v>99.588902392197767</v>
      </c>
      <c r="Q518">
        <v>120</v>
      </c>
    </row>
    <row r="519" spans="4:17" x14ac:dyDescent="0.25">
      <c r="D519">
        <v>99.3765752418267</v>
      </c>
      <c r="E519">
        <v>120</v>
      </c>
      <c r="G519">
        <v>99.282240879696161</v>
      </c>
      <c r="H519">
        <v>182</v>
      </c>
      <c r="J519">
        <v>99.140726771501974</v>
      </c>
      <c r="K519">
        <v>182</v>
      </c>
      <c r="M519">
        <v>99.388767025174502</v>
      </c>
      <c r="N519">
        <v>120</v>
      </c>
      <c r="P519">
        <v>99.588902392197767</v>
      </c>
      <c r="Q519">
        <v>120</v>
      </c>
    </row>
    <row r="520" spans="4:17" x14ac:dyDescent="0.25">
      <c r="D520">
        <v>99.377024120710871</v>
      </c>
      <c r="E520">
        <v>120</v>
      </c>
      <c r="G520">
        <v>99.2804547510097</v>
      </c>
      <c r="H520">
        <v>183</v>
      </c>
      <c r="J520">
        <v>99.137989973348283</v>
      </c>
      <c r="K520">
        <v>183</v>
      </c>
      <c r="M520">
        <v>99.388767025174502</v>
      </c>
      <c r="N520">
        <v>120</v>
      </c>
      <c r="P520">
        <v>99.588902392197767</v>
      </c>
      <c r="Q520">
        <v>120</v>
      </c>
    </row>
    <row r="521" spans="4:17" x14ac:dyDescent="0.25">
      <c r="D521">
        <v>99.377024120710871</v>
      </c>
      <c r="E521">
        <v>120</v>
      </c>
      <c r="G521">
        <v>99.278218782505888</v>
      </c>
      <c r="H521">
        <v>183</v>
      </c>
      <c r="J521">
        <v>99.135588916231995</v>
      </c>
      <c r="K521">
        <v>183</v>
      </c>
      <c r="M521">
        <v>99.388360214542345</v>
      </c>
      <c r="N521">
        <v>120</v>
      </c>
      <c r="P521">
        <v>99.588184280881208</v>
      </c>
      <c r="Q521">
        <v>120</v>
      </c>
    </row>
    <row r="522" spans="4:17" x14ac:dyDescent="0.25">
      <c r="D522">
        <v>99.3765752418267</v>
      </c>
      <c r="E522">
        <v>120</v>
      </c>
      <c r="G522">
        <v>99.275996044584943</v>
      </c>
      <c r="H522">
        <v>184</v>
      </c>
      <c r="J522">
        <v>99.13285211807829</v>
      </c>
      <c r="K522">
        <v>183</v>
      </c>
      <c r="M522">
        <v>99.388360214542345</v>
      </c>
      <c r="N522">
        <v>120</v>
      </c>
      <c r="P522">
        <v>99.588184280881208</v>
      </c>
      <c r="Q522">
        <v>120</v>
      </c>
    </row>
    <row r="523" spans="4:17" x14ac:dyDescent="0.25">
      <c r="D523">
        <v>99.376112760552076</v>
      </c>
      <c r="E523">
        <v>120</v>
      </c>
      <c r="G523">
        <v>99.273773306664012</v>
      </c>
      <c r="H523">
        <v>184</v>
      </c>
      <c r="J523">
        <v>99.129769404916303</v>
      </c>
      <c r="K523">
        <v>184</v>
      </c>
      <c r="M523">
        <v>99.387965368928789</v>
      </c>
      <c r="N523">
        <v>120</v>
      </c>
      <c r="P523">
        <v>99.587487290485754</v>
      </c>
      <c r="Q523">
        <v>120</v>
      </c>
    </row>
    <row r="524" spans="4:17" x14ac:dyDescent="0.25">
      <c r="D524">
        <v>99.376112760552076</v>
      </c>
      <c r="E524">
        <v>120</v>
      </c>
      <c r="G524">
        <v>99.271100728925731</v>
      </c>
      <c r="H524">
        <v>185</v>
      </c>
      <c r="J524">
        <v>99.12667651778348</v>
      </c>
      <c r="K524">
        <v>184</v>
      </c>
      <c r="M524">
        <v>99.387965368928789</v>
      </c>
      <c r="N524">
        <v>120</v>
      </c>
      <c r="P524">
        <v>99.587487290485754</v>
      </c>
      <c r="Q524">
        <v>120</v>
      </c>
    </row>
    <row r="525" spans="4:17" x14ac:dyDescent="0.25">
      <c r="D525">
        <v>99.376112760552076</v>
      </c>
      <c r="E525">
        <v>120</v>
      </c>
      <c r="G525">
        <v>99.26886476042192</v>
      </c>
      <c r="H525">
        <v>185</v>
      </c>
      <c r="J525">
        <v>99.123593804621521</v>
      </c>
      <c r="K525">
        <v>185</v>
      </c>
      <c r="M525">
        <v>99.387965368928789</v>
      </c>
      <c r="N525">
        <v>120</v>
      </c>
      <c r="P525">
        <v>99.586769179169195</v>
      </c>
      <c r="Q525">
        <v>120</v>
      </c>
    </row>
    <row r="526" spans="4:17" x14ac:dyDescent="0.25">
      <c r="D526">
        <v>99.375650279277465</v>
      </c>
      <c r="E526">
        <v>120</v>
      </c>
      <c r="G526">
        <v>99.266192182683653</v>
      </c>
      <c r="H526">
        <v>185</v>
      </c>
      <c r="J526">
        <v>99.120857006467787</v>
      </c>
      <c r="K526">
        <v>185</v>
      </c>
      <c r="M526">
        <v>99.387965368928789</v>
      </c>
      <c r="N526">
        <v>120</v>
      </c>
      <c r="P526">
        <v>99.586769179169195</v>
      </c>
      <c r="Q526">
        <v>120</v>
      </c>
    </row>
    <row r="527" spans="4:17" x14ac:dyDescent="0.25">
      <c r="D527">
        <v>99.375650279277465</v>
      </c>
      <c r="E527">
        <v>120</v>
      </c>
      <c r="G527">
        <v>99.263969444762694</v>
      </c>
      <c r="H527">
        <v>186</v>
      </c>
      <c r="J527">
        <v>99.117774293305828</v>
      </c>
      <c r="K527">
        <v>185</v>
      </c>
      <c r="M527">
        <v>99.387558558296632</v>
      </c>
      <c r="N527">
        <v>120</v>
      </c>
      <c r="P527">
        <v>99.586051067852637</v>
      </c>
      <c r="Q527">
        <v>120</v>
      </c>
    </row>
    <row r="528" spans="4:17" x14ac:dyDescent="0.25">
      <c r="D528">
        <v>99.375201400393294</v>
      </c>
      <c r="E528">
        <v>120</v>
      </c>
      <c r="G528">
        <v>99.261296867024441</v>
      </c>
      <c r="H528">
        <v>186</v>
      </c>
      <c r="J528">
        <v>99.115373236189569</v>
      </c>
      <c r="K528">
        <v>186</v>
      </c>
      <c r="M528">
        <v>99.387558558296632</v>
      </c>
      <c r="N528">
        <v>120</v>
      </c>
      <c r="P528">
        <v>99.585354077457183</v>
      </c>
      <c r="Q528">
        <v>120</v>
      </c>
    </row>
    <row r="529" spans="4:17" x14ac:dyDescent="0.25">
      <c r="D529">
        <v>99.375201400393294</v>
      </c>
      <c r="E529">
        <v>120</v>
      </c>
      <c r="G529">
        <v>99.258624289286175</v>
      </c>
      <c r="H529">
        <v>187</v>
      </c>
      <c r="J529">
        <v>99.112290523027582</v>
      </c>
      <c r="K529">
        <v>186</v>
      </c>
      <c r="M529">
        <v>99.387558558296632</v>
      </c>
      <c r="N529">
        <v>120</v>
      </c>
      <c r="P529">
        <v>99.585354077457183</v>
      </c>
      <c r="Q529">
        <v>120</v>
      </c>
    </row>
    <row r="530" spans="4:17" x14ac:dyDescent="0.25">
      <c r="D530">
        <v>99.375201400393294</v>
      </c>
      <c r="E530">
        <v>120</v>
      </c>
      <c r="G530">
        <v>99.256388320782378</v>
      </c>
      <c r="H530">
        <v>187</v>
      </c>
      <c r="J530">
        <v>99.109553724873862</v>
      </c>
      <c r="K530">
        <v>187</v>
      </c>
      <c r="M530">
        <v>99.387151747664433</v>
      </c>
      <c r="N530">
        <v>120</v>
      </c>
      <c r="P530">
        <v>99.584635966140638</v>
      </c>
      <c r="Q530">
        <v>120</v>
      </c>
    </row>
    <row r="531" spans="4:17" x14ac:dyDescent="0.25">
      <c r="D531">
        <v>99.375201400393294</v>
      </c>
      <c r="E531">
        <v>120</v>
      </c>
      <c r="G531">
        <v>99.253715743044083</v>
      </c>
      <c r="H531">
        <v>187</v>
      </c>
      <c r="J531">
        <v>99.106806752749335</v>
      </c>
      <c r="K531">
        <v>187</v>
      </c>
      <c r="M531">
        <v>99.387151747664433</v>
      </c>
      <c r="N531">
        <v>120</v>
      </c>
      <c r="P531">
        <v>99.58391785482408</v>
      </c>
      <c r="Q531">
        <v>120</v>
      </c>
    </row>
    <row r="532" spans="4:17" x14ac:dyDescent="0.25">
      <c r="D532">
        <v>99.375201400393294</v>
      </c>
      <c r="E532">
        <v>120</v>
      </c>
      <c r="G532">
        <v>99.25104316530583</v>
      </c>
      <c r="H532">
        <v>188</v>
      </c>
      <c r="J532">
        <v>99.103724039587334</v>
      </c>
      <c r="K532">
        <v>188</v>
      </c>
      <c r="M532">
        <v>99.386756902050905</v>
      </c>
      <c r="N532">
        <v>120</v>
      </c>
      <c r="P532">
        <v>99.58391785482408</v>
      </c>
      <c r="Q532">
        <v>120</v>
      </c>
    </row>
    <row r="533" spans="4:17" x14ac:dyDescent="0.25">
      <c r="D533">
        <v>99.374738919118684</v>
      </c>
      <c r="E533">
        <v>120</v>
      </c>
      <c r="G533">
        <v>99.24837058756755</v>
      </c>
      <c r="H533">
        <v>188</v>
      </c>
      <c r="J533">
        <v>99.100987241433643</v>
      </c>
      <c r="K533">
        <v>188</v>
      </c>
      <c r="M533">
        <v>99.386756902050905</v>
      </c>
      <c r="N533">
        <v>120</v>
      </c>
      <c r="P533">
        <v>99.583220864428597</v>
      </c>
      <c r="Q533">
        <v>120</v>
      </c>
    </row>
    <row r="534" spans="4:17" x14ac:dyDescent="0.25">
      <c r="D534">
        <v>99.374738919118684</v>
      </c>
      <c r="E534">
        <v>120</v>
      </c>
      <c r="G534">
        <v>99.245698009829269</v>
      </c>
      <c r="H534">
        <v>189</v>
      </c>
      <c r="J534">
        <v>99.097558613263388</v>
      </c>
      <c r="K534">
        <v>188</v>
      </c>
      <c r="M534">
        <v>99.386350091418706</v>
      </c>
      <c r="N534">
        <v>120</v>
      </c>
      <c r="P534">
        <v>99.583220864428597</v>
      </c>
      <c r="Q534">
        <v>120</v>
      </c>
    </row>
    <row r="535" spans="4:17" x14ac:dyDescent="0.25">
      <c r="D535">
        <v>99.374276437844074</v>
      </c>
      <c r="E535">
        <v>120</v>
      </c>
      <c r="G535">
        <v>99.243025432091002</v>
      </c>
      <c r="H535">
        <v>189</v>
      </c>
      <c r="J535">
        <v>99.094475900101386</v>
      </c>
      <c r="K535">
        <v>189</v>
      </c>
      <c r="M535">
        <v>99.386350091418706</v>
      </c>
      <c r="N535">
        <v>120</v>
      </c>
      <c r="P535">
        <v>99.582502753112067</v>
      </c>
      <c r="Q535">
        <v>120</v>
      </c>
    </row>
    <row r="536" spans="4:17" x14ac:dyDescent="0.25">
      <c r="D536">
        <v>99.374276437844074</v>
      </c>
      <c r="E536">
        <v>120</v>
      </c>
      <c r="G536">
        <v>99.240802694170043</v>
      </c>
      <c r="H536">
        <v>190</v>
      </c>
      <c r="J536">
        <v>99.091393186939385</v>
      </c>
      <c r="K536">
        <v>189</v>
      </c>
      <c r="M536">
        <v>99.386350091418706</v>
      </c>
      <c r="N536">
        <v>120</v>
      </c>
      <c r="P536">
        <v>99.582502753112067</v>
      </c>
      <c r="Q536">
        <v>120</v>
      </c>
    </row>
    <row r="537" spans="4:17" x14ac:dyDescent="0.25">
      <c r="D537">
        <v>99.374276437844074</v>
      </c>
      <c r="E537">
        <v>120</v>
      </c>
      <c r="G537">
        <v>99.23813011643179</v>
      </c>
      <c r="H537">
        <v>190</v>
      </c>
      <c r="J537">
        <v>99.088646214814858</v>
      </c>
      <c r="K537">
        <v>190</v>
      </c>
      <c r="M537">
        <v>99.385943280786563</v>
      </c>
      <c r="N537">
        <v>120</v>
      </c>
      <c r="P537">
        <v>99.581784641795508</v>
      </c>
      <c r="Q537">
        <v>120</v>
      </c>
    </row>
    <row r="538" spans="4:17" x14ac:dyDescent="0.25">
      <c r="D538">
        <v>99.374738919118684</v>
      </c>
      <c r="E538">
        <v>120</v>
      </c>
      <c r="G538">
        <v>99.23545753869351</v>
      </c>
      <c r="H538">
        <v>190</v>
      </c>
      <c r="J538">
        <v>99.085563501652871</v>
      </c>
      <c r="K538">
        <v>190</v>
      </c>
      <c r="M538">
        <v>99.385943280786563</v>
      </c>
      <c r="N538">
        <v>120</v>
      </c>
      <c r="P538">
        <v>99.581784641795508</v>
      </c>
      <c r="Q538">
        <v>120</v>
      </c>
    </row>
    <row r="539" spans="4:17" x14ac:dyDescent="0.25">
      <c r="D539">
        <v>99.374738919118684</v>
      </c>
      <c r="E539">
        <v>120</v>
      </c>
      <c r="G539">
        <v>99.233221570189684</v>
      </c>
      <c r="H539">
        <v>191</v>
      </c>
      <c r="J539">
        <v>99.082480788490884</v>
      </c>
      <c r="K539">
        <v>190</v>
      </c>
      <c r="M539">
        <v>99.385943280786563</v>
      </c>
      <c r="N539">
        <v>120</v>
      </c>
      <c r="P539">
        <v>99.581784641795508</v>
      </c>
      <c r="Q539">
        <v>120</v>
      </c>
    </row>
    <row r="540" spans="4:17" x14ac:dyDescent="0.25">
      <c r="D540">
        <v>99.374738919118684</v>
      </c>
      <c r="E540">
        <v>120</v>
      </c>
      <c r="G540">
        <v>99.230548992451432</v>
      </c>
      <c r="H540">
        <v>191</v>
      </c>
      <c r="J540">
        <v>99.079743990337178</v>
      </c>
      <c r="K540">
        <v>191</v>
      </c>
      <c r="M540">
        <v>99.385943280786563</v>
      </c>
      <c r="N540">
        <v>120</v>
      </c>
      <c r="P540">
        <v>99.581066530478978</v>
      </c>
      <c r="Q540">
        <v>120</v>
      </c>
    </row>
    <row r="541" spans="4:17" x14ac:dyDescent="0.25">
      <c r="D541">
        <v>99.374738919118684</v>
      </c>
      <c r="E541">
        <v>120</v>
      </c>
      <c r="G541">
        <v>99.227876414713151</v>
      </c>
      <c r="H541">
        <v>192</v>
      </c>
      <c r="J541">
        <v>99.076661277175191</v>
      </c>
      <c r="K541">
        <v>191</v>
      </c>
      <c r="M541">
        <v>99.385548435172993</v>
      </c>
      <c r="N541">
        <v>120</v>
      </c>
      <c r="P541">
        <v>99.581066530478978</v>
      </c>
      <c r="Q541">
        <v>120</v>
      </c>
    </row>
    <row r="542" spans="4:17" x14ac:dyDescent="0.25">
      <c r="D542">
        <v>99.374738919118684</v>
      </c>
      <c r="E542">
        <v>120</v>
      </c>
      <c r="G542">
        <v>99.225203836974885</v>
      </c>
      <c r="H542">
        <v>192</v>
      </c>
      <c r="J542">
        <v>99.073578564013218</v>
      </c>
      <c r="K542">
        <v>192</v>
      </c>
      <c r="M542">
        <v>99.385548435172993</v>
      </c>
      <c r="N542">
        <v>120</v>
      </c>
      <c r="P542">
        <v>99.580369540083495</v>
      </c>
      <c r="Q542">
        <v>120</v>
      </c>
    </row>
    <row r="543" spans="4:17" x14ac:dyDescent="0.25">
      <c r="D543">
        <v>99.375201400393294</v>
      </c>
      <c r="E543">
        <v>120</v>
      </c>
      <c r="G543">
        <v>99.222981099053925</v>
      </c>
      <c r="H543">
        <v>192</v>
      </c>
      <c r="J543">
        <v>99.070495850851231</v>
      </c>
      <c r="K543">
        <v>192</v>
      </c>
      <c r="M543">
        <v>99.385548435172993</v>
      </c>
      <c r="N543">
        <v>120</v>
      </c>
      <c r="P543">
        <v>99.580369540083495</v>
      </c>
      <c r="Q543">
        <v>120</v>
      </c>
    </row>
    <row r="544" spans="4:17" x14ac:dyDescent="0.25">
      <c r="D544">
        <v>99.375650279277465</v>
      </c>
      <c r="E544">
        <v>120</v>
      </c>
      <c r="G544">
        <v>99.220308521315658</v>
      </c>
      <c r="H544">
        <v>193</v>
      </c>
      <c r="J544">
        <v>99.067413137689229</v>
      </c>
      <c r="K544">
        <v>193</v>
      </c>
      <c r="M544">
        <v>99.385548435172993</v>
      </c>
      <c r="N544">
        <v>120</v>
      </c>
      <c r="P544">
        <v>99.579651428766951</v>
      </c>
      <c r="Q544">
        <v>120</v>
      </c>
    </row>
    <row r="545" spans="4:17" x14ac:dyDescent="0.25">
      <c r="D545">
        <v>99.3765752418267</v>
      </c>
      <c r="E545">
        <v>120</v>
      </c>
      <c r="G545">
        <v>99.217635943577406</v>
      </c>
      <c r="H545">
        <v>193</v>
      </c>
      <c r="J545">
        <v>99.06433042452727</v>
      </c>
      <c r="K545">
        <v>193</v>
      </c>
      <c r="M545">
        <v>99.385548435172993</v>
      </c>
      <c r="N545">
        <v>120</v>
      </c>
      <c r="P545">
        <v>99.579651428766951</v>
      </c>
      <c r="Q545">
        <v>120</v>
      </c>
    </row>
    <row r="546" spans="4:17" x14ac:dyDescent="0.25">
      <c r="D546">
        <v>99.377486601985481</v>
      </c>
      <c r="E546">
        <v>120</v>
      </c>
      <c r="G546">
        <v>99.214963365839111</v>
      </c>
      <c r="H546">
        <v>194</v>
      </c>
      <c r="J546">
        <v>99.061583452402729</v>
      </c>
      <c r="K546">
        <v>193</v>
      </c>
      <c r="M546">
        <v>99.385548435172993</v>
      </c>
      <c r="N546">
        <v>120</v>
      </c>
      <c r="P546">
        <v>99.578933317450392</v>
      </c>
      <c r="Q546">
        <v>120</v>
      </c>
    </row>
    <row r="547" spans="4:17" x14ac:dyDescent="0.25">
      <c r="D547">
        <v>99.378860443418887</v>
      </c>
      <c r="E547">
        <v>120</v>
      </c>
      <c r="G547">
        <v>99.21229078810083</v>
      </c>
      <c r="H547">
        <v>194</v>
      </c>
      <c r="J547">
        <v>99.058500739240728</v>
      </c>
      <c r="K547">
        <v>194</v>
      </c>
      <c r="M547">
        <v>99.385548435172993</v>
      </c>
      <c r="N547">
        <v>120</v>
      </c>
      <c r="P547">
        <v>99.578933317450392</v>
      </c>
      <c r="Q547">
        <v>120</v>
      </c>
    </row>
    <row r="548" spans="4:17" x14ac:dyDescent="0.25">
      <c r="D548">
        <v>99.380696766126889</v>
      </c>
      <c r="E548">
        <v>120</v>
      </c>
      <c r="G548">
        <v>99.210054819597033</v>
      </c>
      <c r="H548">
        <v>195</v>
      </c>
      <c r="J548">
        <v>99.055763941087022</v>
      </c>
      <c r="K548">
        <v>194</v>
      </c>
      <c r="M548">
        <v>99.385548435172993</v>
      </c>
      <c r="N548">
        <v>120</v>
      </c>
      <c r="P548">
        <v>99.578236327054938</v>
      </c>
      <c r="Q548">
        <v>120</v>
      </c>
    </row>
    <row r="549" spans="4:17" x14ac:dyDescent="0.25">
      <c r="D549">
        <v>99.38251948644448</v>
      </c>
      <c r="E549">
        <v>120</v>
      </c>
      <c r="G549">
        <v>99.207382241858767</v>
      </c>
      <c r="H549">
        <v>195</v>
      </c>
      <c r="J549">
        <v>99.053016968962481</v>
      </c>
      <c r="K549">
        <v>195</v>
      </c>
      <c r="M549">
        <v>99.385548435172993</v>
      </c>
      <c r="N549">
        <v>120</v>
      </c>
      <c r="P549">
        <v>99.578236327054938</v>
      </c>
      <c r="Q549">
        <v>120</v>
      </c>
    </row>
    <row r="550" spans="4:17" x14ac:dyDescent="0.25">
      <c r="D550">
        <v>99.384818290427077</v>
      </c>
      <c r="E550">
        <v>120</v>
      </c>
      <c r="G550">
        <v>99.205159503937836</v>
      </c>
      <c r="H550">
        <v>195</v>
      </c>
      <c r="J550">
        <v>99.050280170808776</v>
      </c>
      <c r="K550">
        <v>195</v>
      </c>
      <c r="M550">
        <v>99.385141624540836</v>
      </c>
      <c r="N550">
        <v>120</v>
      </c>
      <c r="P550">
        <v>99.57751821573838</v>
      </c>
      <c r="Q550">
        <v>120</v>
      </c>
    </row>
    <row r="551" spans="4:17" x14ac:dyDescent="0.25">
      <c r="D551">
        <v>99.387103492019278</v>
      </c>
      <c r="E551">
        <v>120</v>
      </c>
      <c r="G551">
        <v>99.202486926199555</v>
      </c>
      <c r="H551">
        <v>196</v>
      </c>
      <c r="J551">
        <v>99.047197457646789</v>
      </c>
      <c r="K551">
        <v>195</v>
      </c>
      <c r="M551">
        <v>99.385141624540836</v>
      </c>
      <c r="N551">
        <v>120</v>
      </c>
      <c r="P551">
        <v>99.57751821573838</v>
      </c>
      <c r="Q551">
        <v>120</v>
      </c>
    </row>
    <row r="552" spans="4:17" x14ac:dyDescent="0.25">
      <c r="D552">
        <v>99.38940229600189</v>
      </c>
      <c r="E552">
        <v>120</v>
      </c>
      <c r="G552">
        <v>99.200250957695729</v>
      </c>
      <c r="H552">
        <v>196</v>
      </c>
      <c r="J552">
        <v>99.044450485522233</v>
      </c>
      <c r="K552">
        <v>196</v>
      </c>
      <c r="M552">
        <v>99.385141624540836</v>
      </c>
      <c r="N552">
        <v>120</v>
      </c>
      <c r="P552">
        <v>99.576800104421821</v>
      </c>
      <c r="Q552">
        <v>120</v>
      </c>
    </row>
    <row r="553" spans="4:17" x14ac:dyDescent="0.25">
      <c r="D553">
        <v>99.391687497594077</v>
      </c>
      <c r="E553">
        <v>120</v>
      </c>
      <c r="G553">
        <v>99.197578379957463</v>
      </c>
      <c r="H553">
        <v>197</v>
      </c>
      <c r="J553">
        <v>99.04136777236026</v>
      </c>
      <c r="K553">
        <v>196</v>
      </c>
      <c r="M553">
        <v>99.385141624540836</v>
      </c>
      <c r="N553">
        <v>120</v>
      </c>
      <c r="P553">
        <v>99.576800104421821</v>
      </c>
      <c r="Q553">
        <v>120</v>
      </c>
    </row>
    <row r="554" spans="4:17" x14ac:dyDescent="0.25">
      <c r="D554">
        <v>99.393972699186264</v>
      </c>
      <c r="E554">
        <v>121</v>
      </c>
      <c r="G554">
        <v>99.195355642036546</v>
      </c>
      <c r="H554">
        <v>197</v>
      </c>
      <c r="J554">
        <v>99.038285059198259</v>
      </c>
      <c r="K554">
        <v>197</v>
      </c>
      <c r="M554">
        <v>99.384734813908665</v>
      </c>
      <c r="N554">
        <v>120</v>
      </c>
      <c r="P554">
        <v>99.576103114026367</v>
      </c>
      <c r="Q554">
        <v>120</v>
      </c>
    </row>
    <row r="555" spans="4:17" x14ac:dyDescent="0.25">
      <c r="D555">
        <v>99.396271503168876</v>
      </c>
      <c r="E555">
        <v>121</v>
      </c>
      <c r="G555">
        <v>99.193132904115586</v>
      </c>
      <c r="H555">
        <v>197</v>
      </c>
      <c r="J555">
        <v>99.034856431028018</v>
      </c>
      <c r="K555">
        <v>197</v>
      </c>
      <c r="M555">
        <v>99.384734813908665</v>
      </c>
      <c r="N555">
        <v>120</v>
      </c>
      <c r="P555">
        <v>99.576103114026367</v>
      </c>
      <c r="Q555">
        <v>120</v>
      </c>
    </row>
    <row r="556" spans="4:17" x14ac:dyDescent="0.25">
      <c r="D556">
        <v>99.398556704761063</v>
      </c>
      <c r="E556">
        <v>121</v>
      </c>
      <c r="G556">
        <v>99.190896935611789</v>
      </c>
      <c r="H556">
        <v>198</v>
      </c>
      <c r="J556">
        <v>99.031773717866017</v>
      </c>
      <c r="K556">
        <v>198</v>
      </c>
      <c r="M556">
        <v>99.384734813908665</v>
      </c>
      <c r="N556">
        <v>120</v>
      </c>
      <c r="P556">
        <v>99.575385002709808</v>
      </c>
      <c r="Q556">
        <v>120</v>
      </c>
    </row>
    <row r="557" spans="4:17" x14ac:dyDescent="0.25">
      <c r="D557">
        <v>99.401304387627874</v>
      </c>
      <c r="E557">
        <v>122</v>
      </c>
      <c r="G557">
        <v>99.188224357873494</v>
      </c>
      <c r="H557">
        <v>198</v>
      </c>
      <c r="J557">
        <v>99.028691004704044</v>
      </c>
      <c r="K557">
        <v>198</v>
      </c>
      <c r="M557">
        <v>99.384734813908665</v>
      </c>
      <c r="N557">
        <v>120</v>
      </c>
      <c r="P557">
        <v>99.57466689139325</v>
      </c>
      <c r="Q557">
        <v>120</v>
      </c>
    </row>
    <row r="558" spans="4:17" x14ac:dyDescent="0.25">
      <c r="D558">
        <v>99.403589589220047</v>
      </c>
      <c r="E558">
        <v>122</v>
      </c>
      <c r="G558">
        <v>99.186001619952563</v>
      </c>
      <c r="H558">
        <v>199</v>
      </c>
      <c r="J558">
        <v>99.02527255050461</v>
      </c>
      <c r="K558">
        <v>198</v>
      </c>
      <c r="M558">
        <v>99.384734813908665</v>
      </c>
      <c r="N558">
        <v>120</v>
      </c>
      <c r="P558">
        <v>99.57466689139325</v>
      </c>
      <c r="Q558">
        <v>120</v>
      </c>
    </row>
    <row r="559" spans="4:17" x14ac:dyDescent="0.25">
      <c r="D559">
        <v>99.405888393202673</v>
      </c>
      <c r="E559">
        <v>123</v>
      </c>
      <c r="G559">
        <v>99.183329042214297</v>
      </c>
      <c r="H559">
        <v>199</v>
      </c>
      <c r="J559">
        <v>99.022179663371816</v>
      </c>
      <c r="K559">
        <v>199</v>
      </c>
      <c r="M559">
        <v>99.384734813908665</v>
      </c>
      <c r="N559">
        <v>120</v>
      </c>
      <c r="P559">
        <v>99.573969900997781</v>
      </c>
      <c r="Q559">
        <v>120</v>
      </c>
    </row>
    <row r="560" spans="4:17" x14ac:dyDescent="0.25">
      <c r="D560">
        <v>99.40817359479486</v>
      </c>
      <c r="E560">
        <v>123</v>
      </c>
      <c r="G560">
        <v>99.18065646447603</v>
      </c>
      <c r="H560">
        <v>200</v>
      </c>
      <c r="J560">
        <v>99.019096950209814</v>
      </c>
      <c r="K560">
        <v>199</v>
      </c>
      <c r="M560">
        <v>99.384734813908665</v>
      </c>
      <c r="N560">
        <v>120</v>
      </c>
      <c r="P560">
        <v>99.573969900997781</v>
      </c>
      <c r="Q560">
        <v>120</v>
      </c>
    </row>
    <row r="561" spans="4:17" x14ac:dyDescent="0.25">
      <c r="D561">
        <v>99.410472398777472</v>
      </c>
      <c r="E561">
        <v>124</v>
      </c>
      <c r="G561">
        <v>99.178420495972219</v>
      </c>
      <c r="H561">
        <v>200</v>
      </c>
      <c r="J561">
        <v>99.016014237047827</v>
      </c>
      <c r="K561">
        <v>200</v>
      </c>
      <c r="M561">
        <v>99.38433996829508</v>
      </c>
      <c r="N561">
        <v>120</v>
      </c>
      <c r="P561">
        <v>99.573251789681265</v>
      </c>
      <c r="Q561">
        <v>120</v>
      </c>
    </row>
    <row r="562" spans="4:17" x14ac:dyDescent="0.25">
      <c r="D562">
        <v>99.412757600369659</v>
      </c>
      <c r="E562">
        <v>124</v>
      </c>
      <c r="G562">
        <v>99.175747918233938</v>
      </c>
      <c r="H562">
        <v>200</v>
      </c>
      <c r="J562">
        <v>99.012595782848408</v>
      </c>
      <c r="K562">
        <v>200</v>
      </c>
      <c r="M562">
        <v>99.38433996829508</v>
      </c>
      <c r="N562">
        <v>120</v>
      </c>
      <c r="P562">
        <v>99.573251789681265</v>
      </c>
      <c r="Q562">
        <v>120</v>
      </c>
    </row>
    <row r="563" spans="4:17" x14ac:dyDescent="0.25">
      <c r="D563">
        <v>99.415042801961846</v>
      </c>
      <c r="E563">
        <v>124</v>
      </c>
      <c r="G563">
        <v>99.173075340495672</v>
      </c>
      <c r="H563">
        <v>201</v>
      </c>
      <c r="J563">
        <v>99.009167154678138</v>
      </c>
      <c r="K563">
        <v>200</v>
      </c>
      <c r="M563">
        <v>99.38433996829508</v>
      </c>
      <c r="N563">
        <v>120</v>
      </c>
      <c r="P563">
        <v>99.573251789681265</v>
      </c>
      <c r="Q563">
        <v>120</v>
      </c>
    </row>
    <row r="564" spans="4:17" x14ac:dyDescent="0.25">
      <c r="D564">
        <v>99.417341605944472</v>
      </c>
      <c r="E564">
        <v>125</v>
      </c>
      <c r="G564">
        <v>99.170402762757391</v>
      </c>
      <c r="H564">
        <v>201</v>
      </c>
      <c r="J564">
        <v>99.005738526507884</v>
      </c>
      <c r="K564">
        <v>201</v>
      </c>
      <c r="M564">
        <v>99.38433996829508</v>
      </c>
      <c r="N564">
        <v>120</v>
      </c>
      <c r="P564">
        <v>99.572533678364707</v>
      </c>
      <c r="Q564">
        <v>120</v>
      </c>
    </row>
    <row r="565" spans="4:17" x14ac:dyDescent="0.25">
      <c r="D565">
        <v>99.419626807536659</v>
      </c>
      <c r="E565">
        <v>125</v>
      </c>
      <c r="G565">
        <v>99.16773018501911</v>
      </c>
      <c r="H565">
        <v>202</v>
      </c>
      <c r="J565">
        <v>99.002655813345925</v>
      </c>
      <c r="K565">
        <v>201</v>
      </c>
      <c r="M565">
        <v>99.383933157662923</v>
      </c>
      <c r="N565">
        <v>120</v>
      </c>
      <c r="P565">
        <v>99.572533678364707</v>
      </c>
      <c r="Q565">
        <v>120</v>
      </c>
    </row>
    <row r="566" spans="4:17" x14ac:dyDescent="0.25">
      <c r="D566">
        <v>99.421912009128832</v>
      </c>
      <c r="E566">
        <v>126</v>
      </c>
      <c r="G566">
        <v>99.165057607280843</v>
      </c>
      <c r="H566">
        <v>202</v>
      </c>
      <c r="J566">
        <v>98.999573100183923</v>
      </c>
      <c r="K566">
        <v>202</v>
      </c>
      <c r="M566">
        <v>99.383933157662923</v>
      </c>
      <c r="N566">
        <v>120</v>
      </c>
      <c r="P566">
        <v>99.571836687969224</v>
      </c>
      <c r="Q566">
        <v>120</v>
      </c>
    </row>
    <row r="567" spans="4:17" x14ac:dyDescent="0.25">
      <c r="D567">
        <v>99.423748331836848</v>
      </c>
      <c r="E567">
        <v>126</v>
      </c>
      <c r="G567">
        <v>99.162385029542577</v>
      </c>
      <c r="H567">
        <v>202</v>
      </c>
      <c r="J567">
        <v>98.995798557005386</v>
      </c>
      <c r="K567">
        <v>202</v>
      </c>
      <c r="M567">
        <v>99.383933157662923</v>
      </c>
      <c r="N567">
        <v>120</v>
      </c>
      <c r="P567">
        <v>99.571836687969224</v>
      </c>
      <c r="Q567">
        <v>120</v>
      </c>
    </row>
    <row r="568" spans="4:17" x14ac:dyDescent="0.25">
      <c r="D568">
        <v>99.425584654544849</v>
      </c>
      <c r="E568">
        <v>126</v>
      </c>
      <c r="G568">
        <v>99.15971245180431</v>
      </c>
      <c r="H568">
        <v>203</v>
      </c>
      <c r="J568">
        <v>98.992034187797685</v>
      </c>
      <c r="K568">
        <v>203</v>
      </c>
      <c r="M568">
        <v>99.383526347030767</v>
      </c>
      <c r="N568">
        <v>120</v>
      </c>
      <c r="P568">
        <v>99.571118576652694</v>
      </c>
      <c r="Q568">
        <v>120</v>
      </c>
    </row>
    <row r="569" spans="4:17" x14ac:dyDescent="0.25">
      <c r="D569">
        <v>99.427420977252851</v>
      </c>
      <c r="E569">
        <v>127</v>
      </c>
      <c r="G569">
        <v>99.157039874066015</v>
      </c>
      <c r="H569">
        <v>203</v>
      </c>
      <c r="J569">
        <v>98.98826981858997</v>
      </c>
      <c r="K569">
        <v>203</v>
      </c>
      <c r="M569">
        <v>99.383526347030767</v>
      </c>
      <c r="N569">
        <v>120</v>
      </c>
      <c r="P569">
        <v>99.571118576652694</v>
      </c>
      <c r="Q569">
        <v>120</v>
      </c>
    </row>
    <row r="570" spans="4:17" x14ac:dyDescent="0.25">
      <c r="D570">
        <v>99.428332337411646</v>
      </c>
      <c r="E570">
        <v>127</v>
      </c>
      <c r="G570">
        <v>99.154367296327749</v>
      </c>
      <c r="H570">
        <v>204</v>
      </c>
      <c r="J570">
        <v>98.984495275411433</v>
      </c>
      <c r="K570">
        <v>203</v>
      </c>
      <c r="M570">
        <v>99.383131501417182</v>
      </c>
      <c r="N570">
        <v>120</v>
      </c>
      <c r="P570">
        <v>99.570400465336135</v>
      </c>
      <c r="Q570">
        <v>120</v>
      </c>
    </row>
    <row r="571" spans="4:17" x14ac:dyDescent="0.25">
      <c r="D571">
        <v>99.429243697570442</v>
      </c>
      <c r="E571">
        <v>128</v>
      </c>
      <c r="G571">
        <v>99.151694718589482</v>
      </c>
      <c r="H571">
        <v>204</v>
      </c>
      <c r="J571">
        <v>98.980730906203746</v>
      </c>
      <c r="K571">
        <v>204</v>
      </c>
      <c r="M571">
        <v>99.383131501417182</v>
      </c>
      <c r="N571">
        <v>120</v>
      </c>
      <c r="P571">
        <v>99.570400465336135</v>
      </c>
      <c r="Q571">
        <v>120</v>
      </c>
    </row>
    <row r="572" spans="4:17" x14ac:dyDescent="0.25">
      <c r="D572">
        <v>99.430168660119662</v>
      </c>
      <c r="E572">
        <v>128</v>
      </c>
      <c r="G572">
        <v>99.149022140851201</v>
      </c>
      <c r="H572">
        <v>205</v>
      </c>
      <c r="J572">
        <v>98.976956363025195</v>
      </c>
      <c r="K572">
        <v>204</v>
      </c>
      <c r="M572">
        <v>99.382724690785054</v>
      </c>
      <c r="N572">
        <v>120</v>
      </c>
      <c r="P572">
        <v>99.569703474940653</v>
      </c>
      <c r="Q572">
        <v>120</v>
      </c>
    </row>
    <row r="573" spans="4:17" x14ac:dyDescent="0.25">
      <c r="D573">
        <v>99.430168660119662</v>
      </c>
      <c r="E573">
        <v>129</v>
      </c>
      <c r="G573">
        <v>99.145899723295599</v>
      </c>
      <c r="H573">
        <v>205</v>
      </c>
      <c r="J573">
        <v>98.973191993817494</v>
      </c>
      <c r="K573">
        <v>205</v>
      </c>
      <c r="M573">
        <v>99.382724690785054</v>
      </c>
      <c r="N573">
        <v>120</v>
      </c>
      <c r="P573">
        <v>99.569703474940653</v>
      </c>
      <c r="Q573">
        <v>120</v>
      </c>
    </row>
    <row r="574" spans="4:17" x14ac:dyDescent="0.25">
      <c r="D574">
        <v>99.430617539003833</v>
      </c>
      <c r="E574">
        <v>129</v>
      </c>
      <c r="G574">
        <v>99.143227145557333</v>
      </c>
      <c r="H574">
        <v>205</v>
      </c>
      <c r="J574">
        <v>98.969417450638957</v>
      </c>
      <c r="K574">
        <v>205</v>
      </c>
      <c r="M574">
        <v>99.382317880152854</v>
      </c>
      <c r="N574">
        <v>120</v>
      </c>
      <c r="P574">
        <v>99.568985363624122</v>
      </c>
      <c r="Q574">
        <v>120</v>
      </c>
    </row>
    <row r="575" spans="4:17" x14ac:dyDescent="0.25">
      <c r="D575">
        <v>99.430168660119662</v>
      </c>
      <c r="E575">
        <v>129</v>
      </c>
      <c r="G575">
        <v>99.140554567819024</v>
      </c>
      <c r="H575">
        <v>206</v>
      </c>
      <c r="J575">
        <v>98.965307166422974</v>
      </c>
      <c r="K575">
        <v>205</v>
      </c>
      <c r="M575">
        <v>99.382317880152854</v>
      </c>
      <c r="N575">
        <v>120</v>
      </c>
      <c r="P575">
        <v>99.568985363624122</v>
      </c>
      <c r="Q575">
        <v>120</v>
      </c>
    </row>
    <row r="576" spans="4:17" x14ac:dyDescent="0.25">
      <c r="D576">
        <v>99.430168660119662</v>
      </c>
      <c r="E576">
        <v>130</v>
      </c>
      <c r="G576">
        <v>99.137881990080771</v>
      </c>
      <c r="H576">
        <v>206</v>
      </c>
      <c r="J576">
        <v>98.961542797215273</v>
      </c>
      <c r="K576">
        <v>206</v>
      </c>
      <c r="M576">
        <v>99.381923034539284</v>
      </c>
      <c r="N576">
        <v>120</v>
      </c>
      <c r="P576">
        <v>99.568985363624122</v>
      </c>
      <c r="Q576">
        <v>120</v>
      </c>
    </row>
    <row r="577" spans="4:17" x14ac:dyDescent="0.25">
      <c r="D577">
        <v>99.430168660119662</v>
      </c>
      <c r="E577">
        <v>130</v>
      </c>
      <c r="G577">
        <v>99.134759572525155</v>
      </c>
      <c r="H577">
        <v>207</v>
      </c>
      <c r="J577">
        <v>98.957432512999304</v>
      </c>
      <c r="K577">
        <v>206</v>
      </c>
      <c r="M577">
        <v>99.381923034539284</v>
      </c>
      <c r="N577">
        <v>120</v>
      </c>
      <c r="P577">
        <v>99.568985363624122</v>
      </c>
      <c r="Q577">
        <v>120</v>
      </c>
    </row>
    <row r="578" spans="4:17" x14ac:dyDescent="0.25">
      <c r="D578">
        <v>99.429706178845052</v>
      </c>
      <c r="E578">
        <v>131</v>
      </c>
      <c r="G578">
        <v>99.132086994786889</v>
      </c>
      <c r="H578">
        <v>207</v>
      </c>
      <c r="J578">
        <v>98.953657969820767</v>
      </c>
      <c r="K578">
        <v>207</v>
      </c>
      <c r="M578">
        <v>99.381923034539284</v>
      </c>
      <c r="N578">
        <v>120</v>
      </c>
      <c r="P578">
        <v>99.568985363624122</v>
      </c>
      <c r="Q578">
        <v>120</v>
      </c>
    </row>
    <row r="579" spans="4:17" x14ac:dyDescent="0.25">
      <c r="D579">
        <v>99.429243697570442</v>
      </c>
      <c r="E579">
        <v>131</v>
      </c>
      <c r="G579">
        <v>99.128964577231272</v>
      </c>
      <c r="H579">
        <v>207</v>
      </c>
      <c r="J579">
        <v>98.949893600613052</v>
      </c>
      <c r="K579">
        <v>207</v>
      </c>
      <c r="M579">
        <v>99.381516223907141</v>
      </c>
      <c r="N579">
        <v>120</v>
      </c>
      <c r="P579">
        <v>99.568267252307564</v>
      </c>
      <c r="Q579">
        <v>120</v>
      </c>
    </row>
    <row r="580" spans="4:17" x14ac:dyDescent="0.25">
      <c r="D580">
        <v>99.428794818686256</v>
      </c>
      <c r="E580">
        <v>131</v>
      </c>
      <c r="G580">
        <v>99.126291999493006</v>
      </c>
      <c r="H580">
        <v>208</v>
      </c>
      <c r="J580">
        <v>98.946129231405351</v>
      </c>
      <c r="K580">
        <v>208</v>
      </c>
      <c r="M580">
        <v>99.381516223907141</v>
      </c>
      <c r="N580">
        <v>120</v>
      </c>
      <c r="P580">
        <v>99.568267252307564</v>
      </c>
      <c r="Q580">
        <v>120</v>
      </c>
    </row>
    <row r="581" spans="4:17" x14ac:dyDescent="0.25">
      <c r="D581">
        <v>99.428332337411646</v>
      </c>
      <c r="E581">
        <v>132</v>
      </c>
      <c r="G581">
        <v>99.12316958193739</v>
      </c>
      <c r="H581">
        <v>208</v>
      </c>
      <c r="J581">
        <v>98.9423546882268</v>
      </c>
      <c r="K581">
        <v>208</v>
      </c>
      <c r="M581">
        <v>99.381516223907141</v>
      </c>
      <c r="N581">
        <v>120</v>
      </c>
      <c r="P581">
        <v>99.567570261912081</v>
      </c>
      <c r="Q581">
        <v>120</v>
      </c>
    </row>
    <row r="582" spans="4:17" x14ac:dyDescent="0.25">
      <c r="D582">
        <v>99.427869856137036</v>
      </c>
      <c r="E582">
        <v>132</v>
      </c>
      <c r="G582">
        <v>99.120497004199123</v>
      </c>
      <c r="H582">
        <v>209</v>
      </c>
      <c r="J582">
        <v>98.938244404010817</v>
      </c>
      <c r="K582">
        <v>208</v>
      </c>
      <c r="M582">
        <v>99.381109413274984</v>
      </c>
      <c r="N582">
        <v>120</v>
      </c>
      <c r="P582">
        <v>99.567570261912081</v>
      </c>
      <c r="Q582">
        <v>120</v>
      </c>
    </row>
    <row r="583" spans="4:17" x14ac:dyDescent="0.25">
      <c r="D583">
        <v>99.427420977252851</v>
      </c>
      <c r="E583">
        <v>133</v>
      </c>
      <c r="G583">
        <v>99.117824426460871</v>
      </c>
      <c r="H583">
        <v>209</v>
      </c>
      <c r="J583">
        <v>98.93448003480313</v>
      </c>
      <c r="K583">
        <v>209</v>
      </c>
      <c r="M583">
        <v>99.381109413274984</v>
      </c>
      <c r="N583">
        <v>120</v>
      </c>
      <c r="P583">
        <v>99.567570261912081</v>
      </c>
      <c r="Q583">
        <v>120</v>
      </c>
    </row>
    <row r="584" spans="4:17" x14ac:dyDescent="0.25">
      <c r="D584">
        <v>99.426958495978241</v>
      </c>
      <c r="E584">
        <v>133</v>
      </c>
      <c r="G584">
        <v>99.115151848722576</v>
      </c>
      <c r="H584">
        <v>210</v>
      </c>
      <c r="J584">
        <v>98.930705491624593</v>
      </c>
      <c r="K584">
        <v>209</v>
      </c>
      <c r="M584">
        <v>99.380702602642799</v>
      </c>
      <c r="N584">
        <v>120</v>
      </c>
      <c r="P584">
        <v>99.566852150595537</v>
      </c>
      <c r="Q584">
        <v>120</v>
      </c>
    </row>
    <row r="585" spans="4:17" x14ac:dyDescent="0.25">
      <c r="D585">
        <v>99.426496014703631</v>
      </c>
      <c r="E585">
        <v>134</v>
      </c>
      <c r="G585">
        <v>99.112479270984295</v>
      </c>
      <c r="H585">
        <v>210</v>
      </c>
      <c r="J585">
        <v>98.92659520740861</v>
      </c>
      <c r="K585">
        <v>210</v>
      </c>
      <c r="M585">
        <v>99.380702602642799</v>
      </c>
      <c r="N585">
        <v>120</v>
      </c>
      <c r="P585">
        <v>99.566852150595537</v>
      </c>
      <c r="Q585">
        <v>120</v>
      </c>
    </row>
    <row r="586" spans="4:17" x14ac:dyDescent="0.25">
      <c r="D586">
        <v>99.425584654544849</v>
      </c>
      <c r="E586">
        <v>134</v>
      </c>
      <c r="G586">
        <v>99.109370084011559</v>
      </c>
      <c r="H586">
        <v>210</v>
      </c>
      <c r="J586">
        <v>98.922830838200909</v>
      </c>
      <c r="K586">
        <v>210</v>
      </c>
      <c r="M586">
        <v>99.380702602642799</v>
      </c>
      <c r="N586">
        <v>120</v>
      </c>
      <c r="P586">
        <v>99.566134039278992</v>
      </c>
      <c r="Q586">
        <v>120</v>
      </c>
    </row>
    <row r="587" spans="4:17" x14ac:dyDescent="0.25">
      <c r="D587">
        <v>99.424659691995629</v>
      </c>
      <c r="E587">
        <v>134</v>
      </c>
      <c r="G587">
        <v>99.106697506273278</v>
      </c>
      <c r="H587">
        <v>211</v>
      </c>
      <c r="J587">
        <v>98.918720553984926</v>
      </c>
      <c r="K587">
        <v>210</v>
      </c>
      <c r="M587">
        <v>99.380307757029215</v>
      </c>
      <c r="N587">
        <v>120</v>
      </c>
      <c r="P587">
        <v>99.566134039278992</v>
      </c>
      <c r="Q587">
        <v>120</v>
      </c>
    </row>
    <row r="588" spans="4:17" x14ac:dyDescent="0.25">
      <c r="D588">
        <v>99.423748331836848</v>
      </c>
      <c r="E588">
        <v>135</v>
      </c>
      <c r="G588">
        <v>99.10401169795216</v>
      </c>
      <c r="H588">
        <v>211</v>
      </c>
      <c r="J588">
        <v>98.914946010806389</v>
      </c>
      <c r="K588">
        <v>211</v>
      </c>
      <c r="M588">
        <v>99.380307757029215</v>
      </c>
      <c r="N588">
        <v>120</v>
      </c>
      <c r="P588">
        <v>99.565437048883524</v>
      </c>
      <c r="Q588">
        <v>120</v>
      </c>
    </row>
    <row r="589" spans="4:17" x14ac:dyDescent="0.25">
      <c r="D589">
        <v>99.422374490403442</v>
      </c>
      <c r="E589">
        <v>135</v>
      </c>
      <c r="G589">
        <v>99.100902510979395</v>
      </c>
      <c r="H589">
        <v>212</v>
      </c>
      <c r="J589">
        <v>98.910835726590406</v>
      </c>
      <c r="K589">
        <v>211</v>
      </c>
      <c r="M589">
        <v>99.379900946397086</v>
      </c>
      <c r="N589">
        <v>120</v>
      </c>
      <c r="P589">
        <v>99.565437048883524</v>
      </c>
      <c r="Q589">
        <v>120</v>
      </c>
    </row>
    <row r="590" spans="4:17" x14ac:dyDescent="0.25">
      <c r="D590">
        <v>99.421000648970065</v>
      </c>
      <c r="E590">
        <v>136</v>
      </c>
      <c r="G590">
        <v>99.098229933241129</v>
      </c>
      <c r="H590">
        <v>212</v>
      </c>
      <c r="J590">
        <v>98.906725442374423</v>
      </c>
      <c r="K590">
        <v>212</v>
      </c>
      <c r="M590">
        <v>99.379900946397086</v>
      </c>
      <c r="N590">
        <v>120</v>
      </c>
      <c r="P590">
        <v>99.564718937566965</v>
      </c>
      <c r="Q590">
        <v>120</v>
      </c>
    </row>
    <row r="591" spans="4:17" x14ac:dyDescent="0.25">
      <c r="D591">
        <v>99.420089288811269</v>
      </c>
      <c r="E591">
        <v>136</v>
      </c>
      <c r="G591">
        <v>99.095557355502848</v>
      </c>
      <c r="H591">
        <v>212</v>
      </c>
      <c r="J591">
        <v>98.902615158158454</v>
      </c>
      <c r="K591">
        <v>212</v>
      </c>
      <c r="M591">
        <v>99.379900946397086</v>
      </c>
      <c r="N591">
        <v>120</v>
      </c>
      <c r="P591">
        <v>99.564718937566965</v>
      </c>
      <c r="Q591">
        <v>120</v>
      </c>
    </row>
    <row r="592" spans="4:17" x14ac:dyDescent="0.25">
      <c r="D592">
        <v>99.418715447377849</v>
      </c>
      <c r="E592">
        <v>136</v>
      </c>
      <c r="G592">
        <v>99.092434937947246</v>
      </c>
      <c r="H592">
        <v>213</v>
      </c>
      <c r="J592">
        <v>98.898840614979918</v>
      </c>
      <c r="K592">
        <v>213</v>
      </c>
      <c r="M592">
        <v>99.379494135764901</v>
      </c>
      <c r="N592">
        <v>120</v>
      </c>
      <c r="P592">
        <v>99.564000826250435</v>
      </c>
      <c r="Q592">
        <v>120</v>
      </c>
    </row>
    <row r="593" spans="4:17" x14ac:dyDescent="0.25">
      <c r="D593">
        <v>99.417790484828629</v>
      </c>
      <c r="E593">
        <v>137</v>
      </c>
      <c r="G593">
        <v>99.089762360208965</v>
      </c>
      <c r="H593">
        <v>213</v>
      </c>
      <c r="J593">
        <v>98.895076245772216</v>
      </c>
      <c r="K593">
        <v>213</v>
      </c>
      <c r="M593">
        <v>99.379494135764901</v>
      </c>
      <c r="N593">
        <v>120</v>
      </c>
      <c r="P593">
        <v>99.563303835854967</v>
      </c>
      <c r="Q593">
        <v>120</v>
      </c>
    </row>
    <row r="594" spans="4:17" x14ac:dyDescent="0.25">
      <c r="D594">
        <v>99.416416643395252</v>
      </c>
      <c r="E594">
        <v>137</v>
      </c>
      <c r="G594">
        <v>99.087089782470699</v>
      </c>
      <c r="H594">
        <v>214</v>
      </c>
      <c r="J594">
        <v>98.891311876564515</v>
      </c>
      <c r="K594">
        <v>213</v>
      </c>
      <c r="M594">
        <v>99.379494135764901</v>
      </c>
      <c r="N594">
        <v>120</v>
      </c>
      <c r="P594">
        <v>99.563303835854967</v>
      </c>
      <c r="Q594">
        <v>120</v>
      </c>
    </row>
    <row r="595" spans="4:17" x14ac:dyDescent="0.25">
      <c r="D595">
        <v>99.415505283236456</v>
      </c>
      <c r="E595">
        <v>138</v>
      </c>
      <c r="G595">
        <v>99.084417204732418</v>
      </c>
      <c r="H595">
        <v>214</v>
      </c>
      <c r="J595">
        <v>98.887537333385978</v>
      </c>
      <c r="K595">
        <v>214</v>
      </c>
      <c r="M595">
        <v>99.379099290151345</v>
      </c>
      <c r="N595">
        <v>120</v>
      </c>
      <c r="P595">
        <v>99.562585724538408</v>
      </c>
      <c r="Q595">
        <v>120</v>
      </c>
    </row>
    <row r="596" spans="4:17" x14ac:dyDescent="0.25">
      <c r="D596">
        <v>99.41413144180305</v>
      </c>
      <c r="E596">
        <v>138</v>
      </c>
      <c r="G596">
        <v>99.081294787176816</v>
      </c>
      <c r="H596">
        <v>215</v>
      </c>
      <c r="J596">
        <v>98.883772964178277</v>
      </c>
      <c r="K596">
        <v>214</v>
      </c>
      <c r="M596">
        <v>99.379099290151345</v>
      </c>
      <c r="N596">
        <v>120</v>
      </c>
      <c r="P596">
        <v>99.562585724538408</v>
      </c>
      <c r="Q596">
        <v>120</v>
      </c>
    </row>
    <row r="597" spans="4:17" x14ac:dyDescent="0.25">
      <c r="D597">
        <v>99.413220081644269</v>
      </c>
      <c r="E597">
        <v>139</v>
      </c>
      <c r="G597">
        <v>99.0781723696212</v>
      </c>
      <c r="H597">
        <v>215</v>
      </c>
      <c r="J597">
        <v>98.87999842099974</v>
      </c>
      <c r="K597">
        <v>215</v>
      </c>
      <c r="M597">
        <v>99.379099290151345</v>
      </c>
      <c r="N597">
        <v>120</v>
      </c>
      <c r="P597">
        <v>99.561867613221864</v>
      </c>
      <c r="Q597">
        <v>120</v>
      </c>
    </row>
    <row r="598" spans="4:17" x14ac:dyDescent="0.25">
      <c r="D598">
        <v>99.412295119095035</v>
      </c>
      <c r="E598">
        <v>139</v>
      </c>
      <c r="G598">
        <v>99.075499791882947</v>
      </c>
      <c r="H598">
        <v>215</v>
      </c>
      <c r="J598">
        <v>98.876569792829457</v>
      </c>
      <c r="K598">
        <v>215</v>
      </c>
      <c r="M598">
        <v>99.379099290151345</v>
      </c>
      <c r="N598">
        <v>120</v>
      </c>
      <c r="P598">
        <v>99.561867613221864</v>
      </c>
      <c r="Q598">
        <v>120</v>
      </c>
    </row>
    <row r="599" spans="4:17" x14ac:dyDescent="0.25">
      <c r="D599">
        <v>99.411846240210878</v>
      </c>
      <c r="E599">
        <v>139</v>
      </c>
      <c r="G599">
        <v>99.072827214144667</v>
      </c>
      <c r="H599">
        <v>216</v>
      </c>
      <c r="J599">
        <v>98.872805423621756</v>
      </c>
      <c r="K599">
        <v>215</v>
      </c>
      <c r="M599">
        <v>99.378692479519188</v>
      </c>
      <c r="N599">
        <v>120</v>
      </c>
      <c r="P599">
        <v>99.561170622826396</v>
      </c>
      <c r="Q599">
        <v>120</v>
      </c>
    </row>
    <row r="600" spans="4:17" x14ac:dyDescent="0.25">
      <c r="D600">
        <v>99.410472398777472</v>
      </c>
      <c r="E600">
        <v>140</v>
      </c>
      <c r="G600">
        <v>99.06970479658905</v>
      </c>
      <c r="H600">
        <v>216</v>
      </c>
      <c r="J600">
        <v>98.869041054414055</v>
      </c>
      <c r="K600">
        <v>216</v>
      </c>
      <c r="M600">
        <v>99.378692479519188</v>
      </c>
      <c r="N600">
        <v>120</v>
      </c>
      <c r="P600">
        <v>99.560452511509851</v>
      </c>
      <c r="Q600">
        <v>120</v>
      </c>
    </row>
    <row r="601" spans="4:17" x14ac:dyDescent="0.25">
      <c r="D601">
        <v>99.409547436228252</v>
      </c>
      <c r="E601">
        <v>140</v>
      </c>
      <c r="G601">
        <v>99.067032218850784</v>
      </c>
      <c r="H601">
        <v>217</v>
      </c>
      <c r="J601">
        <v>98.8656124262438</v>
      </c>
      <c r="K601">
        <v>216</v>
      </c>
      <c r="M601">
        <v>99.378692479519188</v>
      </c>
      <c r="N601">
        <v>120</v>
      </c>
      <c r="P601">
        <v>99.560452511509851</v>
      </c>
      <c r="Q601">
        <v>120</v>
      </c>
    </row>
    <row r="602" spans="4:17" x14ac:dyDescent="0.25">
      <c r="D602">
        <v>99.40817359479486</v>
      </c>
      <c r="E602">
        <v>141</v>
      </c>
      <c r="G602">
        <v>99.064359641112503</v>
      </c>
      <c r="H602">
        <v>217</v>
      </c>
      <c r="J602">
        <v>98.861837883065263</v>
      </c>
      <c r="K602">
        <v>217</v>
      </c>
      <c r="M602">
        <v>99.378692479519188</v>
      </c>
      <c r="N602">
        <v>120</v>
      </c>
      <c r="P602">
        <v>99.559734400193307</v>
      </c>
      <c r="Q602">
        <v>120</v>
      </c>
    </row>
    <row r="603" spans="4:17" x14ac:dyDescent="0.25">
      <c r="D603">
        <v>99.407262234636079</v>
      </c>
      <c r="E603">
        <v>141</v>
      </c>
      <c r="G603">
        <v>99.061687063374237</v>
      </c>
      <c r="H603">
        <v>217</v>
      </c>
      <c r="J603">
        <v>98.858073513857562</v>
      </c>
      <c r="K603">
        <v>217</v>
      </c>
      <c r="M603">
        <v>99.378692479519188</v>
      </c>
      <c r="N603">
        <v>120</v>
      </c>
      <c r="P603">
        <v>99.559037409797838</v>
      </c>
      <c r="Q603">
        <v>120</v>
      </c>
    </row>
    <row r="604" spans="4:17" x14ac:dyDescent="0.25">
      <c r="D604">
        <v>99.405888393202673</v>
      </c>
      <c r="E604">
        <v>141</v>
      </c>
      <c r="G604">
        <v>99.058577876401472</v>
      </c>
      <c r="H604">
        <v>218</v>
      </c>
      <c r="J604">
        <v>98.853963229641579</v>
      </c>
      <c r="K604">
        <v>218</v>
      </c>
      <c r="M604">
        <v>99.378692479519188</v>
      </c>
      <c r="N604">
        <v>120</v>
      </c>
      <c r="P604">
        <v>99.559037409797838</v>
      </c>
      <c r="Q604">
        <v>120</v>
      </c>
    </row>
    <row r="605" spans="4:17" x14ac:dyDescent="0.25">
      <c r="D605">
        <v>99.404052070494657</v>
      </c>
      <c r="E605">
        <v>142</v>
      </c>
      <c r="G605">
        <v>99.05590529866322</v>
      </c>
      <c r="H605">
        <v>218</v>
      </c>
      <c r="J605">
        <v>98.850534601471324</v>
      </c>
      <c r="K605">
        <v>218</v>
      </c>
      <c r="M605">
        <v>99.378692479519188</v>
      </c>
      <c r="N605">
        <v>120</v>
      </c>
      <c r="P605">
        <v>99.559037409797838</v>
      </c>
      <c r="Q605">
        <v>120</v>
      </c>
    </row>
    <row r="606" spans="4:17" x14ac:dyDescent="0.25">
      <c r="D606">
        <v>99.402678229061266</v>
      </c>
      <c r="E606">
        <v>142</v>
      </c>
      <c r="G606">
        <v>99.052782881107603</v>
      </c>
      <c r="H606">
        <v>219</v>
      </c>
      <c r="J606">
        <v>98.846770232263623</v>
      </c>
      <c r="K606">
        <v>218</v>
      </c>
      <c r="M606">
        <v>99.378285668887003</v>
      </c>
      <c r="N606">
        <v>120</v>
      </c>
      <c r="P606">
        <v>99.55831929848128</v>
      </c>
      <c r="Q606">
        <v>120</v>
      </c>
    </row>
    <row r="607" spans="4:17" x14ac:dyDescent="0.25">
      <c r="D607">
        <v>99.401304387627874</v>
      </c>
      <c r="E607">
        <v>143</v>
      </c>
      <c r="G607">
        <v>99.049660463552001</v>
      </c>
      <c r="H607">
        <v>219</v>
      </c>
      <c r="J607">
        <v>98.842995689085086</v>
      </c>
      <c r="K607">
        <v>219</v>
      </c>
      <c r="M607">
        <v>99.378285668887003</v>
      </c>
      <c r="N607">
        <v>120</v>
      </c>
      <c r="P607">
        <v>99.55831929848128</v>
      </c>
      <c r="Q607">
        <v>120</v>
      </c>
    </row>
    <row r="608" spans="4:17" x14ac:dyDescent="0.25">
      <c r="D608">
        <v>99.399930546194483</v>
      </c>
      <c r="E608">
        <v>143</v>
      </c>
      <c r="G608">
        <v>99.0465380459964</v>
      </c>
      <c r="H608">
        <v>220</v>
      </c>
      <c r="J608">
        <v>98.839231319877385</v>
      </c>
      <c r="K608">
        <v>219</v>
      </c>
      <c r="M608">
        <v>99.378285668887003</v>
      </c>
      <c r="N608">
        <v>120</v>
      </c>
      <c r="P608">
        <v>99.55831929848128</v>
      </c>
      <c r="Q608">
        <v>120</v>
      </c>
    </row>
    <row r="609" spans="4:17" x14ac:dyDescent="0.25">
      <c r="D609">
        <v>99.399930546194483</v>
      </c>
      <c r="E609">
        <v>144</v>
      </c>
      <c r="G609">
        <v>99.043428859023635</v>
      </c>
      <c r="H609">
        <v>220</v>
      </c>
      <c r="J609">
        <v>98.835456776698848</v>
      </c>
      <c r="K609">
        <v>220</v>
      </c>
      <c r="M609">
        <v>99.378285668887003</v>
      </c>
      <c r="N609">
        <v>120</v>
      </c>
      <c r="P609">
        <v>99.557601187164735</v>
      </c>
      <c r="Q609">
        <v>120</v>
      </c>
    </row>
    <row r="610" spans="4:17" x14ac:dyDescent="0.25">
      <c r="D610">
        <v>99.398556704761063</v>
      </c>
      <c r="E610">
        <v>144</v>
      </c>
      <c r="G610">
        <v>99.040306441468033</v>
      </c>
      <c r="H610">
        <v>220</v>
      </c>
      <c r="J610">
        <v>98.831692407491147</v>
      </c>
      <c r="K610">
        <v>220</v>
      </c>
      <c r="M610">
        <v>99.378285668887003</v>
      </c>
      <c r="N610">
        <v>120</v>
      </c>
      <c r="P610">
        <v>99.557601187164735</v>
      </c>
      <c r="Q610">
        <v>120</v>
      </c>
    </row>
    <row r="611" spans="4:17" x14ac:dyDescent="0.25">
      <c r="D611">
        <v>99.397645344602282</v>
      </c>
      <c r="E611">
        <v>144</v>
      </c>
      <c r="G611">
        <v>99.037184023912431</v>
      </c>
      <c r="H611">
        <v>221</v>
      </c>
      <c r="J611">
        <v>98.827928038283432</v>
      </c>
      <c r="K611">
        <v>220</v>
      </c>
      <c r="M611">
        <v>99.378285668887003</v>
      </c>
      <c r="N611">
        <v>120</v>
      </c>
      <c r="P611">
        <v>99.556904196769267</v>
      </c>
      <c r="Q611">
        <v>120</v>
      </c>
    </row>
    <row r="612" spans="4:17" x14ac:dyDescent="0.25">
      <c r="D612">
        <v>99.396271503168876</v>
      </c>
      <c r="E612">
        <v>145</v>
      </c>
      <c r="G612">
        <v>99.03451144617415</v>
      </c>
      <c r="H612">
        <v>221</v>
      </c>
      <c r="J612">
        <v>98.823807580096613</v>
      </c>
      <c r="K612">
        <v>221</v>
      </c>
      <c r="M612">
        <v>99.378285668887003</v>
      </c>
      <c r="N612">
        <v>120</v>
      </c>
      <c r="P612">
        <v>99.556904196769267</v>
      </c>
      <c r="Q612">
        <v>120</v>
      </c>
    </row>
    <row r="613" spans="4:17" x14ac:dyDescent="0.25">
      <c r="D613">
        <v>99.395346540619684</v>
      </c>
      <c r="E613">
        <v>145</v>
      </c>
      <c r="G613">
        <v>99.031389028618548</v>
      </c>
      <c r="H613">
        <v>222</v>
      </c>
      <c r="J613">
        <v>98.819697295880644</v>
      </c>
      <c r="K613">
        <v>221</v>
      </c>
      <c r="M613">
        <v>99.377890823273447</v>
      </c>
      <c r="N613">
        <v>120</v>
      </c>
      <c r="P613">
        <v>99.556904196769267</v>
      </c>
      <c r="Q613">
        <v>120</v>
      </c>
    </row>
    <row r="614" spans="4:17" x14ac:dyDescent="0.25">
      <c r="D614">
        <v>99.393972699186264</v>
      </c>
      <c r="E614">
        <v>146</v>
      </c>
      <c r="G614">
        <v>99.028279841645812</v>
      </c>
      <c r="H614">
        <v>222</v>
      </c>
      <c r="J614">
        <v>98.815587011664689</v>
      </c>
      <c r="K614">
        <v>222</v>
      </c>
      <c r="M614">
        <v>99.377890823273447</v>
      </c>
      <c r="N614">
        <v>120</v>
      </c>
      <c r="P614">
        <v>99.556186085452708</v>
      </c>
      <c r="Q614">
        <v>120</v>
      </c>
    </row>
    <row r="615" spans="4:17" x14ac:dyDescent="0.25">
      <c r="D615">
        <v>99.393061339027483</v>
      </c>
      <c r="E615">
        <v>146</v>
      </c>
      <c r="G615">
        <v>99.025607263907531</v>
      </c>
      <c r="H615">
        <v>222</v>
      </c>
      <c r="J615">
        <v>98.811476727448706</v>
      </c>
      <c r="K615">
        <v>222</v>
      </c>
      <c r="M615">
        <v>99.377890823273447</v>
      </c>
      <c r="N615">
        <v>120</v>
      </c>
      <c r="P615">
        <v>99.556186085452708</v>
      </c>
      <c r="Q615">
        <v>120</v>
      </c>
    </row>
    <row r="616" spans="4:17" x14ac:dyDescent="0.25">
      <c r="D616">
        <v>99.391687497594077</v>
      </c>
      <c r="E616">
        <v>146</v>
      </c>
      <c r="G616">
        <v>99.022484846351915</v>
      </c>
      <c r="H616">
        <v>223</v>
      </c>
      <c r="J616">
        <v>98.807366443232709</v>
      </c>
      <c r="K616">
        <v>223</v>
      </c>
      <c r="M616">
        <v>99.377890823273447</v>
      </c>
      <c r="N616">
        <v>120</v>
      </c>
      <c r="P616">
        <v>99.556186085452708</v>
      </c>
      <c r="Q616">
        <v>120</v>
      </c>
    </row>
    <row r="617" spans="4:17" x14ac:dyDescent="0.25">
      <c r="D617">
        <v>99.389851174886076</v>
      </c>
      <c r="E617">
        <v>147</v>
      </c>
      <c r="G617">
        <v>99.019362428796313</v>
      </c>
      <c r="H617">
        <v>223</v>
      </c>
      <c r="J617">
        <v>98.80325615901674</v>
      </c>
      <c r="K617">
        <v>223</v>
      </c>
      <c r="M617">
        <v>99.377890823273447</v>
      </c>
      <c r="N617">
        <v>120</v>
      </c>
      <c r="P617">
        <v>99.555467974136164</v>
      </c>
      <c r="Q617">
        <v>120</v>
      </c>
    </row>
    <row r="618" spans="4:17" x14ac:dyDescent="0.25">
      <c r="D618">
        <v>99.38893981472728</v>
      </c>
      <c r="E618">
        <v>147</v>
      </c>
      <c r="G618">
        <v>99.016240011240711</v>
      </c>
      <c r="H618">
        <v>224</v>
      </c>
      <c r="J618">
        <v>98.79879995979249</v>
      </c>
      <c r="K618">
        <v>223</v>
      </c>
      <c r="M618">
        <v>99.377890823273447</v>
      </c>
      <c r="N618">
        <v>120</v>
      </c>
      <c r="P618">
        <v>99.555467974136164</v>
      </c>
      <c r="Q618">
        <v>120</v>
      </c>
    </row>
    <row r="619" spans="4:17" x14ac:dyDescent="0.25">
      <c r="D619">
        <v>99.387565973293889</v>
      </c>
      <c r="E619">
        <v>148</v>
      </c>
      <c r="G619">
        <v>99.013130824267961</v>
      </c>
      <c r="H619">
        <v>224</v>
      </c>
      <c r="J619">
        <v>98.794689675576507</v>
      </c>
      <c r="K619">
        <v>224</v>
      </c>
      <c r="M619">
        <v>99.377890823273447</v>
      </c>
      <c r="N619">
        <v>120</v>
      </c>
      <c r="P619">
        <v>99.555467974136164</v>
      </c>
      <c r="Q619">
        <v>120</v>
      </c>
    </row>
    <row r="620" spans="4:17" x14ac:dyDescent="0.25">
      <c r="D620">
        <v>99.386641010744654</v>
      </c>
      <c r="E620">
        <v>148</v>
      </c>
      <c r="G620">
        <v>99.01045824652968</v>
      </c>
      <c r="H620">
        <v>225</v>
      </c>
      <c r="J620">
        <v>98.790579391360509</v>
      </c>
      <c r="K620">
        <v>224</v>
      </c>
      <c r="M620">
        <v>99.377484012641276</v>
      </c>
      <c r="N620">
        <v>120</v>
      </c>
      <c r="P620">
        <v>99.555467974136164</v>
      </c>
      <c r="Q620">
        <v>120</v>
      </c>
    </row>
    <row r="621" spans="4:17" x14ac:dyDescent="0.25">
      <c r="D621">
        <v>99.386192131860469</v>
      </c>
      <c r="E621">
        <v>149</v>
      </c>
      <c r="G621">
        <v>99.007335828974092</v>
      </c>
      <c r="H621">
        <v>225</v>
      </c>
      <c r="J621">
        <v>98.786123192136273</v>
      </c>
      <c r="K621">
        <v>225</v>
      </c>
      <c r="M621">
        <v>99.377484012641276</v>
      </c>
      <c r="N621">
        <v>120</v>
      </c>
      <c r="P621">
        <v>99.555467974136164</v>
      </c>
      <c r="Q621">
        <v>120</v>
      </c>
    </row>
    <row r="622" spans="4:17" x14ac:dyDescent="0.25">
      <c r="D622">
        <v>99.384355809152481</v>
      </c>
      <c r="E622">
        <v>149</v>
      </c>
      <c r="G622">
        <v>99.004663251235797</v>
      </c>
      <c r="H622">
        <v>225</v>
      </c>
      <c r="J622">
        <v>98.782012907920276</v>
      </c>
      <c r="K622">
        <v>225</v>
      </c>
      <c r="M622">
        <v>99.377484012641276</v>
      </c>
      <c r="N622">
        <v>120</v>
      </c>
      <c r="P622">
        <v>99.554770983740681</v>
      </c>
      <c r="Q622">
        <v>120</v>
      </c>
    </row>
    <row r="623" spans="4:17" x14ac:dyDescent="0.25">
      <c r="D623">
        <v>99.382070607560294</v>
      </c>
      <c r="E623">
        <v>149</v>
      </c>
      <c r="G623">
        <v>99.001540833680195</v>
      </c>
      <c r="H623">
        <v>226</v>
      </c>
      <c r="J623">
        <v>98.777556708696025</v>
      </c>
      <c r="K623">
        <v>225</v>
      </c>
      <c r="M623">
        <v>99.377077202009119</v>
      </c>
      <c r="N623">
        <v>120</v>
      </c>
      <c r="P623">
        <v>99.554770983740681</v>
      </c>
      <c r="Q623">
        <v>120</v>
      </c>
    </row>
    <row r="624" spans="4:17" x14ac:dyDescent="0.25">
      <c r="D624">
        <v>99.380234284852278</v>
      </c>
      <c r="E624">
        <v>150</v>
      </c>
      <c r="G624">
        <v>98.998418416124593</v>
      </c>
      <c r="H624">
        <v>226</v>
      </c>
      <c r="J624">
        <v>98.773446424480056</v>
      </c>
      <c r="K624">
        <v>226</v>
      </c>
      <c r="M624">
        <v>99.377077202009119</v>
      </c>
      <c r="N624">
        <v>120</v>
      </c>
      <c r="P624">
        <v>99.554770983740681</v>
      </c>
      <c r="Q624">
        <v>120</v>
      </c>
    </row>
    <row r="625" spans="4:17" x14ac:dyDescent="0.25">
      <c r="D625">
        <v>99.378397962144277</v>
      </c>
      <c r="E625">
        <v>150</v>
      </c>
      <c r="G625">
        <v>98.995309229151843</v>
      </c>
      <c r="H625">
        <v>227</v>
      </c>
      <c r="J625">
        <v>98.768654484218345</v>
      </c>
      <c r="K625">
        <v>226</v>
      </c>
      <c r="M625">
        <v>99.377077202009119</v>
      </c>
      <c r="N625">
        <v>120</v>
      </c>
      <c r="P625">
        <v>99.554770983740681</v>
      </c>
      <c r="Q625">
        <v>120</v>
      </c>
    </row>
    <row r="626" spans="4:17" x14ac:dyDescent="0.25">
      <c r="D626">
        <v>99.3765752418267</v>
      </c>
      <c r="E626">
        <v>151</v>
      </c>
      <c r="G626">
        <v>98.992186811596227</v>
      </c>
      <c r="H626">
        <v>227</v>
      </c>
      <c r="J626">
        <v>98.764198284994094</v>
      </c>
      <c r="K626">
        <v>227</v>
      </c>
      <c r="M626">
        <v>99.376682356395548</v>
      </c>
      <c r="N626">
        <v>120</v>
      </c>
      <c r="P626">
        <v>99.554770983740681</v>
      </c>
      <c r="Q626">
        <v>120</v>
      </c>
    </row>
    <row r="627" spans="4:17" x14ac:dyDescent="0.25">
      <c r="D627">
        <v>99.375201400393294</v>
      </c>
      <c r="E627">
        <v>151</v>
      </c>
      <c r="G627">
        <v>98.98862778480617</v>
      </c>
      <c r="H627">
        <v>227</v>
      </c>
      <c r="J627">
        <v>98.759406344732398</v>
      </c>
      <c r="K627">
        <v>227</v>
      </c>
      <c r="M627">
        <v>99.376682356395548</v>
      </c>
      <c r="N627">
        <v>120</v>
      </c>
      <c r="P627">
        <v>99.554770983740681</v>
      </c>
      <c r="Q627">
        <v>120</v>
      </c>
    </row>
    <row r="628" spans="4:17" x14ac:dyDescent="0.25">
      <c r="D628">
        <v>99.373365077685293</v>
      </c>
      <c r="E628">
        <v>151</v>
      </c>
      <c r="G628">
        <v>98.985505367250553</v>
      </c>
      <c r="H628">
        <v>228</v>
      </c>
      <c r="J628">
        <v>98.754950145508147</v>
      </c>
      <c r="K628">
        <v>228</v>
      </c>
      <c r="M628">
        <v>99.376682356395548</v>
      </c>
      <c r="N628">
        <v>120</v>
      </c>
      <c r="P628">
        <v>99.554052872424137</v>
      </c>
      <c r="Q628">
        <v>120</v>
      </c>
    </row>
    <row r="629" spans="4:17" x14ac:dyDescent="0.25">
      <c r="D629">
        <v>99.371528754977277</v>
      </c>
      <c r="E629">
        <v>152</v>
      </c>
      <c r="G629">
        <v>98.982382949694951</v>
      </c>
      <c r="H629">
        <v>228</v>
      </c>
      <c r="J629">
        <v>98.750493946283882</v>
      </c>
      <c r="K629">
        <v>228</v>
      </c>
      <c r="M629">
        <v>99.376275545763363</v>
      </c>
      <c r="N629">
        <v>120</v>
      </c>
      <c r="P629">
        <v>99.554052872424137</v>
      </c>
      <c r="Q629">
        <v>120</v>
      </c>
    </row>
    <row r="630" spans="4:17" x14ac:dyDescent="0.25">
      <c r="D630">
        <v>99.37061739481851</v>
      </c>
      <c r="E630">
        <v>152</v>
      </c>
      <c r="G630">
        <v>98.979260532139335</v>
      </c>
      <c r="H630">
        <v>229</v>
      </c>
      <c r="J630">
        <v>98.745702006022199</v>
      </c>
      <c r="K630">
        <v>228</v>
      </c>
      <c r="M630">
        <v>99.376275545763363</v>
      </c>
      <c r="N630">
        <v>120</v>
      </c>
      <c r="P630">
        <v>99.554052872424137</v>
      </c>
      <c r="Q630">
        <v>120</v>
      </c>
    </row>
    <row r="631" spans="4:17" x14ac:dyDescent="0.25">
      <c r="D631">
        <v>99.368781072110494</v>
      </c>
      <c r="E631">
        <v>153</v>
      </c>
      <c r="G631">
        <v>98.976151345166599</v>
      </c>
      <c r="H631">
        <v>229</v>
      </c>
      <c r="J631">
        <v>98.740553976781399</v>
      </c>
      <c r="K631">
        <v>229</v>
      </c>
      <c r="M631">
        <v>99.376275545763363</v>
      </c>
      <c r="N631">
        <v>120</v>
      </c>
      <c r="P631">
        <v>99.553334761107607</v>
      </c>
      <c r="Q631">
        <v>120</v>
      </c>
    </row>
    <row r="632" spans="4:17" x14ac:dyDescent="0.25">
      <c r="D632">
        <v>99.366944749402464</v>
      </c>
      <c r="E632">
        <v>153</v>
      </c>
      <c r="G632">
        <v>98.972579087793662</v>
      </c>
      <c r="H632">
        <v>230</v>
      </c>
      <c r="J632">
        <v>98.735762036519674</v>
      </c>
      <c r="K632">
        <v>229</v>
      </c>
      <c r="M632">
        <v>99.375868735131206</v>
      </c>
      <c r="N632">
        <v>120</v>
      </c>
      <c r="P632">
        <v>99.553334761107607</v>
      </c>
      <c r="Q632">
        <v>120</v>
      </c>
    </row>
    <row r="633" spans="4:17" x14ac:dyDescent="0.25">
      <c r="D633">
        <v>99.365122029084901</v>
      </c>
      <c r="E633">
        <v>154</v>
      </c>
      <c r="G633">
        <v>98.969469900820897</v>
      </c>
      <c r="H633">
        <v>230</v>
      </c>
      <c r="J633">
        <v>98.730959922287141</v>
      </c>
      <c r="K633">
        <v>230</v>
      </c>
      <c r="M633">
        <v>99.375868735131206</v>
      </c>
      <c r="N633">
        <v>120</v>
      </c>
      <c r="P633">
        <v>99.552616649791062</v>
      </c>
      <c r="Q633">
        <v>120</v>
      </c>
    </row>
    <row r="634" spans="4:17" x14ac:dyDescent="0.25">
      <c r="D634">
        <v>99.361911864943494</v>
      </c>
      <c r="E634">
        <v>154</v>
      </c>
      <c r="G634">
        <v>98.966347483265309</v>
      </c>
      <c r="H634">
        <v>230</v>
      </c>
      <c r="J634">
        <v>98.725822067017177</v>
      </c>
      <c r="K634">
        <v>230</v>
      </c>
      <c r="M634">
        <v>99.375473889517636</v>
      </c>
      <c r="N634">
        <v>120</v>
      </c>
      <c r="P634">
        <v>99.552616649791062</v>
      </c>
      <c r="Q634">
        <v>120</v>
      </c>
    </row>
    <row r="635" spans="4:17" x14ac:dyDescent="0.25">
      <c r="D635">
        <v>99.359626663351307</v>
      </c>
      <c r="E635">
        <v>154</v>
      </c>
      <c r="G635">
        <v>98.963225065709679</v>
      </c>
      <c r="H635">
        <v>231</v>
      </c>
      <c r="J635">
        <v>98.721030126755466</v>
      </c>
      <c r="K635">
        <v>230</v>
      </c>
      <c r="M635">
        <v>99.375473889517636</v>
      </c>
      <c r="N635">
        <v>120</v>
      </c>
      <c r="P635">
        <v>99.552616649791062</v>
      </c>
      <c r="Q635">
        <v>120</v>
      </c>
    </row>
    <row r="636" spans="4:17" x14ac:dyDescent="0.25">
      <c r="D636">
        <v>99.357327859368695</v>
      </c>
      <c r="E636">
        <v>155</v>
      </c>
      <c r="G636">
        <v>98.959666038919622</v>
      </c>
      <c r="H636">
        <v>231</v>
      </c>
      <c r="J636">
        <v>98.715892271485501</v>
      </c>
      <c r="K636">
        <v>231</v>
      </c>
      <c r="M636">
        <v>99.375473889517636</v>
      </c>
      <c r="N636">
        <v>120</v>
      </c>
      <c r="P636">
        <v>99.551919659395566</v>
      </c>
      <c r="Q636">
        <v>120</v>
      </c>
    </row>
    <row r="637" spans="4:17" x14ac:dyDescent="0.25">
      <c r="D637">
        <v>99.355505139051132</v>
      </c>
      <c r="E637">
        <v>155</v>
      </c>
      <c r="G637">
        <v>98.956543621364006</v>
      </c>
      <c r="H637">
        <v>232</v>
      </c>
      <c r="J637">
        <v>98.711090157252983</v>
      </c>
      <c r="K637">
        <v>231</v>
      </c>
      <c r="M637">
        <v>99.375067078885479</v>
      </c>
      <c r="N637">
        <v>120</v>
      </c>
      <c r="P637">
        <v>99.551919659395566</v>
      </c>
      <c r="Q637">
        <v>120</v>
      </c>
    </row>
    <row r="638" spans="4:17" x14ac:dyDescent="0.25">
      <c r="D638">
        <v>99.353668816343117</v>
      </c>
      <c r="E638">
        <v>156</v>
      </c>
      <c r="G638">
        <v>98.953421203808389</v>
      </c>
      <c r="H638">
        <v>232</v>
      </c>
      <c r="J638">
        <v>98.706298216991271</v>
      </c>
      <c r="K638">
        <v>232</v>
      </c>
      <c r="M638">
        <v>99.375067078885479</v>
      </c>
      <c r="N638">
        <v>120</v>
      </c>
      <c r="P638">
        <v>99.551919659395566</v>
      </c>
      <c r="Q638">
        <v>120</v>
      </c>
    </row>
    <row r="639" spans="4:17" x14ac:dyDescent="0.25">
      <c r="D639">
        <v>99.351370012360491</v>
      </c>
      <c r="E639">
        <v>156</v>
      </c>
      <c r="G639">
        <v>98.950298786252802</v>
      </c>
      <c r="H639">
        <v>232</v>
      </c>
      <c r="J639">
        <v>98.701496102758739</v>
      </c>
      <c r="K639">
        <v>232</v>
      </c>
      <c r="M639">
        <v>99.375067078885479</v>
      </c>
      <c r="N639">
        <v>120</v>
      </c>
      <c r="P639">
        <v>99.551201548079035</v>
      </c>
      <c r="Q639">
        <v>120</v>
      </c>
    </row>
    <row r="640" spans="4:17" x14ac:dyDescent="0.25">
      <c r="D640">
        <v>99.349547292042899</v>
      </c>
      <c r="E640">
        <v>156</v>
      </c>
      <c r="G640">
        <v>98.946739759462716</v>
      </c>
      <c r="H640">
        <v>233</v>
      </c>
      <c r="J640">
        <v>98.696358247488774</v>
      </c>
      <c r="K640">
        <v>233</v>
      </c>
      <c r="M640">
        <v>99.375067078885479</v>
      </c>
      <c r="N640">
        <v>120</v>
      </c>
      <c r="P640">
        <v>99.551201548079035</v>
      </c>
      <c r="Q640">
        <v>120</v>
      </c>
    </row>
    <row r="641" spans="4:17" x14ac:dyDescent="0.25">
      <c r="D641">
        <v>99.347710969334898</v>
      </c>
      <c r="E641">
        <v>157</v>
      </c>
      <c r="G641">
        <v>98.943617341907114</v>
      </c>
      <c r="H641">
        <v>233</v>
      </c>
      <c r="J641">
        <v>98.691566307227063</v>
      </c>
      <c r="K641">
        <v>233</v>
      </c>
      <c r="M641">
        <v>99.374660268253322</v>
      </c>
      <c r="N641">
        <v>120</v>
      </c>
      <c r="P641">
        <v>99.551201548079035</v>
      </c>
      <c r="Q641">
        <v>120</v>
      </c>
    </row>
    <row r="642" spans="4:17" x14ac:dyDescent="0.25">
      <c r="D642">
        <v>99.34587464662691</v>
      </c>
      <c r="E642">
        <v>157</v>
      </c>
      <c r="G642">
        <v>98.940508154934363</v>
      </c>
      <c r="H642">
        <v>234</v>
      </c>
      <c r="J642">
        <v>98.686428451957084</v>
      </c>
      <c r="K642">
        <v>233</v>
      </c>
      <c r="M642">
        <v>99.374660268253322</v>
      </c>
      <c r="N642">
        <v>120</v>
      </c>
      <c r="P642">
        <v>99.550483436762477</v>
      </c>
      <c r="Q642">
        <v>120</v>
      </c>
    </row>
    <row r="643" spans="4:17" x14ac:dyDescent="0.25">
      <c r="D643">
        <v>99.343589445034709</v>
      </c>
      <c r="E643">
        <v>158</v>
      </c>
      <c r="G643">
        <v>98.937385737378762</v>
      </c>
      <c r="H643">
        <v>234</v>
      </c>
      <c r="J643">
        <v>98.681290596687134</v>
      </c>
      <c r="K643">
        <v>234</v>
      </c>
      <c r="M643">
        <v>99.374660268253322</v>
      </c>
      <c r="N643">
        <v>120</v>
      </c>
      <c r="P643">
        <v>99.550483436762477</v>
      </c>
      <c r="Q643">
        <v>120</v>
      </c>
    </row>
    <row r="644" spans="4:17" x14ac:dyDescent="0.25">
      <c r="D644">
        <v>99.341304243442536</v>
      </c>
      <c r="E644">
        <v>158</v>
      </c>
      <c r="G644">
        <v>98.93426331982316</v>
      </c>
      <c r="H644">
        <v>235</v>
      </c>
      <c r="J644">
        <v>98.675806826408859</v>
      </c>
      <c r="K644">
        <v>234</v>
      </c>
      <c r="M644">
        <v>99.374660268253322</v>
      </c>
      <c r="N644">
        <v>120</v>
      </c>
      <c r="P644">
        <v>99.549786446367008</v>
      </c>
      <c r="Q644">
        <v>120</v>
      </c>
    </row>
    <row r="645" spans="4:17" x14ac:dyDescent="0.25">
      <c r="D645">
        <v>99.33900543945991</v>
      </c>
      <c r="E645">
        <v>159</v>
      </c>
      <c r="G645">
        <v>98.930704293033074</v>
      </c>
      <c r="H645">
        <v>235</v>
      </c>
      <c r="J645">
        <v>98.670668971138909</v>
      </c>
      <c r="K645">
        <v>235</v>
      </c>
      <c r="M645">
        <v>99.374660268253322</v>
      </c>
      <c r="N645">
        <v>120</v>
      </c>
      <c r="P645">
        <v>99.549786446367008</v>
      </c>
      <c r="Q645">
        <v>120</v>
      </c>
    </row>
    <row r="646" spans="4:17" x14ac:dyDescent="0.25">
      <c r="D646">
        <v>99.335346396434332</v>
      </c>
      <c r="E646">
        <v>159</v>
      </c>
      <c r="G646">
        <v>98.927581875477458</v>
      </c>
      <c r="H646">
        <v>235</v>
      </c>
      <c r="J646">
        <v>98.665185200860648</v>
      </c>
      <c r="K646">
        <v>235</v>
      </c>
      <c r="M646">
        <v>99.374660268253322</v>
      </c>
      <c r="N646">
        <v>120</v>
      </c>
      <c r="P646">
        <v>99.549786446367008</v>
      </c>
      <c r="Q646">
        <v>120</v>
      </c>
    </row>
    <row r="647" spans="4:17" x14ac:dyDescent="0.25">
      <c r="D647">
        <v>99.333510073726316</v>
      </c>
      <c r="E647">
        <v>159</v>
      </c>
      <c r="G647">
        <v>98.924022848687386</v>
      </c>
      <c r="H647">
        <v>236</v>
      </c>
      <c r="J647">
        <v>98.660047345590669</v>
      </c>
      <c r="K647">
        <v>235</v>
      </c>
      <c r="M647">
        <v>99.374660268253322</v>
      </c>
      <c r="N647">
        <v>120</v>
      </c>
      <c r="P647">
        <v>99.549068335050478</v>
      </c>
      <c r="Q647">
        <v>120</v>
      </c>
    </row>
    <row r="648" spans="4:17" x14ac:dyDescent="0.25">
      <c r="D648">
        <v>99.331673751018315</v>
      </c>
      <c r="E648">
        <v>160</v>
      </c>
      <c r="G648">
        <v>98.92090043113177</v>
      </c>
      <c r="H648">
        <v>236</v>
      </c>
      <c r="J648">
        <v>98.654909490320691</v>
      </c>
      <c r="K648">
        <v>236</v>
      </c>
      <c r="M648">
        <v>99.374660268253322</v>
      </c>
      <c r="N648">
        <v>120</v>
      </c>
      <c r="P648">
        <v>99.549068335050478</v>
      </c>
      <c r="Q648">
        <v>120</v>
      </c>
    </row>
    <row r="649" spans="4:17" x14ac:dyDescent="0.25">
      <c r="D649">
        <v>99.329851030700723</v>
      </c>
      <c r="E649">
        <v>160</v>
      </c>
      <c r="G649">
        <v>98.917778013576168</v>
      </c>
      <c r="H649">
        <v>237</v>
      </c>
      <c r="J649">
        <v>98.649761461079905</v>
      </c>
      <c r="K649">
        <v>236</v>
      </c>
      <c r="M649">
        <v>99.374660268253322</v>
      </c>
      <c r="N649">
        <v>120</v>
      </c>
      <c r="P649">
        <v>99.548350223733905</v>
      </c>
      <c r="Q649">
        <v>120</v>
      </c>
    </row>
    <row r="650" spans="4:17" x14ac:dyDescent="0.25">
      <c r="D650">
        <v>99.327552226718112</v>
      </c>
      <c r="E650">
        <v>161</v>
      </c>
      <c r="G650">
        <v>98.915105435837887</v>
      </c>
      <c r="H650">
        <v>237</v>
      </c>
      <c r="J650">
        <v>98.64428786477248</v>
      </c>
      <c r="K650">
        <v>237</v>
      </c>
      <c r="M650">
        <v>99.374660268253322</v>
      </c>
      <c r="N650">
        <v>120</v>
      </c>
      <c r="P650">
        <v>99.548350223733905</v>
      </c>
      <c r="Q650">
        <v>120</v>
      </c>
    </row>
    <row r="651" spans="4:17" x14ac:dyDescent="0.25">
      <c r="D651">
        <v>99.325267025125925</v>
      </c>
      <c r="E651">
        <v>161</v>
      </c>
      <c r="G651">
        <v>98.911546409047816</v>
      </c>
      <c r="H651">
        <v>237</v>
      </c>
      <c r="J651">
        <v>98.638804094494219</v>
      </c>
      <c r="K651">
        <v>237</v>
      </c>
      <c r="M651">
        <v>99.374265422639752</v>
      </c>
      <c r="N651">
        <v>120</v>
      </c>
      <c r="P651">
        <v>99.548350223733905</v>
      </c>
      <c r="Q651">
        <v>120</v>
      </c>
    </row>
    <row r="652" spans="4:17" x14ac:dyDescent="0.25">
      <c r="D652">
        <v>99.322981823533752</v>
      </c>
      <c r="E652">
        <v>161</v>
      </c>
      <c r="G652">
        <v>98.908423991492214</v>
      </c>
      <c r="H652">
        <v>238</v>
      </c>
      <c r="J652">
        <v>98.633320324215973</v>
      </c>
      <c r="K652">
        <v>238</v>
      </c>
      <c r="M652">
        <v>99.374265422639752</v>
      </c>
      <c r="N652">
        <v>120</v>
      </c>
      <c r="P652">
        <v>99.547653233338437</v>
      </c>
      <c r="Q652">
        <v>120</v>
      </c>
    </row>
    <row r="653" spans="4:17" x14ac:dyDescent="0.25">
      <c r="D653">
        <v>99.320234140666955</v>
      </c>
      <c r="E653">
        <v>162</v>
      </c>
      <c r="G653">
        <v>98.904864964702128</v>
      </c>
      <c r="H653">
        <v>238</v>
      </c>
      <c r="J653">
        <v>98.628182468946008</v>
      </c>
      <c r="K653">
        <v>238</v>
      </c>
      <c r="M653">
        <v>99.374265422639752</v>
      </c>
      <c r="N653">
        <v>120</v>
      </c>
      <c r="P653">
        <v>99.547653233338437</v>
      </c>
      <c r="Q653">
        <v>120</v>
      </c>
    </row>
    <row r="654" spans="4:17" x14ac:dyDescent="0.25">
      <c r="D654">
        <v>99.317935336684329</v>
      </c>
      <c r="E654">
        <v>162</v>
      </c>
      <c r="G654">
        <v>98.901292707329176</v>
      </c>
      <c r="H654">
        <v>239</v>
      </c>
      <c r="J654">
        <v>98.622698698667747</v>
      </c>
      <c r="K654">
        <v>238</v>
      </c>
      <c r="M654">
        <v>99.374265422639752</v>
      </c>
      <c r="N654">
        <v>120</v>
      </c>
      <c r="P654">
        <v>99.546935122021893</v>
      </c>
      <c r="Q654">
        <v>120</v>
      </c>
    </row>
    <row r="655" spans="4:17" x14ac:dyDescent="0.25">
      <c r="D655">
        <v>99.315650135092142</v>
      </c>
      <c r="E655">
        <v>163</v>
      </c>
      <c r="G655">
        <v>98.898170289773574</v>
      </c>
      <c r="H655">
        <v>239</v>
      </c>
      <c r="J655">
        <v>98.617214928389487</v>
      </c>
      <c r="K655">
        <v>239</v>
      </c>
      <c r="M655">
        <v>99.374265422639752</v>
      </c>
      <c r="N655">
        <v>120</v>
      </c>
      <c r="P655">
        <v>99.546935122021893</v>
      </c>
      <c r="Q655">
        <v>120</v>
      </c>
    </row>
    <row r="656" spans="4:17" x14ac:dyDescent="0.25">
      <c r="D656">
        <v>99.313351331109516</v>
      </c>
      <c r="E656">
        <v>163</v>
      </c>
      <c r="G656">
        <v>98.894611262983503</v>
      </c>
      <c r="H656">
        <v>240</v>
      </c>
      <c r="J656">
        <v>98.611741332082076</v>
      </c>
      <c r="K656">
        <v>239</v>
      </c>
      <c r="M656">
        <v>99.374265422639752</v>
      </c>
      <c r="N656">
        <v>120</v>
      </c>
      <c r="P656">
        <v>99.546217010705334</v>
      </c>
      <c r="Q656">
        <v>120</v>
      </c>
    </row>
    <row r="657" spans="4:17" x14ac:dyDescent="0.25">
      <c r="D657">
        <v>99.311066129517357</v>
      </c>
      <c r="E657">
        <v>164</v>
      </c>
      <c r="G657">
        <v>98.891488845427901</v>
      </c>
      <c r="H657">
        <v>240</v>
      </c>
      <c r="J657">
        <v>98.606257561803815</v>
      </c>
      <c r="K657">
        <v>240</v>
      </c>
      <c r="M657">
        <v>99.374265422639752</v>
      </c>
      <c r="N657">
        <v>120</v>
      </c>
      <c r="P657">
        <v>99.546217010705334</v>
      </c>
      <c r="Q657">
        <v>120</v>
      </c>
    </row>
    <row r="658" spans="4:17" x14ac:dyDescent="0.25">
      <c r="D658">
        <v>99.308780927925142</v>
      </c>
      <c r="E658">
        <v>164</v>
      </c>
      <c r="G658">
        <v>98.888379658455165</v>
      </c>
      <c r="H658">
        <v>240</v>
      </c>
      <c r="J658">
        <v>98.600773791525569</v>
      </c>
      <c r="K658">
        <v>240</v>
      </c>
      <c r="M658">
        <v>99.374265422639752</v>
      </c>
      <c r="N658">
        <v>120</v>
      </c>
      <c r="P658">
        <v>99.54552002030988</v>
      </c>
      <c r="Q658">
        <v>120</v>
      </c>
    </row>
    <row r="659" spans="4:17" x14ac:dyDescent="0.25">
      <c r="D659">
        <v>99.306482123942544</v>
      </c>
      <c r="E659">
        <v>164</v>
      </c>
      <c r="G659">
        <v>98.884807401082213</v>
      </c>
      <c r="H659">
        <v>241</v>
      </c>
      <c r="J659">
        <v>98.595635936255619</v>
      </c>
      <c r="K659">
        <v>240</v>
      </c>
      <c r="M659">
        <v>99.374265422639752</v>
      </c>
      <c r="N659">
        <v>120</v>
      </c>
      <c r="P659">
        <v>99.54552002030988</v>
      </c>
      <c r="Q659">
        <v>120</v>
      </c>
    </row>
    <row r="660" spans="4:17" x14ac:dyDescent="0.25">
      <c r="D660">
        <v>99.303734441075747</v>
      </c>
      <c r="E660">
        <v>165</v>
      </c>
      <c r="G660">
        <v>98.881248374292127</v>
      </c>
      <c r="H660">
        <v>241</v>
      </c>
      <c r="J660">
        <v>98.59049808098564</v>
      </c>
      <c r="K660">
        <v>241</v>
      </c>
      <c r="M660">
        <v>99.374660268253322</v>
      </c>
      <c r="N660">
        <v>120</v>
      </c>
      <c r="P660">
        <v>99.54552002030988</v>
      </c>
      <c r="Q660">
        <v>120</v>
      </c>
    </row>
    <row r="661" spans="4:17" x14ac:dyDescent="0.25">
      <c r="D661">
        <v>99.301449239483546</v>
      </c>
      <c r="E661">
        <v>165</v>
      </c>
      <c r="G661">
        <v>98.877676116919176</v>
      </c>
      <c r="H661">
        <v>242</v>
      </c>
      <c r="J661">
        <v>98.585014310707379</v>
      </c>
      <c r="K661">
        <v>241</v>
      </c>
      <c r="M661">
        <v>99.375473889517636</v>
      </c>
      <c r="N661">
        <v>120</v>
      </c>
      <c r="P661">
        <v>99.544801908993335</v>
      </c>
      <c r="Q661">
        <v>120</v>
      </c>
    </row>
    <row r="662" spans="4:17" x14ac:dyDescent="0.25">
      <c r="D662">
        <v>99.299612916775544</v>
      </c>
      <c r="E662">
        <v>166</v>
      </c>
      <c r="G662">
        <v>98.874117090129118</v>
      </c>
      <c r="H662">
        <v>242</v>
      </c>
      <c r="J662">
        <v>98.579530540429133</v>
      </c>
      <c r="K662">
        <v>242</v>
      </c>
      <c r="M662">
        <v>99.376682356395548</v>
      </c>
      <c r="N662">
        <v>120</v>
      </c>
      <c r="P662">
        <v>99.544801908993335</v>
      </c>
      <c r="Q662">
        <v>120</v>
      </c>
    </row>
    <row r="663" spans="4:17" x14ac:dyDescent="0.25">
      <c r="D663">
        <v>99.297327715183343</v>
      </c>
      <c r="E663">
        <v>166</v>
      </c>
      <c r="G663">
        <v>98.870558063339047</v>
      </c>
      <c r="H663">
        <v>242</v>
      </c>
      <c r="J663">
        <v>98.574046770150886</v>
      </c>
      <c r="K663">
        <v>242</v>
      </c>
      <c r="M663">
        <v>99.377890823273447</v>
      </c>
      <c r="N663">
        <v>120</v>
      </c>
      <c r="P663">
        <v>99.544801908993335</v>
      </c>
      <c r="Q663">
        <v>120</v>
      </c>
    </row>
    <row r="664" spans="4:17" x14ac:dyDescent="0.25">
      <c r="D664">
        <v>99.295028911200745</v>
      </c>
      <c r="E664">
        <v>166</v>
      </c>
      <c r="G664">
        <v>98.866985805966095</v>
      </c>
      <c r="H664">
        <v>243</v>
      </c>
      <c r="J664">
        <v>98.568562999872626</v>
      </c>
      <c r="K664">
        <v>243</v>
      </c>
      <c r="M664">
        <v>99.379099290151345</v>
      </c>
      <c r="N664">
        <v>120</v>
      </c>
      <c r="P664">
        <v>99.544083797676777</v>
      </c>
      <c r="Q664">
        <v>120</v>
      </c>
    </row>
    <row r="665" spans="4:17" x14ac:dyDescent="0.25">
      <c r="D665">
        <v>99.292743709608544</v>
      </c>
      <c r="E665">
        <v>167</v>
      </c>
      <c r="G665">
        <v>98.86342677917601</v>
      </c>
      <c r="H665">
        <v>243</v>
      </c>
      <c r="J665">
        <v>98.563089403565215</v>
      </c>
      <c r="K665">
        <v>243</v>
      </c>
      <c r="M665">
        <v>99.380702602642799</v>
      </c>
      <c r="N665">
        <v>120</v>
      </c>
      <c r="P665">
        <v>99.544083797676777</v>
      </c>
      <c r="Q665">
        <v>120</v>
      </c>
    </row>
    <row r="666" spans="4:17" x14ac:dyDescent="0.25">
      <c r="D666">
        <v>99.290458508016371</v>
      </c>
      <c r="E666">
        <v>167</v>
      </c>
      <c r="G666">
        <v>98.859854521803086</v>
      </c>
      <c r="H666">
        <v>244</v>
      </c>
      <c r="J666">
        <v>98.557605633286968</v>
      </c>
      <c r="K666">
        <v>243</v>
      </c>
      <c r="M666">
        <v>99.382317880152854</v>
      </c>
      <c r="N666">
        <v>120</v>
      </c>
      <c r="P666">
        <v>99.544083797676777</v>
      </c>
      <c r="Q666">
        <v>120</v>
      </c>
    </row>
    <row r="667" spans="4:17" x14ac:dyDescent="0.25">
      <c r="D667">
        <v>99.288159704033745</v>
      </c>
      <c r="E667">
        <v>168</v>
      </c>
      <c r="G667">
        <v>98.856295495013001</v>
      </c>
      <c r="H667">
        <v>244</v>
      </c>
      <c r="J667">
        <v>98.552121863008722</v>
      </c>
      <c r="K667">
        <v>244</v>
      </c>
      <c r="M667">
        <v>99.38433996829508</v>
      </c>
      <c r="N667">
        <v>120</v>
      </c>
      <c r="P667">
        <v>99.543386807281308</v>
      </c>
      <c r="Q667">
        <v>120</v>
      </c>
    </row>
    <row r="668" spans="4:17" x14ac:dyDescent="0.25">
      <c r="D668">
        <v>99.285874502441558</v>
      </c>
      <c r="E668">
        <v>168</v>
      </c>
      <c r="G668">
        <v>98.852736468222929</v>
      </c>
      <c r="H668">
        <v>245</v>
      </c>
      <c r="J668">
        <v>98.546638092730461</v>
      </c>
      <c r="K668">
        <v>244</v>
      </c>
      <c r="M668">
        <v>99.386350091418706</v>
      </c>
      <c r="N668">
        <v>120</v>
      </c>
      <c r="P668">
        <v>99.543386807281308</v>
      </c>
      <c r="Q668">
        <v>120</v>
      </c>
    </row>
    <row r="669" spans="4:17" x14ac:dyDescent="0.25">
      <c r="D669">
        <v>99.283589300849385</v>
      </c>
      <c r="E669">
        <v>169</v>
      </c>
      <c r="G669">
        <v>98.849164210849978</v>
      </c>
      <c r="H669">
        <v>245</v>
      </c>
      <c r="J669">
        <v>98.540818581414783</v>
      </c>
      <c r="K669">
        <v>245</v>
      </c>
      <c r="M669">
        <v>99.388360214542345</v>
      </c>
      <c r="N669">
        <v>120</v>
      </c>
      <c r="P669">
        <v>99.542668695964792</v>
      </c>
      <c r="Q669">
        <v>120</v>
      </c>
    </row>
    <row r="670" spans="4:17" x14ac:dyDescent="0.25">
      <c r="D670">
        <v>99.28129049686676</v>
      </c>
      <c r="E670">
        <v>169</v>
      </c>
      <c r="G670">
        <v>98.845605184059906</v>
      </c>
      <c r="H670">
        <v>245</v>
      </c>
      <c r="J670">
        <v>98.534653155090794</v>
      </c>
      <c r="K670">
        <v>245</v>
      </c>
      <c r="M670">
        <v>99.390382302684571</v>
      </c>
      <c r="N670">
        <v>120</v>
      </c>
      <c r="P670">
        <v>99.542668695964792</v>
      </c>
      <c r="Q670">
        <v>120</v>
      </c>
    </row>
    <row r="671" spans="4:17" x14ac:dyDescent="0.25">
      <c r="D671">
        <v>99.279005295274587</v>
      </c>
      <c r="E671">
        <v>169</v>
      </c>
      <c r="G671">
        <v>98.842032926686969</v>
      </c>
      <c r="H671">
        <v>246</v>
      </c>
      <c r="J671">
        <v>98.52882346980428</v>
      </c>
      <c r="K671">
        <v>245</v>
      </c>
      <c r="M671">
        <v>99.392392425808211</v>
      </c>
      <c r="N671">
        <v>121</v>
      </c>
      <c r="P671">
        <v>99.54195058464822</v>
      </c>
      <c r="Q671">
        <v>120</v>
      </c>
    </row>
    <row r="672" spans="4:17" x14ac:dyDescent="0.25">
      <c r="D672">
        <v>99.276706491291947</v>
      </c>
      <c r="E672">
        <v>170</v>
      </c>
      <c r="G672">
        <v>98.838024060079562</v>
      </c>
      <c r="H672">
        <v>246</v>
      </c>
      <c r="J672">
        <v>98.522312128472038</v>
      </c>
      <c r="K672">
        <v>246</v>
      </c>
      <c r="M672">
        <v>99.394402548931851</v>
      </c>
      <c r="N672">
        <v>121</v>
      </c>
      <c r="P672">
        <v>99.54195058464822</v>
      </c>
      <c r="Q672">
        <v>120</v>
      </c>
    </row>
    <row r="673" spans="4:17" x14ac:dyDescent="0.25">
      <c r="D673">
        <v>99.273958808425149</v>
      </c>
      <c r="E673">
        <v>170</v>
      </c>
      <c r="G673">
        <v>98.834465033289462</v>
      </c>
      <c r="H673">
        <v>247</v>
      </c>
      <c r="J673">
        <v>98.516146702148049</v>
      </c>
      <c r="K673">
        <v>246</v>
      </c>
      <c r="M673">
        <v>99.396424637074063</v>
      </c>
      <c r="N673">
        <v>121</v>
      </c>
      <c r="P673">
        <v>99.541253594252737</v>
      </c>
      <c r="Q673">
        <v>120</v>
      </c>
    </row>
    <row r="674" spans="4:17" x14ac:dyDescent="0.25">
      <c r="D674">
        <v>99.271673606832962</v>
      </c>
      <c r="E674">
        <v>171</v>
      </c>
      <c r="G674">
        <v>98.830456166682055</v>
      </c>
      <c r="H674">
        <v>247</v>
      </c>
      <c r="J674">
        <v>98.509981275824103</v>
      </c>
      <c r="K674">
        <v>247</v>
      </c>
      <c r="M674">
        <v>99.398841570829859</v>
      </c>
      <c r="N674">
        <v>122</v>
      </c>
      <c r="P674">
        <v>99.541253594252737</v>
      </c>
      <c r="Q674">
        <v>120</v>
      </c>
    </row>
    <row r="675" spans="4:17" x14ac:dyDescent="0.25">
      <c r="D675">
        <v>99.26938840524079</v>
      </c>
      <c r="E675">
        <v>171</v>
      </c>
      <c r="G675">
        <v>98.826883909309117</v>
      </c>
      <c r="H675">
        <v>247</v>
      </c>
      <c r="J675">
        <v>98.50415159053756</v>
      </c>
      <c r="K675">
        <v>247</v>
      </c>
      <c r="M675">
        <v>99.400851693953484</v>
      </c>
      <c r="N675">
        <v>122</v>
      </c>
      <c r="P675">
        <v>99.540535482936207</v>
      </c>
      <c r="Q675">
        <v>120</v>
      </c>
    </row>
    <row r="676" spans="4:17" x14ac:dyDescent="0.25">
      <c r="D676">
        <v>99.266640722374007</v>
      </c>
      <c r="E676">
        <v>171</v>
      </c>
      <c r="G676">
        <v>98.82287504270171</v>
      </c>
      <c r="H676">
        <v>248</v>
      </c>
      <c r="J676">
        <v>98.497986164213586</v>
      </c>
      <c r="K676">
        <v>248</v>
      </c>
      <c r="M676">
        <v>99.403268627709281</v>
      </c>
      <c r="N676">
        <v>123</v>
      </c>
      <c r="P676">
        <v>99.540535482936207</v>
      </c>
      <c r="Q676">
        <v>120</v>
      </c>
    </row>
    <row r="677" spans="4:17" x14ac:dyDescent="0.25">
      <c r="D677">
        <v>99.263879437116771</v>
      </c>
      <c r="E677">
        <v>172</v>
      </c>
      <c r="G677">
        <v>98.81976585572896</v>
      </c>
      <c r="H677">
        <v>248</v>
      </c>
      <c r="J677">
        <v>98.492166652897907</v>
      </c>
      <c r="K677">
        <v>248</v>
      </c>
      <c r="M677">
        <v>99.405290715851507</v>
      </c>
      <c r="N677">
        <v>123</v>
      </c>
      <c r="P677">
        <v>99.539817371619648</v>
      </c>
      <c r="Q677">
        <v>120</v>
      </c>
    </row>
    <row r="678" spans="4:17" x14ac:dyDescent="0.25">
      <c r="D678">
        <v>99.261594235524569</v>
      </c>
      <c r="E678">
        <v>172</v>
      </c>
      <c r="G678">
        <v>98.816193598356023</v>
      </c>
      <c r="H678">
        <v>249</v>
      </c>
      <c r="J678">
        <v>98.486001226573933</v>
      </c>
      <c r="K678">
        <v>248</v>
      </c>
      <c r="M678">
        <v>99.407707649607289</v>
      </c>
      <c r="N678">
        <v>123</v>
      </c>
      <c r="P678">
        <v>99.539817371619648</v>
      </c>
      <c r="Q678">
        <v>120</v>
      </c>
    </row>
    <row r="679" spans="4:17" x14ac:dyDescent="0.25">
      <c r="D679">
        <v>99.258846552657772</v>
      </c>
      <c r="E679">
        <v>173</v>
      </c>
      <c r="G679">
        <v>98.812634571565951</v>
      </c>
      <c r="H679">
        <v>249</v>
      </c>
      <c r="J679">
        <v>98.479489885241691</v>
      </c>
      <c r="K679">
        <v>249</v>
      </c>
      <c r="M679">
        <v>99.409717772730929</v>
      </c>
      <c r="N679">
        <v>124</v>
      </c>
      <c r="P679">
        <v>99.539817371619648</v>
      </c>
      <c r="Q679">
        <v>120</v>
      </c>
    </row>
    <row r="680" spans="4:17" x14ac:dyDescent="0.25">
      <c r="D680">
        <v>99.255636388516379</v>
      </c>
      <c r="E680">
        <v>173</v>
      </c>
      <c r="G680">
        <v>98.809062314193014</v>
      </c>
      <c r="H680">
        <v>250</v>
      </c>
      <c r="J680">
        <v>98.472978543909434</v>
      </c>
      <c r="K680">
        <v>249</v>
      </c>
      <c r="M680">
        <v>99.412134706486711</v>
      </c>
      <c r="N680">
        <v>124</v>
      </c>
      <c r="P680">
        <v>99.53912038122418</v>
      </c>
      <c r="Q680">
        <v>120</v>
      </c>
    </row>
    <row r="681" spans="4:17" x14ac:dyDescent="0.25">
      <c r="D681">
        <v>99.252888705649582</v>
      </c>
      <c r="E681">
        <v>174</v>
      </c>
      <c r="G681">
        <v>98.805503287402942</v>
      </c>
      <c r="H681">
        <v>250</v>
      </c>
      <c r="J681">
        <v>98.466467202577206</v>
      </c>
      <c r="K681">
        <v>250</v>
      </c>
      <c r="M681">
        <v>99.414156794628951</v>
      </c>
      <c r="N681">
        <v>125</v>
      </c>
      <c r="P681">
        <v>99.53912038122418</v>
      </c>
      <c r="Q681">
        <v>120</v>
      </c>
    </row>
    <row r="682" spans="4:17" x14ac:dyDescent="0.25">
      <c r="D682">
        <v>99.250603504057395</v>
      </c>
      <c r="E682">
        <v>174</v>
      </c>
      <c r="G682">
        <v>98.801944260612842</v>
      </c>
      <c r="H682">
        <v>250</v>
      </c>
      <c r="J682">
        <v>98.45995586124495</v>
      </c>
      <c r="K682">
        <v>250</v>
      </c>
      <c r="M682">
        <v>99.416166917752577</v>
      </c>
      <c r="N682">
        <v>125</v>
      </c>
      <c r="P682">
        <v>99.53912038122418</v>
      </c>
      <c r="Q682">
        <v>120</v>
      </c>
    </row>
    <row r="683" spans="4:17" x14ac:dyDescent="0.25">
      <c r="D683">
        <v>99.248767181349379</v>
      </c>
      <c r="E683">
        <v>174</v>
      </c>
      <c r="G683">
        <v>98.798372003239905</v>
      </c>
      <c r="H683">
        <v>251</v>
      </c>
      <c r="J683">
        <v>98.453108778875247</v>
      </c>
      <c r="K683">
        <v>250</v>
      </c>
      <c r="M683">
        <v>99.418583851508373</v>
      </c>
      <c r="N683">
        <v>126</v>
      </c>
      <c r="P683">
        <v>99.53912038122418</v>
      </c>
      <c r="Q683">
        <v>120</v>
      </c>
    </row>
    <row r="684" spans="4:17" x14ac:dyDescent="0.25">
      <c r="D684">
        <v>99.247393339915988</v>
      </c>
      <c r="E684">
        <v>175</v>
      </c>
      <c r="G684">
        <v>98.794812976449833</v>
      </c>
      <c r="H684">
        <v>251</v>
      </c>
      <c r="J684">
        <v>98.446251522534737</v>
      </c>
      <c r="K684">
        <v>251</v>
      </c>
      <c r="M684">
        <v>99.420199129018442</v>
      </c>
      <c r="N684">
        <v>126</v>
      </c>
      <c r="P684">
        <v>99.538402269907621</v>
      </c>
      <c r="Q684">
        <v>120</v>
      </c>
    </row>
    <row r="685" spans="4:17" x14ac:dyDescent="0.25">
      <c r="D685">
        <v>99.244645657049176</v>
      </c>
      <c r="E685">
        <v>175</v>
      </c>
      <c r="G685">
        <v>98.791240719076896</v>
      </c>
      <c r="H685">
        <v>252</v>
      </c>
      <c r="J685">
        <v>98.439404440165063</v>
      </c>
      <c r="K685">
        <v>251</v>
      </c>
      <c r="M685">
        <v>99.421802441509925</v>
      </c>
      <c r="N685">
        <v>126</v>
      </c>
      <c r="P685">
        <v>99.538402269907621</v>
      </c>
      <c r="Q685">
        <v>120</v>
      </c>
    </row>
    <row r="686" spans="4:17" x14ac:dyDescent="0.25">
      <c r="D686">
        <v>99.241897974182379</v>
      </c>
      <c r="E686">
        <v>176</v>
      </c>
      <c r="G686">
        <v>98.787681692286796</v>
      </c>
      <c r="H686">
        <v>252</v>
      </c>
      <c r="J686">
        <v>98.432547183824539</v>
      </c>
      <c r="K686">
        <v>252</v>
      </c>
      <c r="M686">
        <v>99.423010908387795</v>
      </c>
      <c r="N686">
        <v>127</v>
      </c>
      <c r="P686">
        <v>99.538402269907621</v>
      </c>
      <c r="Q686">
        <v>120</v>
      </c>
    </row>
    <row r="687" spans="4:17" x14ac:dyDescent="0.25">
      <c r="D687">
        <v>99.239150291315596</v>
      </c>
      <c r="E687">
        <v>176</v>
      </c>
      <c r="G687">
        <v>98.784122665496739</v>
      </c>
      <c r="H687">
        <v>252</v>
      </c>
      <c r="J687">
        <v>98.425354186446569</v>
      </c>
      <c r="K687">
        <v>252</v>
      </c>
      <c r="M687">
        <v>99.424219375265693</v>
      </c>
      <c r="N687">
        <v>127</v>
      </c>
      <c r="P687">
        <v>99.538402269907621</v>
      </c>
      <c r="Q687">
        <v>120</v>
      </c>
    </row>
    <row r="688" spans="4:17" x14ac:dyDescent="0.25">
      <c r="D688">
        <v>99.235940127174189</v>
      </c>
      <c r="E688">
        <v>176</v>
      </c>
      <c r="G688">
        <v>98.780550408123801</v>
      </c>
      <c r="H688">
        <v>253</v>
      </c>
      <c r="J688">
        <v>98.418161189068599</v>
      </c>
      <c r="K688">
        <v>253</v>
      </c>
      <c r="M688">
        <v>99.424626185897864</v>
      </c>
      <c r="N688">
        <v>128</v>
      </c>
      <c r="P688">
        <v>99.537684158591091</v>
      </c>
      <c r="Q688">
        <v>120</v>
      </c>
    </row>
    <row r="689" spans="4:17" x14ac:dyDescent="0.25">
      <c r="D689">
        <v>99.23274356542322</v>
      </c>
      <c r="E689">
        <v>177</v>
      </c>
      <c r="G689">
        <v>98.776991381333715</v>
      </c>
      <c r="H689">
        <v>253</v>
      </c>
      <c r="J689">
        <v>98.410968191690642</v>
      </c>
      <c r="K689">
        <v>253</v>
      </c>
      <c r="M689">
        <v>99.425427842143591</v>
      </c>
      <c r="N689">
        <v>128</v>
      </c>
      <c r="P689">
        <v>99.537684158591091</v>
      </c>
      <c r="Q689">
        <v>120</v>
      </c>
    </row>
    <row r="690" spans="4:17" x14ac:dyDescent="0.25">
      <c r="D690">
        <v>99.229533401281813</v>
      </c>
      <c r="E690">
        <v>177</v>
      </c>
      <c r="G690">
        <v>98.772982514726309</v>
      </c>
      <c r="H690">
        <v>254</v>
      </c>
      <c r="J690">
        <v>98.403429279304405</v>
      </c>
      <c r="K690">
        <v>253</v>
      </c>
      <c r="M690">
        <v>99.425834652775762</v>
      </c>
      <c r="N690">
        <v>128</v>
      </c>
      <c r="P690">
        <v>99.537684158591091</v>
      </c>
      <c r="Q690">
        <v>120</v>
      </c>
    </row>
    <row r="691" spans="4:17" x14ac:dyDescent="0.25">
      <c r="D691">
        <v>99.226323237140392</v>
      </c>
      <c r="E691">
        <v>178</v>
      </c>
      <c r="G691">
        <v>98.768973648118887</v>
      </c>
      <c r="H691">
        <v>254</v>
      </c>
      <c r="J691">
        <v>98.396236281926434</v>
      </c>
      <c r="K691">
        <v>254</v>
      </c>
      <c r="M691">
        <v>99.425834652775762</v>
      </c>
      <c r="N691">
        <v>129</v>
      </c>
      <c r="P691">
        <v>99.536987168195608</v>
      </c>
      <c r="Q691">
        <v>120</v>
      </c>
    </row>
    <row r="692" spans="4:17" x14ac:dyDescent="0.25">
      <c r="D692">
        <v>99.223113072998999</v>
      </c>
      <c r="E692">
        <v>178</v>
      </c>
      <c r="G692">
        <v>98.76540139074595</v>
      </c>
      <c r="H692">
        <v>255</v>
      </c>
      <c r="J692">
        <v>98.388697369540196</v>
      </c>
      <c r="K692">
        <v>254</v>
      </c>
      <c r="M692">
        <v>99.425834652775762</v>
      </c>
      <c r="N692">
        <v>129</v>
      </c>
      <c r="P692">
        <v>99.536987168195608</v>
      </c>
      <c r="Q692">
        <v>120</v>
      </c>
    </row>
    <row r="693" spans="4:17" x14ac:dyDescent="0.25">
      <c r="D693">
        <v>99.21945402997342</v>
      </c>
      <c r="E693">
        <v>179</v>
      </c>
      <c r="G693">
        <v>98.761392524138529</v>
      </c>
      <c r="H693">
        <v>255</v>
      </c>
      <c r="J693">
        <v>98.381158457153958</v>
      </c>
      <c r="K693">
        <v>255</v>
      </c>
      <c r="M693">
        <v>99.425427842143591</v>
      </c>
      <c r="N693">
        <v>130</v>
      </c>
      <c r="P693">
        <v>99.536987168195608</v>
      </c>
      <c r="Q693">
        <v>120</v>
      </c>
    </row>
    <row r="694" spans="4:17" x14ac:dyDescent="0.25">
      <c r="D694">
        <v>99.216243865832013</v>
      </c>
      <c r="E694">
        <v>179</v>
      </c>
      <c r="G694">
        <v>98.757833497348457</v>
      </c>
      <c r="H694">
        <v>255</v>
      </c>
      <c r="J694">
        <v>98.373965459775988</v>
      </c>
      <c r="K694">
        <v>255</v>
      </c>
      <c r="M694">
        <v>99.425427842143591</v>
      </c>
      <c r="N694">
        <v>130</v>
      </c>
      <c r="P694">
        <v>99.536987168195608</v>
      </c>
      <c r="Q694">
        <v>120</v>
      </c>
    </row>
    <row r="695" spans="4:17" x14ac:dyDescent="0.25">
      <c r="D695">
        <v>99.21304730408103</v>
      </c>
      <c r="E695">
        <v>179</v>
      </c>
      <c r="G695">
        <v>98.754261239975534</v>
      </c>
      <c r="H695">
        <v>256</v>
      </c>
      <c r="J695">
        <v>98.366772462398032</v>
      </c>
      <c r="K695">
        <v>255</v>
      </c>
      <c r="M695">
        <v>99.425032996530021</v>
      </c>
      <c r="N695">
        <v>131</v>
      </c>
      <c r="P695">
        <v>99.536987168195608</v>
      </c>
      <c r="Q695">
        <v>120</v>
      </c>
    </row>
    <row r="696" spans="4:17" x14ac:dyDescent="0.25">
      <c r="D696">
        <v>99.209837139939637</v>
      </c>
      <c r="E696">
        <v>180</v>
      </c>
      <c r="G696">
        <v>98.750702213185448</v>
      </c>
      <c r="H696">
        <v>256</v>
      </c>
      <c r="J696">
        <v>98.35923355001178</v>
      </c>
      <c r="K696">
        <v>256</v>
      </c>
      <c r="M696">
        <v>99.424626185897864</v>
      </c>
      <c r="N696">
        <v>131</v>
      </c>
      <c r="P696">
        <v>99.536987168195608</v>
      </c>
      <c r="Q696">
        <v>120</v>
      </c>
    </row>
    <row r="697" spans="4:17" x14ac:dyDescent="0.25">
      <c r="D697">
        <v>99.208000817231607</v>
      </c>
      <c r="E697">
        <v>180</v>
      </c>
      <c r="G697">
        <v>98.746693346578013</v>
      </c>
      <c r="H697">
        <v>257</v>
      </c>
      <c r="J697">
        <v>98.352040552633838</v>
      </c>
      <c r="K697">
        <v>256</v>
      </c>
      <c r="M697">
        <v>99.424219375265693</v>
      </c>
      <c r="N697">
        <v>131</v>
      </c>
      <c r="P697">
        <v>99.53626905687905</v>
      </c>
      <c r="Q697">
        <v>120</v>
      </c>
    </row>
    <row r="698" spans="4:17" x14ac:dyDescent="0.25">
      <c r="D698">
        <v>99.204790653090214</v>
      </c>
      <c r="E698">
        <v>181</v>
      </c>
      <c r="G698">
        <v>98.74312108920509</v>
      </c>
      <c r="H698">
        <v>257</v>
      </c>
      <c r="J698">
        <v>98.3445016402476</v>
      </c>
      <c r="K698">
        <v>257</v>
      </c>
      <c r="M698">
        <v>99.423417719019952</v>
      </c>
      <c r="N698">
        <v>132</v>
      </c>
      <c r="P698">
        <v>99.53626905687905</v>
      </c>
      <c r="Q698">
        <v>120</v>
      </c>
    </row>
    <row r="699" spans="4:17" x14ac:dyDescent="0.25">
      <c r="D699">
        <v>99.201131610064635</v>
      </c>
      <c r="E699">
        <v>181</v>
      </c>
      <c r="G699">
        <v>98.739112222597683</v>
      </c>
      <c r="H699">
        <v>257</v>
      </c>
      <c r="J699">
        <v>98.336616812853066</v>
      </c>
      <c r="K699">
        <v>257</v>
      </c>
      <c r="M699">
        <v>99.423010908387795</v>
      </c>
      <c r="N699">
        <v>132</v>
      </c>
      <c r="P699">
        <v>99.53626905687905</v>
      </c>
      <c r="Q699">
        <v>120</v>
      </c>
    </row>
    <row r="700" spans="4:17" x14ac:dyDescent="0.25">
      <c r="D700">
        <v>99.197472567039043</v>
      </c>
      <c r="E700">
        <v>181</v>
      </c>
      <c r="G700">
        <v>98.735103355990262</v>
      </c>
      <c r="H700">
        <v>258</v>
      </c>
      <c r="J700">
        <v>98.328742159429368</v>
      </c>
      <c r="K700">
        <v>258</v>
      </c>
      <c r="M700">
        <v>99.422209252142054</v>
      </c>
      <c r="N700">
        <v>133</v>
      </c>
      <c r="P700">
        <v>99.53555094556252</v>
      </c>
      <c r="Q700">
        <v>120</v>
      </c>
    </row>
    <row r="701" spans="4:17" x14ac:dyDescent="0.25">
      <c r="D701">
        <v>99.194262402897621</v>
      </c>
      <c r="E701">
        <v>182</v>
      </c>
      <c r="G701">
        <v>98.731094489382869</v>
      </c>
      <c r="H701">
        <v>258</v>
      </c>
      <c r="J701">
        <v>98.320857332034876</v>
      </c>
      <c r="K701">
        <v>258</v>
      </c>
      <c r="M701">
        <v>99.421407595896341</v>
      </c>
      <c r="N701">
        <v>133</v>
      </c>
      <c r="P701">
        <v>99.53555094556252</v>
      </c>
      <c r="Q701">
        <v>120</v>
      </c>
    </row>
    <row r="702" spans="4:17" x14ac:dyDescent="0.25">
      <c r="D702">
        <v>99.191514720030838</v>
      </c>
      <c r="E702">
        <v>182</v>
      </c>
      <c r="G702">
        <v>98.727085622775448</v>
      </c>
      <c r="H702">
        <v>259</v>
      </c>
      <c r="J702">
        <v>98.312982678611206</v>
      </c>
      <c r="K702">
        <v>258</v>
      </c>
      <c r="M702">
        <v>99.420593974632013</v>
      </c>
      <c r="N702">
        <v>133</v>
      </c>
      <c r="P702">
        <v>99.53555094556252</v>
      </c>
      <c r="Q702">
        <v>120</v>
      </c>
    </row>
    <row r="703" spans="4:17" x14ac:dyDescent="0.25">
      <c r="D703">
        <v>99.188304555889431</v>
      </c>
      <c r="E703">
        <v>183</v>
      </c>
      <c r="G703">
        <v>98.723076756168041</v>
      </c>
      <c r="H703">
        <v>259</v>
      </c>
      <c r="J703">
        <v>98.305097851216672</v>
      </c>
      <c r="K703">
        <v>259</v>
      </c>
      <c r="M703">
        <v>99.419792318386286</v>
      </c>
      <c r="N703">
        <v>134</v>
      </c>
      <c r="P703">
        <v>99.53555094556252</v>
      </c>
      <c r="Q703">
        <v>120</v>
      </c>
    </row>
    <row r="704" spans="4:17" x14ac:dyDescent="0.25">
      <c r="D704">
        <v>99.185094391748024</v>
      </c>
      <c r="E704">
        <v>183</v>
      </c>
      <c r="G704">
        <v>98.71906788956062</v>
      </c>
      <c r="H704">
        <v>260</v>
      </c>
      <c r="J704">
        <v>98.297223197792988</v>
      </c>
      <c r="K704">
        <v>259</v>
      </c>
      <c r="M704">
        <v>99.418990662140544</v>
      </c>
      <c r="N704">
        <v>134</v>
      </c>
      <c r="P704">
        <v>99.53555094556252</v>
      </c>
      <c r="Q704">
        <v>120</v>
      </c>
    </row>
    <row r="705" spans="4:17" x14ac:dyDescent="0.25">
      <c r="D705">
        <v>99.182346708881227</v>
      </c>
      <c r="E705">
        <v>184</v>
      </c>
      <c r="G705">
        <v>98.715059022953227</v>
      </c>
      <c r="H705">
        <v>260</v>
      </c>
      <c r="J705">
        <v>98.288992455390201</v>
      </c>
      <c r="K705">
        <v>260</v>
      </c>
      <c r="M705">
        <v>99.418177040876216</v>
      </c>
      <c r="N705">
        <v>135</v>
      </c>
      <c r="P705">
        <v>99.53555094556252</v>
      </c>
      <c r="Q705">
        <v>120</v>
      </c>
    </row>
    <row r="706" spans="4:17" x14ac:dyDescent="0.25">
      <c r="D706">
        <v>99.179599026014444</v>
      </c>
      <c r="E706">
        <v>184</v>
      </c>
      <c r="G706">
        <v>98.711050156345792</v>
      </c>
      <c r="H706">
        <v>260</v>
      </c>
      <c r="J706">
        <v>98.280771886958235</v>
      </c>
      <c r="K706">
        <v>260</v>
      </c>
      <c r="M706">
        <v>99.417375384630475</v>
      </c>
      <c r="N706">
        <v>135</v>
      </c>
      <c r="P706">
        <v>99.534853955167051</v>
      </c>
      <c r="Q706">
        <v>120</v>
      </c>
    </row>
    <row r="707" spans="4:17" x14ac:dyDescent="0.25">
      <c r="D707">
        <v>99.176402464263461</v>
      </c>
      <c r="E707">
        <v>184</v>
      </c>
      <c r="G707">
        <v>98.707041289738399</v>
      </c>
      <c r="H707">
        <v>261</v>
      </c>
      <c r="J707">
        <v>98.272551318526268</v>
      </c>
      <c r="K707">
        <v>260</v>
      </c>
      <c r="M707">
        <v>99.416573728384733</v>
      </c>
      <c r="N707">
        <v>136</v>
      </c>
      <c r="P707">
        <v>99.534853955167051</v>
      </c>
      <c r="Q707">
        <v>120</v>
      </c>
    </row>
    <row r="708" spans="4:17" x14ac:dyDescent="0.25">
      <c r="D708">
        <v>99.172729818847444</v>
      </c>
      <c r="E708">
        <v>185</v>
      </c>
      <c r="G708">
        <v>98.703032423130992</v>
      </c>
      <c r="H708">
        <v>261</v>
      </c>
      <c r="J708">
        <v>98.263984835086063</v>
      </c>
      <c r="K708">
        <v>261</v>
      </c>
      <c r="M708">
        <v>99.41576010712042</v>
      </c>
      <c r="N708">
        <v>136</v>
      </c>
      <c r="P708">
        <v>99.534853955167051</v>
      </c>
      <c r="Q708">
        <v>120</v>
      </c>
    </row>
    <row r="709" spans="4:17" x14ac:dyDescent="0.25">
      <c r="D709">
        <v>99.167696934388445</v>
      </c>
      <c r="E709">
        <v>185</v>
      </c>
      <c r="G709">
        <v>98.699023556523571</v>
      </c>
      <c r="H709">
        <v>262</v>
      </c>
      <c r="J709">
        <v>98.255764266654083</v>
      </c>
      <c r="K709">
        <v>261</v>
      </c>
      <c r="M709">
        <v>99.414958450874707</v>
      </c>
      <c r="N709">
        <v>136</v>
      </c>
      <c r="P709">
        <v>99.534853955167051</v>
      </c>
      <c r="Q709">
        <v>120</v>
      </c>
    </row>
    <row r="710" spans="4:17" x14ac:dyDescent="0.25">
      <c r="D710">
        <v>99.164024288972456</v>
      </c>
      <c r="E710">
        <v>186</v>
      </c>
      <c r="G710">
        <v>98.695014689916135</v>
      </c>
      <c r="H710">
        <v>262</v>
      </c>
      <c r="J710">
        <v>98.247197783213835</v>
      </c>
      <c r="K710">
        <v>262</v>
      </c>
      <c r="M710">
        <v>99.413749983996794</v>
      </c>
      <c r="N710">
        <v>137</v>
      </c>
      <c r="P710">
        <v>99.534853955167051</v>
      </c>
      <c r="Q710">
        <v>120</v>
      </c>
    </row>
    <row r="711" spans="4:17" x14ac:dyDescent="0.25">
      <c r="D711">
        <v>99.160827727221474</v>
      </c>
      <c r="E711">
        <v>186</v>
      </c>
      <c r="G711">
        <v>98.690555983491407</v>
      </c>
      <c r="H711">
        <v>262</v>
      </c>
      <c r="J711">
        <v>98.238631299773616</v>
      </c>
      <c r="K711">
        <v>262</v>
      </c>
      <c r="M711">
        <v>99.412948327751067</v>
      </c>
      <c r="N711">
        <v>137</v>
      </c>
      <c r="P711">
        <v>99.534135843850478</v>
      </c>
      <c r="Q711">
        <v>120</v>
      </c>
    </row>
    <row r="712" spans="4:17" x14ac:dyDescent="0.25">
      <c r="D712">
        <v>99.157617563080052</v>
      </c>
      <c r="E712">
        <v>186</v>
      </c>
      <c r="G712">
        <v>98.686547116884</v>
      </c>
      <c r="H712">
        <v>263</v>
      </c>
      <c r="J712">
        <v>98.230064816333396</v>
      </c>
      <c r="K712">
        <v>263</v>
      </c>
      <c r="M712">
        <v>99.412134706486711</v>
      </c>
      <c r="N712">
        <v>138</v>
      </c>
      <c r="P712">
        <v>99.534135843850478</v>
      </c>
      <c r="Q712">
        <v>120</v>
      </c>
    </row>
    <row r="713" spans="4:17" x14ac:dyDescent="0.25">
      <c r="D713">
        <v>99.154869880213269</v>
      </c>
      <c r="E713">
        <v>187</v>
      </c>
      <c r="G713">
        <v>98.682538250276593</v>
      </c>
      <c r="H713">
        <v>263</v>
      </c>
      <c r="J713">
        <v>98.221498332893148</v>
      </c>
      <c r="K713">
        <v>263</v>
      </c>
      <c r="M713">
        <v>99.410926239608827</v>
      </c>
      <c r="N713">
        <v>138</v>
      </c>
      <c r="P713">
        <v>99.534135843850478</v>
      </c>
      <c r="Q713">
        <v>120</v>
      </c>
    </row>
    <row r="714" spans="4:17" x14ac:dyDescent="0.25">
      <c r="D714">
        <v>99.152122197346472</v>
      </c>
      <c r="E714">
        <v>187</v>
      </c>
      <c r="G714">
        <v>98.678529383669172</v>
      </c>
      <c r="H714">
        <v>264</v>
      </c>
      <c r="J714">
        <v>98.212931849452914</v>
      </c>
      <c r="K714">
        <v>263</v>
      </c>
      <c r="M714">
        <v>99.410124583363086</v>
      </c>
      <c r="N714">
        <v>138</v>
      </c>
      <c r="P714">
        <v>99.533417732533962</v>
      </c>
      <c r="Q714">
        <v>120</v>
      </c>
    </row>
    <row r="715" spans="4:17" x14ac:dyDescent="0.25">
      <c r="D715">
        <v>99.149374514479675</v>
      </c>
      <c r="E715">
        <v>188</v>
      </c>
      <c r="G715">
        <v>98.674957126296249</v>
      </c>
      <c r="H715">
        <v>264</v>
      </c>
      <c r="J715">
        <v>98.204029624975234</v>
      </c>
      <c r="K715">
        <v>264</v>
      </c>
      <c r="M715">
        <v>99.408916116485202</v>
      </c>
      <c r="N715">
        <v>139</v>
      </c>
      <c r="P715">
        <v>99.533417732533962</v>
      </c>
      <c r="Q715">
        <v>120</v>
      </c>
    </row>
    <row r="716" spans="4:17" x14ac:dyDescent="0.25">
      <c r="D716">
        <v>99.146164350338282</v>
      </c>
      <c r="E716">
        <v>188</v>
      </c>
      <c r="G716">
        <v>98.670948259688828</v>
      </c>
      <c r="H716">
        <v>265</v>
      </c>
      <c r="J716">
        <v>98.195117226526733</v>
      </c>
      <c r="K716">
        <v>264</v>
      </c>
      <c r="M716">
        <v>99.408102495220859</v>
      </c>
      <c r="N716">
        <v>139</v>
      </c>
      <c r="P716">
        <v>99.533417732533962</v>
      </c>
      <c r="Q716">
        <v>120</v>
      </c>
    </row>
    <row r="717" spans="4:17" x14ac:dyDescent="0.25">
      <c r="D717">
        <v>99.143416667471456</v>
      </c>
      <c r="E717">
        <v>189</v>
      </c>
      <c r="G717">
        <v>98.666939393081407</v>
      </c>
      <c r="H717">
        <v>265</v>
      </c>
      <c r="J717">
        <v>98.185869087040771</v>
      </c>
      <c r="K717">
        <v>265</v>
      </c>
      <c r="M717">
        <v>99.40689402834299</v>
      </c>
      <c r="N717">
        <v>140</v>
      </c>
      <c r="P717">
        <v>99.532720742138494</v>
      </c>
      <c r="Q717">
        <v>120</v>
      </c>
    </row>
    <row r="718" spans="4:17" x14ac:dyDescent="0.25">
      <c r="D718">
        <v>99.141131465879283</v>
      </c>
      <c r="E718">
        <v>189</v>
      </c>
      <c r="G718">
        <v>98.662930526474</v>
      </c>
      <c r="H718">
        <v>265</v>
      </c>
      <c r="J718">
        <v>98.17662094755481</v>
      </c>
      <c r="K718">
        <v>265</v>
      </c>
      <c r="M718">
        <v>99.405685561465091</v>
      </c>
      <c r="N718">
        <v>140</v>
      </c>
      <c r="P718">
        <v>99.532720742138494</v>
      </c>
      <c r="Q718">
        <v>120</v>
      </c>
    </row>
    <row r="719" spans="4:17" x14ac:dyDescent="0.25">
      <c r="D719">
        <v>99.13792130173789</v>
      </c>
      <c r="E719">
        <v>189</v>
      </c>
      <c r="G719">
        <v>98.658921659866579</v>
      </c>
      <c r="H719">
        <v>266</v>
      </c>
      <c r="J719">
        <v>98.167372808068862</v>
      </c>
      <c r="K719">
        <v>265</v>
      </c>
      <c r="M719">
        <v>99.40488390521935</v>
      </c>
      <c r="N719">
        <v>141</v>
      </c>
      <c r="P719">
        <v>99.532720742138494</v>
      </c>
      <c r="Q719">
        <v>120</v>
      </c>
    </row>
    <row r="720" spans="4:17" x14ac:dyDescent="0.25">
      <c r="D720">
        <v>99.135173618871093</v>
      </c>
      <c r="E720">
        <v>190</v>
      </c>
      <c r="G720">
        <v>98.654912793259172</v>
      </c>
      <c r="H720">
        <v>266</v>
      </c>
      <c r="J720">
        <v>98.157778753574647</v>
      </c>
      <c r="K720">
        <v>266</v>
      </c>
      <c r="M720">
        <v>99.403675438341438</v>
      </c>
      <c r="N720">
        <v>141</v>
      </c>
      <c r="P720">
        <v>99.532002630821935</v>
      </c>
      <c r="Q720">
        <v>120</v>
      </c>
    </row>
    <row r="721" spans="4:17" x14ac:dyDescent="0.25">
      <c r="D721">
        <v>99.132425936004282</v>
      </c>
      <c r="E721">
        <v>190</v>
      </c>
      <c r="G721">
        <v>98.650454086834444</v>
      </c>
      <c r="H721">
        <v>267</v>
      </c>
      <c r="J721">
        <v>98.148184699080403</v>
      </c>
      <c r="K721">
        <v>266</v>
      </c>
      <c r="M721">
        <v>99.402466971463554</v>
      </c>
      <c r="N721">
        <v>141</v>
      </c>
      <c r="P721">
        <v>99.532002630821935</v>
      </c>
      <c r="Q721">
        <v>120</v>
      </c>
    </row>
    <row r="722" spans="4:17" x14ac:dyDescent="0.25">
      <c r="D722">
        <v>99.128304411704079</v>
      </c>
      <c r="E722">
        <v>191</v>
      </c>
      <c r="G722">
        <v>98.646445220227037</v>
      </c>
      <c r="H722">
        <v>267</v>
      </c>
      <c r="J722">
        <v>98.138590644586174</v>
      </c>
      <c r="K722">
        <v>267</v>
      </c>
      <c r="M722">
        <v>99.401665315217798</v>
      </c>
      <c r="N722">
        <v>142</v>
      </c>
      <c r="P722">
        <v>99.532002630821935</v>
      </c>
      <c r="Q722">
        <v>120</v>
      </c>
    </row>
    <row r="723" spans="4:17" x14ac:dyDescent="0.25">
      <c r="D723">
        <v>99.1250942475627</v>
      </c>
      <c r="E723">
        <v>191</v>
      </c>
      <c r="G723">
        <v>98.64198651380228</v>
      </c>
      <c r="H723">
        <v>267</v>
      </c>
      <c r="J723">
        <v>98.128650675083662</v>
      </c>
      <c r="K723">
        <v>267</v>
      </c>
      <c r="M723">
        <v>99.400456848339928</v>
      </c>
      <c r="N723">
        <v>142</v>
      </c>
      <c r="P723">
        <v>99.532720742138494</v>
      </c>
      <c r="Q723">
        <v>120</v>
      </c>
    </row>
    <row r="724" spans="4:17" x14ac:dyDescent="0.25">
      <c r="D724">
        <v>99.122346564695903</v>
      </c>
      <c r="E724">
        <v>191</v>
      </c>
      <c r="G724">
        <v>98.637527807377538</v>
      </c>
      <c r="H724">
        <v>268</v>
      </c>
      <c r="J724">
        <v>98.118720879551987</v>
      </c>
      <c r="K724">
        <v>268</v>
      </c>
      <c r="M724">
        <v>99.39924838146203</v>
      </c>
      <c r="N724">
        <v>143</v>
      </c>
      <c r="P724">
        <v>99.532720742138494</v>
      </c>
      <c r="Q724">
        <v>120</v>
      </c>
    </row>
    <row r="725" spans="4:17" x14ac:dyDescent="0.25">
      <c r="D725">
        <v>99.119598881829091</v>
      </c>
      <c r="E725">
        <v>192</v>
      </c>
      <c r="G725">
        <v>98.633518940770131</v>
      </c>
      <c r="H725">
        <v>268</v>
      </c>
      <c r="J725">
        <v>98.108445169012043</v>
      </c>
      <c r="K725">
        <v>268</v>
      </c>
      <c r="M725">
        <v>99.398039914584118</v>
      </c>
      <c r="N725">
        <v>143</v>
      </c>
      <c r="P725">
        <v>99.532720742138494</v>
      </c>
      <c r="Q725">
        <v>120</v>
      </c>
    </row>
    <row r="726" spans="4:17" x14ac:dyDescent="0.25">
      <c r="D726">
        <v>99.116851198962294</v>
      </c>
      <c r="E726">
        <v>192</v>
      </c>
      <c r="G726">
        <v>98.62951007416271</v>
      </c>
      <c r="H726">
        <v>269</v>
      </c>
      <c r="J726">
        <v>98.09850519950956</v>
      </c>
      <c r="K726">
        <v>268</v>
      </c>
      <c r="M726">
        <v>99.396831447706219</v>
      </c>
      <c r="N726">
        <v>143</v>
      </c>
      <c r="P726">
        <v>99.532002630821935</v>
      </c>
      <c r="Q726">
        <v>120</v>
      </c>
    </row>
    <row r="727" spans="4:17" x14ac:dyDescent="0.25">
      <c r="D727">
        <v>99.113641034820901</v>
      </c>
      <c r="E727">
        <v>193</v>
      </c>
      <c r="G727">
        <v>98.625064598320833</v>
      </c>
      <c r="H727">
        <v>269</v>
      </c>
      <c r="J727">
        <v>98.088229488969574</v>
      </c>
      <c r="K727">
        <v>269</v>
      </c>
      <c r="M727">
        <v>99.395611015809735</v>
      </c>
      <c r="N727">
        <v>144</v>
      </c>
      <c r="P727">
        <v>99.532002630821935</v>
      </c>
      <c r="Q727">
        <v>120</v>
      </c>
    </row>
    <row r="728" spans="4:17" x14ac:dyDescent="0.25">
      <c r="D728">
        <v>99.110893351954104</v>
      </c>
      <c r="E728">
        <v>193</v>
      </c>
      <c r="G728">
        <v>98.62104250113056</v>
      </c>
      <c r="H728">
        <v>270</v>
      </c>
      <c r="J728">
        <v>98.077607863421377</v>
      </c>
      <c r="K728">
        <v>269</v>
      </c>
      <c r="M728">
        <v>99.394809359564007</v>
      </c>
      <c r="N728">
        <v>144</v>
      </c>
      <c r="P728">
        <v>99.532002630821935</v>
      </c>
      <c r="Q728">
        <v>120</v>
      </c>
    </row>
    <row r="729" spans="4:17" x14ac:dyDescent="0.25">
      <c r="D729">
        <v>99.107683187812697</v>
      </c>
      <c r="E729">
        <v>194</v>
      </c>
      <c r="G729">
        <v>98.616597025288669</v>
      </c>
      <c r="H729">
        <v>270</v>
      </c>
      <c r="J729">
        <v>98.067321978910599</v>
      </c>
      <c r="K729">
        <v>270</v>
      </c>
      <c r="M729">
        <v>99.393600892686123</v>
      </c>
      <c r="N729">
        <v>145</v>
      </c>
      <c r="P729">
        <v>99.531284519505377</v>
      </c>
      <c r="Q729">
        <v>120</v>
      </c>
    </row>
    <row r="730" spans="4:17" x14ac:dyDescent="0.25">
      <c r="D730">
        <v>99.104473023671289</v>
      </c>
      <c r="E730">
        <v>194</v>
      </c>
      <c r="G730">
        <v>98.612138318863913</v>
      </c>
      <c r="H730">
        <v>270</v>
      </c>
      <c r="J730">
        <v>98.056364612324927</v>
      </c>
      <c r="K730">
        <v>270</v>
      </c>
      <c r="M730">
        <v>99.392392425808211</v>
      </c>
      <c r="N730">
        <v>145</v>
      </c>
      <c r="P730">
        <v>99.531284519505377</v>
      </c>
      <c r="Q730">
        <v>120</v>
      </c>
    </row>
    <row r="731" spans="4:17" x14ac:dyDescent="0.25">
      <c r="D731">
        <v>99.101276461920307</v>
      </c>
      <c r="E731">
        <v>194</v>
      </c>
      <c r="G731">
        <v>98.607679612439199</v>
      </c>
      <c r="H731">
        <v>271</v>
      </c>
      <c r="J731">
        <v>98.045742986776702</v>
      </c>
      <c r="K731">
        <v>270</v>
      </c>
      <c r="M731">
        <v>99.391183958930299</v>
      </c>
      <c r="N731">
        <v>146</v>
      </c>
      <c r="P731">
        <v>99.531284519505377</v>
      </c>
      <c r="Q731">
        <v>120</v>
      </c>
    </row>
    <row r="732" spans="4:17" x14ac:dyDescent="0.25">
      <c r="D732">
        <v>99.098066297778914</v>
      </c>
      <c r="E732">
        <v>195</v>
      </c>
      <c r="G732">
        <v>98.603220906014442</v>
      </c>
      <c r="H732">
        <v>271</v>
      </c>
      <c r="J732">
        <v>98.034775446220195</v>
      </c>
      <c r="K732">
        <v>271</v>
      </c>
      <c r="M732">
        <v>99.3899754920524</v>
      </c>
      <c r="N732">
        <v>146</v>
      </c>
      <c r="P732">
        <v>99.531284519505377</v>
      </c>
      <c r="Q732">
        <v>120</v>
      </c>
    </row>
    <row r="733" spans="4:17" x14ac:dyDescent="0.25">
      <c r="D733">
        <v>99.094856133637492</v>
      </c>
      <c r="E733">
        <v>195</v>
      </c>
      <c r="G733">
        <v>98.59921203940705</v>
      </c>
      <c r="H733">
        <v>272</v>
      </c>
      <c r="J733">
        <v>98.023818079634523</v>
      </c>
      <c r="K733">
        <v>271</v>
      </c>
      <c r="M733">
        <v>99.388767025174502</v>
      </c>
      <c r="N733">
        <v>146</v>
      </c>
      <c r="P733">
        <v>99.530587529109923</v>
      </c>
      <c r="Q733">
        <v>120</v>
      </c>
    </row>
    <row r="734" spans="4:17" x14ac:dyDescent="0.25">
      <c r="D734">
        <v>99.092108450770695</v>
      </c>
      <c r="E734">
        <v>196</v>
      </c>
      <c r="G734">
        <v>98.594766563565145</v>
      </c>
      <c r="H734">
        <v>272</v>
      </c>
      <c r="J734">
        <v>98.01285053907803</v>
      </c>
      <c r="K734">
        <v>272</v>
      </c>
      <c r="M734">
        <v>99.387558558296632</v>
      </c>
      <c r="N734">
        <v>147</v>
      </c>
      <c r="P734">
        <v>99.530587529109923</v>
      </c>
      <c r="Q734">
        <v>120</v>
      </c>
    </row>
    <row r="735" spans="4:17" x14ac:dyDescent="0.25">
      <c r="D735">
        <v>99.089360767903912</v>
      </c>
      <c r="E735">
        <v>196</v>
      </c>
      <c r="G735">
        <v>98.590757696957738</v>
      </c>
      <c r="H735">
        <v>272</v>
      </c>
      <c r="J735">
        <v>98.001547257484091</v>
      </c>
      <c r="K735">
        <v>272</v>
      </c>
      <c r="M735">
        <v>99.386350091418706</v>
      </c>
      <c r="N735">
        <v>147</v>
      </c>
      <c r="P735">
        <v>99.529869417793364</v>
      </c>
      <c r="Q735">
        <v>120</v>
      </c>
    </row>
    <row r="736" spans="4:17" x14ac:dyDescent="0.25">
      <c r="D736">
        <v>99.086150603762519</v>
      </c>
      <c r="E736">
        <v>196</v>
      </c>
      <c r="G736">
        <v>98.586735599767479</v>
      </c>
      <c r="H736">
        <v>273</v>
      </c>
      <c r="J736">
        <v>97.990243975890152</v>
      </c>
      <c r="K736">
        <v>273</v>
      </c>
      <c r="M736">
        <v>99.385141624540836</v>
      </c>
      <c r="N736">
        <v>148</v>
      </c>
      <c r="P736">
        <v>99.529869417793364</v>
      </c>
      <c r="Q736">
        <v>120</v>
      </c>
    </row>
    <row r="737" spans="4:17" x14ac:dyDescent="0.25">
      <c r="D737">
        <v>99.083402920895708</v>
      </c>
      <c r="E737">
        <v>197</v>
      </c>
      <c r="G737">
        <v>98.582290123925574</v>
      </c>
      <c r="H737">
        <v>273</v>
      </c>
      <c r="J737">
        <v>97.978930520325349</v>
      </c>
      <c r="K737">
        <v>273</v>
      </c>
      <c r="M737">
        <v>99.383933157662923</v>
      </c>
      <c r="N737">
        <v>148</v>
      </c>
      <c r="P737">
        <v>99.52915130647682</v>
      </c>
      <c r="Q737">
        <v>120</v>
      </c>
    </row>
    <row r="738" spans="4:17" x14ac:dyDescent="0.25">
      <c r="D738">
        <v>99.080206359144739</v>
      </c>
      <c r="E738">
        <v>197</v>
      </c>
      <c r="G738">
        <v>98.577831417500832</v>
      </c>
      <c r="H738">
        <v>274</v>
      </c>
      <c r="J738">
        <v>97.967627238731424</v>
      </c>
      <c r="K738">
        <v>273</v>
      </c>
      <c r="M738">
        <v>99.382724690785054</v>
      </c>
      <c r="N738">
        <v>148</v>
      </c>
      <c r="P738">
        <v>99.52915130647682</v>
      </c>
      <c r="Q738">
        <v>120</v>
      </c>
    </row>
    <row r="739" spans="4:17" x14ac:dyDescent="0.25">
      <c r="D739">
        <v>99.076996195003332</v>
      </c>
      <c r="E739">
        <v>198</v>
      </c>
      <c r="G739">
        <v>98.573372711076075</v>
      </c>
      <c r="H739">
        <v>274</v>
      </c>
      <c r="J739">
        <v>97.956659698174903</v>
      </c>
      <c r="K739">
        <v>274</v>
      </c>
      <c r="M739">
        <v>99.381516223907141</v>
      </c>
      <c r="N739">
        <v>149</v>
      </c>
      <c r="P739">
        <v>99.52915130647682</v>
      </c>
      <c r="Q739">
        <v>120</v>
      </c>
    </row>
    <row r="740" spans="4:17" x14ac:dyDescent="0.25">
      <c r="D740">
        <v>99.073786030861925</v>
      </c>
      <c r="E740">
        <v>198</v>
      </c>
      <c r="G740">
        <v>98.568914004651347</v>
      </c>
      <c r="H740">
        <v>275</v>
      </c>
      <c r="J740">
        <v>97.945356416580992</v>
      </c>
      <c r="K740">
        <v>274</v>
      </c>
      <c r="M740">
        <v>99.380307757029215</v>
      </c>
      <c r="N740">
        <v>149</v>
      </c>
      <c r="P740">
        <v>99.528454316081366</v>
      </c>
      <c r="Q740">
        <v>120</v>
      </c>
    </row>
    <row r="741" spans="4:17" x14ac:dyDescent="0.25">
      <c r="D741">
        <v>99.070589469110942</v>
      </c>
      <c r="E741">
        <v>199</v>
      </c>
      <c r="G741">
        <v>98.564468528809456</v>
      </c>
      <c r="H741">
        <v>275</v>
      </c>
      <c r="J741">
        <v>97.934053134987039</v>
      </c>
      <c r="K741">
        <v>275</v>
      </c>
      <c r="M741">
        <v>99.379099290151345</v>
      </c>
      <c r="N741">
        <v>150</v>
      </c>
      <c r="P741">
        <v>99.528454316081366</v>
      </c>
      <c r="Q741">
        <v>120</v>
      </c>
    </row>
    <row r="742" spans="4:17" x14ac:dyDescent="0.25">
      <c r="D742">
        <v>99.067379304969535</v>
      </c>
      <c r="E742">
        <v>199</v>
      </c>
      <c r="G742">
        <v>98.559559982567379</v>
      </c>
      <c r="H742">
        <v>275</v>
      </c>
      <c r="J742">
        <v>97.9227498533931</v>
      </c>
      <c r="K742">
        <v>275</v>
      </c>
      <c r="M742">
        <v>99.377890823273447</v>
      </c>
      <c r="N742">
        <v>150</v>
      </c>
      <c r="P742">
        <v>99.528454316081366</v>
      </c>
      <c r="Q742">
        <v>120</v>
      </c>
    </row>
    <row r="743" spans="4:17" x14ac:dyDescent="0.25">
      <c r="D743">
        <v>99.064169140828128</v>
      </c>
      <c r="E743">
        <v>199</v>
      </c>
      <c r="G743">
        <v>98.555114506725502</v>
      </c>
      <c r="H743">
        <v>276</v>
      </c>
      <c r="J743">
        <v>97.911782312836593</v>
      </c>
      <c r="K743">
        <v>275</v>
      </c>
      <c r="M743">
        <v>99.376682356395548</v>
      </c>
      <c r="N743">
        <v>151</v>
      </c>
      <c r="P743">
        <v>99.527736204764793</v>
      </c>
      <c r="Q743">
        <v>120</v>
      </c>
    </row>
    <row r="744" spans="4:17" x14ac:dyDescent="0.25">
      <c r="D744">
        <v>99.06095897668672</v>
      </c>
      <c r="E744">
        <v>200</v>
      </c>
      <c r="G744">
        <v>98.55065580030076</v>
      </c>
      <c r="H744">
        <v>276</v>
      </c>
      <c r="J744">
        <v>97.900814772280086</v>
      </c>
      <c r="K744">
        <v>276</v>
      </c>
      <c r="M744">
        <v>99.375473889517636</v>
      </c>
      <c r="N744">
        <v>151</v>
      </c>
      <c r="P744">
        <v>99.527736204764793</v>
      </c>
      <c r="Q744">
        <v>120</v>
      </c>
    </row>
    <row r="745" spans="4:17" x14ac:dyDescent="0.25">
      <c r="D745">
        <v>99.057762414935738</v>
      </c>
      <c r="E745">
        <v>200</v>
      </c>
      <c r="G745">
        <v>98.546646933693367</v>
      </c>
      <c r="H745">
        <v>277</v>
      </c>
      <c r="J745">
        <v>97.889857405694428</v>
      </c>
      <c r="K745">
        <v>276</v>
      </c>
      <c r="M745">
        <v>99.373858612007581</v>
      </c>
      <c r="N745">
        <v>151</v>
      </c>
      <c r="P745">
        <v>99.527736204764793</v>
      </c>
      <c r="Q745">
        <v>120</v>
      </c>
    </row>
    <row r="746" spans="4:17" x14ac:dyDescent="0.25">
      <c r="D746">
        <v>99.05408976951972</v>
      </c>
      <c r="E746">
        <v>201</v>
      </c>
      <c r="G746">
        <v>98.542188227268596</v>
      </c>
      <c r="H746">
        <v>277</v>
      </c>
      <c r="J746">
        <v>97.878543950129639</v>
      </c>
      <c r="K746">
        <v>277</v>
      </c>
      <c r="M746">
        <v>99.372650145129711</v>
      </c>
      <c r="N746">
        <v>152</v>
      </c>
      <c r="P746">
        <v>99.527736204764793</v>
      </c>
      <c r="Q746">
        <v>120</v>
      </c>
    </row>
    <row r="747" spans="4:17" x14ac:dyDescent="0.25">
      <c r="D747">
        <v>99.050879605378341</v>
      </c>
      <c r="E747">
        <v>201</v>
      </c>
      <c r="G747">
        <v>98.537729520843868</v>
      </c>
      <c r="H747">
        <v>277</v>
      </c>
      <c r="J747">
        <v>97.867586583543982</v>
      </c>
      <c r="K747">
        <v>277</v>
      </c>
      <c r="M747">
        <v>99.371441678251784</v>
      </c>
      <c r="N747">
        <v>152</v>
      </c>
      <c r="P747">
        <v>99.527018093448234</v>
      </c>
      <c r="Q747">
        <v>120</v>
      </c>
    </row>
    <row r="748" spans="4:17" x14ac:dyDescent="0.25">
      <c r="D748">
        <v>99.047683043627359</v>
      </c>
      <c r="E748">
        <v>201</v>
      </c>
      <c r="G748">
        <v>98.533270814419112</v>
      </c>
      <c r="H748">
        <v>278</v>
      </c>
      <c r="J748">
        <v>97.855937386941761</v>
      </c>
      <c r="K748">
        <v>278</v>
      </c>
      <c r="M748">
        <v>99.3702332113739</v>
      </c>
      <c r="N748">
        <v>153</v>
      </c>
      <c r="P748">
        <v>99.527018093448234</v>
      </c>
      <c r="Q748">
        <v>120</v>
      </c>
    </row>
    <row r="749" spans="4:17" x14ac:dyDescent="0.25">
      <c r="D749">
        <v>99.044472879485951</v>
      </c>
      <c r="E749">
        <v>202</v>
      </c>
      <c r="G749">
        <v>98.528825338577235</v>
      </c>
      <c r="H749">
        <v>278</v>
      </c>
      <c r="J749">
        <v>97.844634105347822</v>
      </c>
      <c r="K749">
        <v>278</v>
      </c>
      <c r="M749">
        <v>99.369024744495988</v>
      </c>
      <c r="N749">
        <v>153</v>
      </c>
      <c r="P749">
        <v>99.526299982131718</v>
      </c>
      <c r="Q749">
        <v>120</v>
      </c>
    </row>
    <row r="750" spans="4:17" x14ac:dyDescent="0.25">
      <c r="D750">
        <v>99.041262715344544</v>
      </c>
      <c r="E750">
        <v>202</v>
      </c>
      <c r="G750">
        <v>98.524366632152478</v>
      </c>
      <c r="H750">
        <v>279</v>
      </c>
      <c r="J750">
        <v>97.832984908745601</v>
      </c>
      <c r="K750">
        <v>278</v>
      </c>
      <c r="M750">
        <v>99.367409466985933</v>
      </c>
      <c r="N750">
        <v>153</v>
      </c>
      <c r="P750">
        <v>99.526299982131718</v>
      </c>
      <c r="Q750">
        <v>120</v>
      </c>
    </row>
    <row r="751" spans="4:17" x14ac:dyDescent="0.25">
      <c r="D751">
        <v>99.038066153593562</v>
      </c>
      <c r="E751">
        <v>203</v>
      </c>
      <c r="G751">
        <v>98.51990792572775</v>
      </c>
      <c r="H751">
        <v>279</v>
      </c>
      <c r="J751">
        <v>97.821335712143366</v>
      </c>
      <c r="K751">
        <v>279</v>
      </c>
      <c r="M751">
        <v>99.366201000108049</v>
      </c>
      <c r="N751">
        <v>154</v>
      </c>
      <c r="P751">
        <v>99.526299982131718</v>
      </c>
      <c r="Q751">
        <v>120</v>
      </c>
    </row>
    <row r="752" spans="4:17" x14ac:dyDescent="0.25">
      <c r="D752">
        <v>99.034855989452154</v>
      </c>
      <c r="E752">
        <v>203</v>
      </c>
      <c r="G752">
        <v>98.515449219303008</v>
      </c>
      <c r="H752">
        <v>280</v>
      </c>
      <c r="J752">
        <v>97.809686515541159</v>
      </c>
      <c r="K752">
        <v>279</v>
      </c>
      <c r="M752">
        <v>99.364992533230136</v>
      </c>
      <c r="N752">
        <v>154</v>
      </c>
      <c r="P752">
        <v>99.525602991736235</v>
      </c>
      <c r="Q752">
        <v>120</v>
      </c>
    </row>
    <row r="753" spans="4:17" x14ac:dyDescent="0.25">
      <c r="D753">
        <v>99.031645825310761</v>
      </c>
      <c r="E753">
        <v>204</v>
      </c>
      <c r="G753">
        <v>98.511003743461117</v>
      </c>
      <c r="H753">
        <v>280</v>
      </c>
      <c r="J753">
        <v>97.798037318938938</v>
      </c>
      <c r="K753">
        <v>280</v>
      </c>
      <c r="M753">
        <v>99.363377255720081</v>
      </c>
      <c r="N753">
        <v>155</v>
      </c>
      <c r="P753">
        <v>99.525602991736235</v>
      </c>
      <c r="Q753">
        <v>120</v>
      </c>
    </row>
    <row r="754" spans="4:17" x14ac:dyDescent="0.25">
      <c r="D754">
        <v>99.028898142443964</v>
      </c>
      <c r="E754">
        <v>204</v>
      </c>
      <c r="G754">
        <v>98.506545037036361</v>
      </c>
      <c r="H754">
        <v>280</v>
      </c>
      <c r="J754">
        <v>97.785696292320154</v>
      </c>
      <c r="K754">
        <v>280</v>
      </c>
      <c r="M754">
        <v>99.362168788842197</v>
      </c>
      <c r="N754">
        <v>155</v>
      </c>
      <c r="P754">
        <v>99.525602991736235</v>
      </c>
      <c r="Q754">
        <v>120</v>
      </c>
    </row>
    <row r="755" spans="4:17" x14ac:dyDescent="0.25">
      <c r="D755">
        <v>99.025687978302543</v>
      </c>
      <c r="E755">
        <v>204</v>
      </c>
      <c r="G755">
        <v>98.502086330611618</v>
      </c>
      <c r="H755">
        <v>281</v>
      </c>
      <c r="J755">
        <v>97.773711354680501</v>
      </c>
      <c r="K755">
        <v>280</v>
      </c>
      <c r="M755">
        <v>99.360565476350715</v>
      </c>
      <c r="N755">
        <v>156</v>
      </c>
      <c r="P755">
        <v>99.524884880419677</v>
      </c>
      <c r="Q755">
        <v>120</v>
      </c>
    </row>
    <row r="756" spans="4:17" x14ac:dyDescent="0.25">
      <c r="D756">
        <v>99.02249141655156</v>
      </c>
      <c r="E756">
        <v>205</v>
      </c>
      <c r="G756">
        <v>98.497191014952406</v>
      </c>
      <c r="H756">
        <v>281</v>
      </c>
      <c r="J756">
        <v>97.76103458702427</v>
      </c>
      <c r="K756">
        <v>281</v>
      </c>
      <c r="M756">
        <v>99.359357009472831</v>
      </c>
      <c r="N756">
        <v>156</v>
      </c>
      <c r="P756">
        <v>99.524884880419677</v>
      </c>
      <c r="Q756">
        <v>120</v>
      </c>
    </row>
    <row r="757" spans="4:17" x14ac:dyDescent="0.25">
      <c r="D757">
        <v>99.019281252410181</v>
      </c>
      <c r="E757">
        <v>205</v>
      </c>
      <c r="G757">
        <v>98.492732308527664</v>
      </c>
      <c r="H757">
        <v>282</v>
      </c>
      <c r="J757">
        <v>97.748357819368081</v>
      </c>
      <c r="K757">
        <v>281</v>
      </c>
      <c r="M757">
        <v>99.357741731962761</v>
      </c>
      <c r="N757">
        <v>156</v>
      </c>
      <c r="P757">
        <v>99.524884880419677</v>
      </c>
      <c r="Q757">
        <v>120</v>
      </c>
    </row>
    <row r="758" spans="4:17" x14ac:dyDescent="0.25">
      <c r="D758">
        <v>99.015608606994149</v>
      </c>
      <c r="E758">
        <v>206</v>
      </c>
      <c r="G758">
        <v>98.487836992868452</v>
      </c>
      <c r="H758">
        <v>282</v>
      </c>
      <c r="J758">
        <v>97.735335136703597</v>
      </c>
      <c r="K758">
        <v>282</v>
      </c>
      <c r="M758">
        <v>99.356126454452706</v>
      </c>
      <c r="N758">
        <v>157</v>
      </c>
      <c r="P758">
        <v>99.524884880419677</v>
      </c>
      <c r="Q758">
        <v>120</v>
      </c>
    </row>
    <row r="759" spans="4:17" x14ac:dyDescent="0.25">
      <c r="D759">
        <v>99.012412045243181</v>
      </c>
      <c r="E759">
        <v>206</v>
      </c>
      <c r="G759">
        <v>98.483378286443696</v>
      </c>
      <c r="H759">
        <v>282</v>
      </c>
      <c r="J759">
        <v>97.722312454039113</v>
      </c>
      <c r="K759">
        <v>282</v>
      </c>
      <c r="M759">
        <v>99.354917987574808</v>
      </c>
      <c r="N759">
        <v>157</v>
      </c>
      <c r="P759">
        <v>99.524884880419677</v>
      </c>
      <c r="Q759">
        <v>120</v>
      </c>
    </row>
    <row r="760" spans="4:17" x14ac:dyDescent="0.25">
      <c r="D760">
        <v>99.009201881101788</v>
      </c>
      <c r="E760">
        <v>206</v>
      </c>
      <c r="G760">
        <v>98.478469740201632</v>
      </c>
      <c r="H760">
        <v>283</v>
      </c>
      <c r="J760">
        <v>97.708954030337154</v>
      </c>
      <c r="K760">
        <v>283</v>
      </c>
      <c r="M760">
        <v>99.35331467508334</v>
      </c>
      <c r="N760">
        <v>158</v>
      </c>
      <c r="P760">
        <v>99.524884880419677</v>
      </c>
      <c r="Q760">
        <v>120</v>
      </c>
    </row>
    <row r="761" spans="4:17" x14ac:dyDescent="0.25">
      <c r="D761">
        <v>99.005991716960366</v>
      </c>
      <c r="E761">
        <v>207</v>
      </c>
      <c r="G761">
        <v>98.474024264359755</v>
      </c>
      <c r="H761">
        <v>283</v>
      </c>
      <c r="J761">
        <v>97.695249691626955</v>
      </c>
      <c r="K761">
        <v>283</v>
      </c>
      <c r="M761">
        <v>99.351699397573285</v>
      </c>
      <c r="N761">
        <v>158</v>
      </c>
      <c r="P761">
        <v>99.524884880419677</v>
      </c>
      <c r="Q761">
        <v>120</v>
      </c>
    </row>
    <row r="762" spans="4:17" x14ac:dyDescent="0.25">
      <c r="D762">
        <v>99.002795155209384</v>
      </c>
      <c r="E762">
        <v>207</v>
      </c>
      <c r="G762">
        <v>98.469115718117664</v>
      </c>
      <c r="H762">
        <v>284</v>
      </c>
      <c r="J762">
        <v>97.681199437908461</v>
      </c>
      <c r="K762">
        <v>283</v>
      </c>
      <c r="M762">
        <v>99.350490930695372</v>
      </c>
      <c r="N762">
        <v>158</v>
      </c>
      <c r="P762">
        <v>99.524884880419677</v>
      </c>
      <c r="Q762">
        <v>120</v>
      </c>
    </row>
    <row r="763" spans="4:17" x14ac:dyDescent="0.25">
      <c r="D763">
        <v>98.999584991067977</v>
      </c>
      <c r="E763">
        <v>208</v>
      </c>
      <c r="G763">
        <v>98.464220402458452</v>
      </c>
      <c r="H763">
        <v>284</v>
      </c>
      <c r="J763">
        <v>97.667495099198263</v>
      </c>
      <c r="K763">
        <v>284</v>
      </c>
      <c r="M763">
        <v>99.348875653185317</v>
      </c>
      <c r="N763">
        <v>159</v>
      </c>
      <c r="P763">
        <v>99.524884880419677</v>
      </c>
      <c r="Q763">
        <v>120</v>
      </c>
    </row>
    <row r="764" spans="4:17" x14ac:dyDescent="0.25">
      <c r="D764">
        <v>98.996374826926598</v>
      </c>
      <c r="E764">
        <v>208</v>
      </c>
      <c r="G764">
        <v>98.458875246981904</v>
      </c>
      <c r="H764">
        <v>285</v>
      </c>
      <c r="J764">
        <v>97.65379076048805</v>
      </c>
      <c r="K764">
        <v>284</v>
      </c>
      <c r="M764">
        <v>99.347260375675276</v>
      </c>
      <c r="N764">
        <v>159</v>
      </c>
      <c r="P764">
        <v>99.524884880419677</v>
      </c>
      <c r="Q764">
        <v>120</v>
      </c>
    </row>
    <row r="765" spans="4:17" x14ac:dyDescent="0.25">
      <c r="D765">
        <v>98.993164662785176</v>
      </c>
      <c r="E765">
        <v>209</v>
      </c>
      <c r="G765">
        <v>98.453966700739826</v>
      </c>
      <c r="H765">
        <v>285</v>
      </c>
      <c r="J765">
        <v>97.639750680740406</v>
      </c>
      <c r="K765">
        <v>285</v>
      </c>
      <c r="M765">
        <v>99.345657063183793</v>
      </c>
      <c r="N765">
        <v>160</v>
      </c>
      <c r="P765">
        <v>99.524884880419677</v>
      </c>
      <c r="Q765">
        <v>120</v>
      </c>
    </row>
    <row r="766" spans="4:17" x14ac:dyDescent="0.25">
      <c r="D766">
        <v>98.989968101034208</v>
      </c>
      <c r="E766">
        <v>209</v>
      </c>
      <c r="G766">
        <v>98.449507994315084</v>
      </c>
      <c r="H766">
        <v>285</v>
      </c>
      <c r="J766">
        <v>97.625700427021926</v>
      </c>
      <c r="K766">
        <v>285</v>
      </c>
      <c r="M766">
        <v>99.344041785673724</v>
      </c>
      <c r="N766">
        <v>160</v>
      </c>
      <c r="P766">
        <v>99.524166769103147</v>
      </c>
      <c r="Q766">
        <v>120</v>
      </c>
    </row>
    <row r="767" spans="4:17" x14ac:dyDescent="0.25">
      <c r="D767">
        <v>98.986757936892801</v>
      </c>
      <c r="E767">
        <v>209</v>
      </c>
      <c r="G767">
        <v>98.444612678655858</v>
      </c>
      <c r="H767">
        <v>286</v>
      </c>
      <c r="J767">
        <v>97.611650173303431</v>
      </c>
      <c r="K767">
        <v>285</v>
      </c>
      <c r="M767">
        <v>99.342426508163669</v>
      </c>
      <c r="N767">
        <v>161</v>
      </c>
      <c r="P767">
        <v>99.524166769103147</v>
      </c>
      <c r="Q767">
        <v>120</v>
      </c>
    </row>
    <row r="768" spans="4:17" x14ac:dyDescent="0.25">
      <c r="D768">
        <v>98.983547772751407</v>
      </c>
      <c r="E768">
        <v>210</v>
      </c>
      <c r="G768">
        <v>98.440153972231144</v>
      </c>
      <c r="H768">
        <v>286</v>
      </c>
      <c r="J768">
        <v>97.597264178547491</v>
      </c>
      <c r="K768">
        <v>286</v>
      </c>
      <c r="M768">
        <v>99.340823195672215</v>
      </c>
      <c r="N768">
        <v>161</v>
      </c>
      <c r="P768">
        <v>99.524166769103147</v>
      </c>
      <c r="Q768">
        <v>120</v>
      </c>
    </row>
    <row r="769" spans="4:17" x14ac:dyDescent="0.25">
      <c r="D769">
        <v>98.980337608609986</v>
      </c>
      <c r="E769">
        <v>210</v>
      </c>
      <c r="G769">
        <v>98.435258656571918</v>
      </c>
      <c r="H769">
        <v>287</v>
      </c>
      <c r="J769">
        <v>97.582878183791564</v>
      </c>
      <c r="K769">
        <v>286</v>
      </c>
      <c r="M769">
        <v>99.339207918162131</v>
      </c>
      <c r="N769">
        <v>161</v>
      </c>
      <c r="P769">
        <v>99.524166769103147</v>
      </c>
      <c r="Q769">
        <v>120</v>
      </c>
    </row>
    <row r="770" spans="4:17" x14ac:dyDescent="0.25">
      <c r="D770">
        <v>98.977141046859003</v>
      </c>
      <c r="E770">
        <v>211</v>
      </c>
      <c r="G770">
        <v>98.429913501095342</v>
      </c>
      <c r="H770">
        <v>287</v>
      </c>
      <c r="J770">
        <v>97.568146274027356</v>
      </c>
      <c r="K770">
        <v>287</v>
      </c>
      <c r="M770">
        <v>99.337197795038506</v>
      </c>
      <c r="N770">
        <v>162</v>
      </c>
      <c r="P770">
        <v>99.524166769103147</v>
      </c>
      <c r="Q770">
        <v>120</v>
      </c>
    </row>
    <row r="771" spans="4:17" x14ac:dyDescent="0.25">
      <c r="D771">
        <v>98.97393088271761</v>
      </c>
      <c r="E771">
        <v>211</v>
      </c>
      <c r="G771">
        <v>98.425004954853293</v>
      </c>
      <c r="H771">
        <v>287</v>
      </c>
      <c r="J771">
        <v>97.55306844925488</v>
      </c>
      <c r="K771">
        <v>287</v>
      </c>
      <c r="M771">
        <v>99.335582517528451</v>
      </c>
      <c r="N771">
        <v>162</v>
      </c>
      <c r="P771">
        <v>99.523469778707664</v>
      </c>
      <c r="Q771">
        <v>120</v>
      </c>
    </row>
    <row r="772" spans="4:17" x14ac:dyDescent="0.25">
      <c r="D772">
        <v>98.971183199850813</v>
      </c>
      <c r="E772">
        <v>211</v>
      </c>
      <c r="G772">
        <v>98.420109639194067</v>
      </c>
      <c r="H772">
        <v>288</v>
      </c>
      <c r="J772">
        <v>97.538336539490686</v>
      </c>
      <c r="K772">
        <v>288</v>
      </c>
      <c r="M772">
        <v>99.333967240018396</v>
      </c>
      <c r="N772">
        <v>163</v>
      </c>
      <c r="P772">
        <v>99.523469778707664</v>
      </c>
      <c r="Q772">
        <v>120</v>
      </c>
    </row>
    <row r="773" spans="4:17" x14ac:dyDescent="0.25">
      <c r="D773">
        <v>98.967973035709406</v>
      </c>
      <c r="E773">
        <v>212</v>
      </c>
      <c r="G773">
        <v>98.415201092951989</v>
      </c>
      <c r="H773">
        <v>288</v>
      </c>
      <c r="J773">
        <v>97.523604629726478</v>
      </c>
      <c r="K773">
        <v>288</v>
      </c>
      <c r="M773">
        <v>99.332351962508326</v>
      </c>
      <c r="N773">
        <v>163</v>
      </c>
      <c r="P773">
        <v>99.522751667391105</v>
      </c>
      <c r="Q773">
        <v>120</v>
      </c>
    </row>
    <row r="774" spans="4:17" x14ac:dyDescent="0.25">
      <c r="D774">
        <v>98.965225352842594</v>
      </c>
      <c r="E774">
        <v>212</v>
      </c>
      <c r="G774">
        <v>98.409855937475456</v>
      </c>
      <c r="H774">
        <v>289</v>
      </c>
      <c r="J774">
        <v>97.508872719962284</v>
      </c>
      <c r="K774">
        <v>288</v>
      </c>
      <c r="M774">
        <v>99.330341839384701</v>
      </c>
      <c r="N774">
        <v>163</v>
      </c>
      <c r="P774">
        <v>99.522751667391105</v>
      </c>
      <c r="Q774">
        <v>120</v>
      </c>
    </row>
    <row r="775" spans="4:17" x14ac:dyDescent="0.25">
      <c r="D775">
        <v>98.962015188701201</v>
      </c>
      <c r="E775">
        <v>213</v>
      </c>
      <c r="G775">
        <v>98.40496062181623</v>
      </c>
      <c r="H775">
        <v>289</v>
      </c>
      <c r="J775">
        <v>97.493794895189794</v>
      </c>
      <c r="K775">
        <v>289</v>
      </c>
      <c r="M775">
        <v>99.328726561874632</v>
      </c>
      <c r="N775">
        <v>164</v>
      </c>
      <c r="P775">
        <v>99.522751667391105</v>
      </c>
      <c r="Q775">
        <v>120</v>
      </c>
    </row>
    <row r="776" spans="4:17" x14ac:dyDescent="0.25">
      <c r="D776">
        <v>98.958818626950233</v>
      </c>
      <c r="E776">
        <v>213</v>
      </c>
      <c r="G776">
        <v>98.400065306157003</v>
      </c>
      <c r="H776">
        <v>290</v>
      </c>
      <c r="J776">
        <v>97.479062985425585</v>
      </c>
      <c r="K776">
        <v>289</v>
      </c>
      <c r="M776">
        <v>99.327123249383192</v>
      </c>
      <c r="N776">
        <v>164</v>
      </c>
      <c r="P776">
        <v>99.522033556074547</v>
      </c>
      <c r="Q776">
        <v>120</v>
      </c>
    </row>
    <row r="777" spans="4:17" x14ac:dyDescent="0.25">
      <c r="D777">
        <v>98.955608462808826</v>
      </c>
      <c r="E777">
        <v>214</v>
      </c>
      <c r="G777">
        <v>98.39515675991494</v>
      </c>
      <c r="H777">
        <v>290</v>
      </c>
      <c r="J777">
        <v>97.463985160653124</v>
      </c>
      <c r="K777">
        <v>290</v>
      </c>
      <c r="M777">
        <v>99.325101161240951</v>
      </c>
      <c r="N777">
        <v>165</v>
      </c>
      <c r="P777">
        <v>99.522033556074547</v>
      </c>
      <c r="Q777">
        <v>120</v>
      </c>
    </row>
    <row r="778" spans="4:17" x14ac:dyDescent="0.25">
      <c r="D778">
        <v>98.952398298667404</v>
      </c>
      <c r="E778">
        <v>214</v>
      </c>
      <c r="G778">
        <v>98.390261444255728</v>
      </c>
      <c r="H778">
        <v>290</v>
      </c>
      <c r="J778">
        <v>97.448917509851469</v>
      </c>
      <c r="K778">
        <v>290</v>
      </c>
      <c r="M778">
        <v>99.323497848749469</v>
      </c>
      <c r="N778">
        <v>165</v>
      </c>
      <c r="P778">
        <v>99.521336565679093</v>
      </c>
      <c r="Q778">
        <v>120</v>
      </c>
    </row>
    <row r="779" spans="4:17" x14ac:dyDescent="0.25">
      <c r="D779">
        <v>98.949201736916436</v>
      </c>
      <c r="E779">
        <v>214</v>
      </c>
      <c r="G779">
        <v>98.384916288779166</v>
      </c>
      <c r="H779">
        <v>291</v>
      </c>
      <c r="J779">
        <v>97.433839685078993</v>
      </c>
      <c r="K779">
        <v>290</v>
      </c>
      <c r="M779">
        <v>99.321475760607257</v>
      </c>
      <c r="N779">
        <v>166</v>
      </c>
      <c r="P779">
        <v>99.521336565679093</v>
      </c>
      <c r="Q779">
        <v>120</v>
      </c>
    </row>
    <row r="780" spans="4:17" x14ac:dyDescent="0.25">
      <c r="D780">
        <v>98.945991572775029</v>
      </c>
      <c r="E780">
        <v>215</v>
      </c>
      <c r="G780">
        <v>98.380007742537103</v>
      </c>
      <c r="H780">
        <v>291</v>
      </c>
      <c r="J780">
        <v>97.418761860306503</v>
      </c>
      <c r="K780">
        <v>291</v>
      </c>
      <c r="M780">
        <v>99.319465637483631</v>
      </c>
      <c r="N780">
        <v>166</v>
      </c>
      <c r="P780">
        <v>99.521336565679093</v>
      </c>
      <c r="Q780">
        <v>120</v>
      </c>
    </row>
    <row r="781" spans="4:17" x14ac:dyDescent="0.25">
      <c r="D781">
        <v>98.942781408633635</v>
      </c>
      <c r="E781">
        <v>215</v>
      </c>
      <c r="G781">
        <v>98.375112426877877</v>
      </c>
      <c r="H781">
        <v>292</v>
      </c>
      <c r="J781">
        <v>97.403684035534027</v>
      </c>
      <c r="K781">
        <v>291</v>
      </c>
      <c r="M781">
        <v>99.317850359973562</v>
      </c>
      <c r="N781">
        <v>166</v>
      </c>
      <c r="P781">
        <v>99.520618454362548</v>
      </c>
      <c r="Q781">
        <v>120</v>
      </c>
    </row>
    <row r="782" spans="4:17" x14ac:dyDescent="0.25">
      <c r="D782">
        <v>98.939571244492214</v>
      </c>
      <c r="E782">
        <v>216</v>
      </c>
      <c r="G782">
        <v>98.370203880635799</v>
      </c>
      <c r="H782">
        <v>292</v>
      </c>
      <c r="J782">
        <v>97.388270469724119</v>
      </c>
      <c r="K782">
        <v>292</v>
      </c>
      <c r="M782">
        <v>99.315840236849937</v>
      </c>
      <c r="N782">
        <v>167</v>
      </c>
      <c r="P782">
        <v>99.520618454362548</v>
      </c>
      <c r="Q782">
        <v>120</v>
      </c>
    </row>
    <row r="783" spans="4:17" x14ac:dyDescent="0.25">
      <c r="D783">
        <v>98.936374682741231</v>
      </c>
      <c r="E783">
        <v>216</v>
      </c>
      <c r="G783">
        <v>98.365308564976601</v>
      </c>
      <c r="H783">
        <v>292</v>
      </c>
      <c r="J783">
        <v>97.372856903914183</v>
      </c>
      <c r="K783">
        <v>292</v>
      </c>
      <c r="M783">
        <v>99.313818148707696</v>
      </c>
      <c r="N783">
        <v>167</v>
      </c>
      <c r="P783">
        <v>99.51990034304599</v>
      </c>
      <c r="Q783">
        <v>120</v>
      </c>
    </row>
    <row r="784" spans="4:17" x14ac:dyDescent="0.25">
      <c r="D784">
        <v>98.933164518599852</v>
      </c>
      <c r="E784">
        <v>216</v>
      </c>
      <c r="G784">
        <v>98.360400018734509</v>
      </c>
      <c r="H784">
        <v>293</v>
      </c>
      <c r="J784">
        <v>97.357433164133425</v>
      </c>
      <c r="K784">
        <v>293</v>
      </c>
      <c r="M784">
        <v>99.312214836216256</v>
      </c>
      <c r="N784">
        <v>168</v>
      </c>
      <c r="P784">
        <v>99.51990034304599</v>
      </c>
      <c r="Q784">
        <v>120</v>
      </c>
    </row>
    <row r="785" spans="4:17" x14ac:dyDescent="0.25">
      <c r="D785">
        <v>98.929954354458445</v>
      </c>
      <c r="E785">
        <v>217</v>
      </c>
      <c r="G785">
        <v>98.355504703075297</v>
      </c>
      <c r="H785">
        <v>293</v>
      </c>
      <c r="J785">
        <v>97.342019598323489</v>
      </c>
      <c r="K785">
        <v>293</v>
      </c>
      <c r="M785">
        <v>99.310192748074016</v>
      </c>
      <c r="N785">
        <v>168</v>
      </c>
      <c r="P785">
        <v>99.519203352650521</v>
      </c>
      <c r="Q785">
        <v>120</v>
      </c>
    </row>
    <row r="786" spans="4:17" x14ac:dyDescent="0.25">
      <c r="D786">
        <v>98.926744190317024</v>
      </c>
      <c r="E786">
        <v>217</v>
      </c>
      <c r="G786">
        <v>98.350609387416071</v>
      </c>
      <c r="H786">
        <v>294</v>
      </c>
      <c r="J786">
        <v>97.325914202497032</v>
      </c>
      <c r="K786">
        <v>293</v>
      </c>
      <c r="M786">
        <v>99.308182624950405</v>
      </c>
      <c r="N786">
        <v>168</v>
      </c>
      <c r="P786">
        <v>99.519203352650521</v>
      </c>
      <c r="Q786">
        <v>120</v>
      </c>
    </row>
    <row r="787" spans="4:17" x14ac:dyDescent="0.25">
      <c r="D787">
        <v>98.923085147291445</v>
      </c>
      <c r="E787">
        <v>218</v>
      </c>
      <c r="G787">
        <v>98.345700841174008</v>
      </c>
      <c r="H787">
        <v>294</v>
      </c>
      <c r="J787">
        <v>97.309808806670546</v>
      </c>
      <c r="K787">
        <v>294</v>
      </c>
      <c r="M787">
        <v>99.306172501826765</v>
      </c>
      <c r="N787">
        <v>169</v>
      </c>
      <c r="P787">
        <v>99.518485241333977</v>
      </c>
      <c r="Q787">
        <v>120</v>
      </c>
    </row>
    <row r="788" spans="4:17" x14ac:dyDescent="0.25">
      <c r="D788">
        <v>98.919874983150052</v>
      </c>
      <c r="E788">
        <v>218</v>
      </c>
      <c r="G788">
        <v>98.340805525514781</v>
      </c>
      <c r="H788">
        <v>295</v>
      </c>
      <c r="J788">
        <v>97.293367669806642</v>
      </c>
      <c r="K788">
        <v>294</v>
      </c>
      <c r="M788">
        <v>99.304150413684539</v>
      </c>
      <c r="N788">
        <v>169</v>
      </c>
      <c r="P788">
        <v>99.518485241333977</v>
      </c>
      <c r="Q788">
        <v>120</v>
      </c>
    </row>
    <row r="789" spans="4:17" x14ac:dyDescent="0.25">
      <c r="D789">
        <v>98.91667842139907</v>
      </c>
      <c r="E789">
        <v>219</v>
      </c>
      <c r="G789">
        <v>98.335896979272704</v>
      </c>
      <c r="H789">
        <v>295</v>
      </c>
      <c r="J789">
        <v>97.276580617934442</v>
      </c>
      <c r="K789">
        <v>295</v>
      </c>
      <c r="M789">
        <v>99.30253513617447</v>
      </c>
      <c r="N789">
        <v>170</v>
      </c>
      <c r="P789">
        <v>99.518485241333977</v>
      </c>
      <c r="Q789">
        <v>120</v>
      </c>
    </row>
    <row r="790" spans="4:17" x14ac:dyDescent="0.25">
      <c r="D790">
        <v>98.913005775983038</v>
      </c>
      <c r="E790">
        <v>219</v>
      </c>
      <c r="G790">
        <v>98.331001663613478</v>
      </c>
      <c r="H790">
        <v>295</v>
      </c>
      <c r="J790">
        <v>97.259447651053961</v>
      </c>
      <c r="K790">
        <v>295</v>
      </c>
      <c r="M790">
        <v>99.30052501305083</v>
      </c>
      <c r="N790">
        <v>170</v>
      </c>
      <c r="P790">
        <v>99.517767130017432</v>
      </c>
      <c r="Q790">
        <v>120</v>
      </c>
    </row>
    <row r="791" spans="4:17" x14ac:dyDescent="0.25">
      <c r="D791">
        <v>98.909795611841631</v>
      </c>
      <c r="E791">
        <v>219</v>
      </c>
      <c r="G791">
        <v>98.325656508136944</v>
      </c>
      <c r="H791">
        <v>296</v>
      </c>
      <c r="J791">
        <v>97.241978943136061</v>
      </c>
      <c r="K791">
        <v>295</v>
      </c>
      <c r="M791">
        <v>99.298514889927191</v>
      </c>
      <c r="N791">
        <v>171</v>
      </c>
      <c r="P791">
        <v>99.517767130017432</v>
      </c>
      <c r="Q791">
        <v>120</v>
      </c>
    </row>
    <row r="792" spans="4:17" x14ac:dyDescent="0.25">
      <c r="D792">
        <v>98.907047928974848</v>
      </c>
      <c r="E792">
        <v>220</v>
      </c>
      <c r="G792">
        <v>98.320747961894867</v>
      </c>
      <c r="H792">
        <v>296</v>
      </c>
      <c r="J792">
        <v>97.224845976255594</v>
      </c>
      <c r="K792">
        <v>296</v>
      </c>
      <c r="M792">
        <v>99.296492801784979</v>
      </c>
      <c r="N792">
        <v>171</v>
      </c>
      <c r="P792">
        <v>99.517767130017432</v>
      </c>
      <c r="Q792">
        <v>120</v>
      </c>
    </row>
    <row r="793" spans="4:17" x14ac:dyDescent="0.25">
      <c r="D793">
        <v>98.903851367223865</v>
      </c>
      <c r="E793">
        <v>220</v>
      </c>
      <c r="G793">
        <v>98.315402806418334</v>
      </c>
      <c r="H793">
        <v>297</v>
      </c>
      <c r="J793">
        <v>97.20737726833768</v>
      </c>
      <c r="K793">
        <v>296</v>
      </c>
      <c r="M793">
        <v>99.294482678661339</v>
      </c>
      <c r="N793">
        <v>171</v>
      </c>
      <c r="P793">
        <v>99.51707013962195</v>
      </c>
      <c r="Q793">
        <v>120</v>
      </c>
    </row>
    <row r="794" spans="4:17" x14ac:dyDescent="0.25">
      <c r="D794">
        <v>98.900641203082458</v>
      </c>
      <c r="E794">
        <v>221</v>
      </c>
      <c r="G794">
        <v>98.310057650941758</v>
      </c>
      <c r="H794">
        <v>297</v>
      </c>
      <c r="J794">
        <v>97.189898386448931</v>
      </c>
      <c r="K794">
        <v>297</v>
      </c>
      <c r="M794">
        <v>99.292472555537742</v>
      </c>
      <c r="N794">
        <v>172</v>
      </c>
      <c r="P794">
        <v>99.51707013962195</v>
      </c>
      <c r="Q794">
        <v>120</v>
      </c>
    </row>
    <row r="795" spans="4:17" x14ac:dyDescent="0.25">
      <c r="D795">
        <v>98.897431038941065</v>
      </c>
      <c r="E795">
        <v>221</v>
      </c>
      <c r="G795">
        <v>98.305162335282546</v>
      </c>
      <c r="H795">
        <v>297</v>
      </c>
      <c r="J795">
        <v>97.172765419568449</v>
      </c>
      <c r="K795">
        <v>297</v>
      </c>
      <c r="M795">
        <v>99.290450467395488</v>
      </c>
      <c r="N795">
        <v>172</v>
      </c>
      <c r="P795">
        <v>99.51707013962195</v>
      </c>
      <c r="Q795">
        <v>120</v>
      </c>
    </row>
    <row r="796" spans="4:17" x14ac:dyDescent="0.25">
      <c r="D796">
        <v>98.893771995915486</v>
      </c>
      <c r="E796">
        <v>221</v>
      </c>
      <c r="G796">
        <v>98.299817179806013</v>
      </c>
      <c r="H796">
        <v>298</v>
      </c>
      <c r="J796">
        <v>97.15529671165055</v>
      </c>
      <c r="K796">
        <v>298</v>
      </c>
      <c r="M796">
        <v>99.288440344271876</v>
      </c>
      <c r="N796">
        <v>173</v>
      </c>
      <c r="P796">
        <v>99.51707013962195</v>
      </c>
      <c r="Q796">
        <v>120</v>
      </c>
    </row>
    <row r="797" spans="4:17" x14ac:dyDescent="0.25">
      <c r="D797">
        <v>98.890099350499455</v>
      </c>
      <c r="E797">
        <v>222</v>
      </c>
      <c r="G797">
        <v>98.2944587937466</v>
      </c>
      <c r="H797">
        <v>298</v>
      </c>
      <c r="J797">
        <v>97.137817829761815</v>
      </c>
      <c r="K797">
        <v>298</v>
      </c>
      <c r="M797">
        <v>99.286418256129636</v>
      </c>
      <c r="N797">
        <v>173</v>
      </c>
      <c r="P797">
        <v>99.51707013962195</v>
      </c>
      <c r="Q797">
        <v>120</v>
      </c>
    </row>
    <row r="798" spans="4:17" x14ac:dyDescent="0.25">
      <c r="D798">
        <v>98.886440307473876</v>
      </c>
      <c r="E798">
        <v>222</v>
      </c>
      <c r="G798">
        <v>98.289563478087388</v>
      </c>
      <c r="H798">
        <v>299</v>
      </c>
      <c r="J798">
        <v>97.120003206835619</v>
      </c>
      <c r="K798">
        <v>298</v>
      </c>
      <c r="M798">
        <v>99.284408133006025</v>
      </c>
      <c r="N798">
        <v>173</v>
      </c>
      <c r="P798">
        <v>99.51635202830542</v>
      </c>
      <c r="Q798">
        <v>120</v>
      </c>
    </row>
    <row r="799" spans="4:17" x14ac:dyDescent="0.25">
      <c r="D799">
        <v>98.882781264448283</v>
      </c>
      <c r="E799">
        <v>223</v>
      </c>
      <c r="G799">
        <v>98.284218322610826</v>
      </c>
      <c r="H799">
        <v>299</v>
      </c>
      <c r="J799">
        <v>97.102188583909438</v>
      </c>
      <c r="K799">
        <v>299</v>
      </c>
      <c r="M799">
        <v>99.282398009882385</v>
      </c>
      <c r="N799">
        <v>174</v>
      </c>
      <c r="P799">
        <v>99.51635202830542</v>
      </c>
      <c r="Q799">
        <v>120</v>
      </c>
    </row>
    <row r="800" spans="4:17" x14ac:dyDescent="0.25">
      <c r="D800">
        <v>98.87910861903228</v>
      </c>
      <c r="E800">
        <v>223</v>
      </c>
      <c r="G800">
        <v>98.279323006951614</v>
      </c>
      <c r="H800">
        <v>300</v>
      </c>
      <c r="J800">
        <v>97.08471987599151</v>
      </c>
      <c r="K800">
        <v>299</v>
      </c>
      <c r="M800">
        <v>99.280375921740173</v>
      </c>
      <c r="N800">
        <v>174</v>
      </c>
      <c r="P800">
        <v>99.515633916988861</v>
      </c>
      <c r="Q800">
        <v>120</v>
      </c>
    </row>
    <row r="801" spans="4:17" x14ac:dyDescent="0.25">
      <c r="D801">
        <v>98.875912057281298</v>
      </c>
      <c r="E801">
        <v>224</v>
      </c>
      <c r="G801">
        <v>98.273964620892201</v>
      </c>
      <c r="H801">
        <v>300</v>
      </c>
      <c r="J801">
        <v>97.066905253065329</v>
      </c>
      <c r="K801">
        <v>300</v>
      </c>
      <c r="M801">
        <v>99.278772609248691</v>
      </c>
      <c r="N801">
        <v>175</v>
      </c>
      <c r="P801">
        <v>99.515633916988861</v>
      </c>
      <c r="Q801">
        <v>120</v>
      </c>
    </row>
    <row r="802" spans="4:17" x14ac:dyDescent="0.25">
      <c r="D802">
        <v>98.873150772024061</v>
      </c>
      <c r="E802">
        <v>224</v>
      </c>
      <c r="G802">
        <v>98.269069305232975</v>
      </c>
      <c r="H802">
        <v>300</v>
      </c>
      <c r="J802">
        <v>97.049090630139133</v>
      </c>
      <c r="K802">
        <v>300</v>
      </c>
      <c r="M802">
        <v>99.276750521106464</v>
      </c>
      <c r="N802">
        <v>175</v>
      </c>
      <c r="P802">
        <v>99.515633916988861</v>
      </c>
      <c r="Q802">
        <v>120</v>
      </c>
    </row>
    <row r="803" spans="4:17" x14ac:dyDescent="0.25">
      <c r="D803">
        <v>98.869954210273093</v>
      </c>
      <c r="E803">
        <v>224</v>
      </c>
      <c r="G803">
        <v>98.263724149756442</v>
      </c>
      <c r="H803">
        <v>301</v>
      </c>
      <c r="J803">
        <v>97.030930092204684</v>
      </c>
      <c r="K803">
        <v>300</v>
      </c>
      <c r="M803">
        <v>99.274740397982825</v>
      </c>
      <c r="N803">
        <v>176</v>
      </c>
      <c r="P803">
        <v>99.514936926593393</v>
      </c>
      <c r="Q803">
        <v>120</v>
      </c>
    </row>
    <row r="804" spans="4:17" x14ac:dyDescent="0.25">
      <c r="D804">
        <v>98.8667440461317</v>
      </c>
      <c r="E804">
        <v>225</v>
      </c>
      <c r="G804">
        <v>98.258378994279894</v>
      </c>
      <c r="H804">
        <v>301</v>
      </c>
      <c r="J804">
        <v>97.013115469278461</v>
      </c>
      <c r="K804">
        <v>301</v>
      </c>
      <c r="M804">
        <v>99.272730274859185</v>
      </c>
      <c r="N804">
        <v>176</v>
      </c>
      <c r="P804">
        <v>99.514936926593393</v>
      </c>
      <c r="Q804">
        <v>120</v>
      </c>
    </row>
    <row r="805" spans="4:17" x14ac:dyDescent="0.25">
      <c r="D805">
        <v>98.863533881990278</v>
      </c>
      <c r="E805">
        <v>225</v>
      </c>
      <c r="G805">
        <v>98.253033838803333</v>
      </c>
      <c r="H805">
        <v>302</v>
      </c>
      <c r="J805">
        <v>96.994954931344012</v>
      </c>
      <c r="K805">
        <v>301</v>
      </c>
      <c r="M805">
        <v>99.270708186716988</v>
      </c>
      <c r="N805">
        <v>176</v>
      </c>
      <c r="P805">
        <v>99.514936926593393</v>
      </c>
      <c r="Q805">
        <v>120</v>
      </c>
    </row>
    <row r="806" spans="4:17" x14ac:dyDescent="0.25">
      <c r="D806">
        <v>98.86033732023931</v>
      </c>
      <c r="E806">
        <v>226</v>
      </c>
      <c r="G806">
        <v>98.248125292561284</v>
      </c>
      <c r="H806">
        <v>302</v>
      </c>
      <c r="J806">
        <v>96.976794393409548</v>
      </c>
      <c r="K806">
        <v>302</v>
      </c>
      <c r="M806">
        <v>99.268698063593348</v>
      </c>
      <c r="N806">
        <v>177</v>
      </c>
      <c r="P806">
        <v>99.514218815276863</v>
      </c>
      <c r="Q806">
        <v>120</v>
      </c>
    </row>
    <row r="807" spans="4:17" x14ac:dyDescent="0.25">
      <c r="D807">
        <v>98.856664674823293</v>
      </c>
      <c r="E807">
        <v>226</v>
      </c>
      <c r="G807">
        <v>98.242780137084722</v>
      </c>
      <c r="H807">
        <v>302</v>
      </c>
      <c r="J807">
        <v>96.958979770483353</v>
      </c>
      <c r="K807">
        <v>302</v>
      </c>
      <c r="M807">
        <v>99.266675975451122</v>
      </c>
      <c r="N807">
        <v>177</v>
      </c>
      <c r="P807">
        <v>99.514218815276863</v>
      </c>
      <c r="Q807">
        <v>120</v>
      </c>
    </row>
    <row r="808" spans="4:17" x14ac:dyDescent="0.25">
      <c r="D808">
        <v>98.853454510681885</v>
      </c>
      <c r="E808">
        <v>226</v>
      </c>
      <c r="G808">
        <v>98.237434981608175</v>
      </c>
      <c r="H808">
        <v>303</v>
      </c>
      <c r="J808">
        <v>96.94081923254889</v>
      </c>
      <c r="K808">
        <v>303</v>
      </c>
      <c r="M808">
        <v>99.264665852327482</v>
      </c>
      <c r="N808">
        <v>178</v>
      </c>
      <c r="P808">
        <v>99.514218815276863</v>
      </c>
      <c r="Q808">
        <v>120</v>
      </c>
    </row>
    <row r="809" spans="4:17" x14ac:dyDescent="0.25">
      <c r="D809">
        <v>98.850257948930917</v>
      </c>
      <c r="E809">
        <v>227</v>
      </c>
      <c r="G809">
        <v>98.232089826131627</v>
      </c>
      <c r="H809">
        <v>303</v>
      </c>
      <c r="J809">
        <v>96.922322953576995</v>
      </c>
      <c r="K809">
        <v>303</v>
      </c>
      <c r="M809">
        <v>99.262655729203871</v>
      </c>
      <c r="N809">
        <v>178</v>
      </c>
      <c r="P809">
        <v>99.514218815276863</v>
      </c>
      <c r="Q809">
        <v>120</v>
      </c>
    </row>
    <row r="810" spans="4:17" x14ac:dyDescent="0.25">
      <c r="D810">
        <v>98.847047784789495</v>
      </c>
      <c r="E810">
        <v>227</v>
      </c>
      <c r="G810">
        <v>98.226744670655066</v>
      </c>
      <c r="H810">
        <v>304</v>
      </c>
      <c r="J810">
        <v>96.904162415642517</v>
      </c>
      <c r="K810">
        <v>303</v>
      </c>
      <c r="M810">
        <v>99.260633641061631</v>
      </c>
      <c r="N810">
        <v>178</v>
      </c>
      <c r="P810">
        <v>99.513500703960304</v>
      </c>
      <c r="Q810">
        <v>120</v>
      </c>
    </row>
    <row r="811" spans="4:17" x14ac:dyDescent="0.25">
      <c r="D811">
        <v>98.843388741763931</v>
      </c>
      <c r="E811">
        <v>228</v>
      </c>
      <c r="G811">
        <v>98.221399515178518</v>
      </c>
      <c r="H811">
        <v>304</v>
      </c>
      <c r="J811">
        <v>96.885655962699786</v>
      </c>
      <c r="K811">
        <v>304</v>
      </c>
      <c r="M811">
        <v>99.258623517938034</v>
      </c>
      <c r="N811">
        <v>179</v>
      </c>
      <c r="P811">
        <v>99.513500703960304</v>
      </c>
      <c r="Q811">
        <v>120</v>
      </c>
    </row>
    <row r="812" spans="4:17" x14ac:dyDescent="0.25">
      <c r="D812">
        <v>98.839716096347914</v>
      </c>
      <c r="E812">
        <v>228</v>
      </c>
      <c r="G812">
        <v>98.216054359701971</v>
      </c>
      <c r="H812">
        <v>305</v>
      </c>
      <c r="J812">
        <v>96.867159683727891</v>
      </c>
      <c r="K812">
        <v>304</v>
      </c>
      <c r="M812">
        <v>99.256206584182223</v>
      </c>
      <c r="N812">
        <v>179</v>
      </c>
      <c r="P812">
        <v>99.513500703960304</v>
      </c>
      <c r="Q812">
        <v>120</v>
      </c>
    </row>
    <row r="813" spans="4:17" x14ac:dyDescent="0.25">
      <c r="D813">
        <v>98.836505932206492</v>
      </c>
      <c r="E813">
        <v>229</v>
      </c>
      <c r="G813">
        <v>98.210709204225438</v>
      </c>
      <c r="H813">
        <v>305</v>
      </c>
      <c r="J813">
        <v>96.848999145793414</v>
      </c>
      <c r="K813">
        <v>305</v>
      </c>
      <c r="M813">
        <v>99.254184496039983</v>
      </c>
      <c r="N813">
        <v>180</v>
      </c>
      <c r="P813">
        <v>99.512803713564807</v>
      </c>
      <c r="Q813">
        <v>120</v>
      </c>
    </row>
    <row r="814" spans="4:17" x14ac:dyDescent="0.25">
      <c r="D814">
        <v>98.833309370455538</v>
      </c>
      <c r="E814">
        <v>229</v>
      </c>
      <c r="G814">
        <v>98.205350818166025</v>
      </c>
      <c r="H814">
        <v>305</v>
      </c>
      <c r="J814">
        <v>96.830838607858951</v>
      </c>
      <c r="K814">
        <v>305</v>
      </c>
      <c r="M814">
        <v>99.252174372916372</v>
      </c>
      <c r="N814">
        <v>180</v>
      </c>
      <c r="P814">
        <v>99.512803713564807</v>
      </c>
      <c r="Q814">
        <v>120</v>
      </c>
    </row>
    <row r="815" spans="4:17" x14ac:dyDescent="0.25">
      <c r="D815">
        <v>98.830099206314102</v>
      </c>
      <c r="E815">
        <v>229</v>
      </c>
      <c r="G815">
        <v>98.200005662689478</v>
      </c>
      <c r="H815">
        <v>306</v>
      </c>
      <c r="J815">
        <v>96.812342328887041</v>
      </c>
      <c r="K815">
        <v>305</v>
      </c>
      <c r="M815">
        <v>99.250164249792732</v>
      </c>
      <c r="N815">
        <v>181</v>
      </c>
      <c r="P815">
        <v>99.512803713564807</v>
      </c>
      <c r="Q815">
        <v>120</v>
      </c>
    </row>
    <row r="816" spans="4:17" x14ac:dyDescent="0.25">
      <c r="D816">
        <v>98.826440163288538</v>
      </c>
      <c r="E816">
        <v>230</v>
      </c>
      <c r="G816">
        <v>98.194660507212916</v>
      </c>
      <c r="H816">
        <v>306</v>
      </c>
      <c r="J816">
        <v>96.793500134906878</v>
      </c>
      <c r="K816">
        <v>306</v>
      </c>
      <c r="M816">
        <v>99.24774731603695</v>
      </c>
      <c r="N816">
        <v>181</v>
      </c>
      <c r="P816">
        <v>99.512085602248291</v>
      </c>
      <c r="Q816">
        <v>120</v>
      </c>
    </row>
    <row r="817" spans="4:17" x14ac:dyDescent="0.25">
      <c r="D817">
        <v>98.823229999147131</v>
      </c>
      <c r="E817">
        <v>230</v>
      </c>
      <c r="G817">
        <v>98.189315351736354</v>
      </c>
      <c r="H817">
        <v>307</v>
      </c>
      <c r="J817">
        <v>96.774657940926673</v>
      </c>
      <c r="K817">
        <v>306</v>
      </c>
      <c r="M817">
        <v>99.245725227894724</v>
      </c>
      <c r="N817">
        <v>181</v>
      </c>
      <c r="P817">
        <v>99.512085602248291</v>
      </c>
      <c r="Q817">
        <v>120</v>
      </c>
    </row>
    <row r="818" spans="4:17" x14ac:dyDescent="0.25">
      <c r="D818">
        <v>98.820019835005724</v>
      </c>
      <c r="E818">
        <v>231</v>
      </c>
      <c r="G818">
        <v>98.183970196259835</v>
      </c>
      <c r="H818">
        <v>307</v>
      </c>
      <c r="J818">
        <v>96.755815746946496</v>
      </c>
      <c r="K818">
        <v>307</v>
      </c>
      <c r="M818">
        <v>99.243715104771098</v>
      </c>
      <c r="N818">
        <v>182</v>
      </c>
      <c r="P818">
        <v>99.511367490931733</v>
      </c>
      <c r="Q818">
        <v>120</v>
      </c>
    </row>
    <row r="819" spans="4:17" x14ac:dyDescent="0.25">
      <c r="D819">
        <v>98.816360791980145</v>
      </c>
      <c r="E819">
        <v>231</v>
      </c>
      <c r="G819">
        <v>98.178625040783274</v>
      </c>
      <c r="H819">
        <v>307</v>
      </c>
      <c r="J819">
        <v>96.736627637958051</v>
      </c>
      <c r="K819">
        <v>307</v>
      </c>
      <c r="M819">
        <v>99.241298171015288</v>
      </c>
      <c r="N819">
        <v>182</v>
      </c>
      <c r="P819">
        <v>99.511367490931733</v>
      </c>
      <c r="Q819">
        <v>120</v>
      </c>
    </row>
    <row r="820" spans="4:17" x14ac:dyDescent="0.25">
      <c r="D820">
        <v>98.812688146564128</v>
      </c>
      <c r="E820">
        <v>231</v>
      </c>
      <c r="G820">
        <v>98.173279885306727</v>
      </c>
      <c r="H820">
        <v>308</v>
      </c>
      <c r="J820">
        <v>96.717439528969578</v>
      </c>
      <c r="K820">
        <v>308</v>
      </c>
      <c r="M820">
        <v>99.239276082873047</v>
      </c>
      <c r="N820">
        <v>183</v>
      </c>
      <c r="P820">
        <v>99.51067050053625</v>
      </c>
      <c r="Q820">
        <v>120</v>
      </c>
    </row>
    <row r="821" spans="4:17" x14ac:dyDescent="0.25">
      <c r="D821">
        <v>98.809029103538535</v>
      </c>
      <c r="E821">
        <v>232</v>
      </c>
      <c r="G821">
        <v>98.167934729830179</v>
      </c>
      <c r="H821">
        <v>308</v>
      </c>
      <c r="J821">
        <v>96.697569763935391</v>
      </c>
      <c r="K821">
        <v>308</v>
      </c>
      <c r="M821">
        <v>99.236859149117265</v>
      </c>
      <c r="N821">
        <v>183</v>
      </c>
      <c r="P821">
        <v>99.509952389219691</v>
      </c>
      <c r="Q821">
        <v>120</v>
      </c>
    </row>
    <row r="822" spans="4:17" x14ac:dyDescent="0.25">
      <c r="D822">
        <v>98.805818939397128</v>
      </c>
      <c r="E822">
        <v>232</v>
      </c>
      <c r="G822">
        <v>98.162589574353618</v>
      </c>
      <c r="H822">
        <v>309</v>
      </c>
      <c r="J822">
        <v>96.677699998901218</v>
      </c>
      <c r="K822">
        <v>308</v>
      </c>
      <c r="M822">
        <v>99.234849025993654</v>
      </c>
      <c r="N822">
        <v>183</v>
      </c>
      <c r="P822">
        <v>99.509952389219691</v>
      </c>
      <c r="Q822">
        <v>120</v>
      </c>
    </row>
    <row r="823" spans="4:17" x14ac:dyDescent="0.25">
      <c r="D823">
        <v>98.80260877525572</v>
      </c>
      <c r="E823">
        <v>233</v>
      </c>
      <c r="G823">
        <v>98.157244418877085</v>
      </c>
      <c r="H823">
        <v>309</v>
      </c>
      <c r="J823">
        <v>96.65782005989621</v>
      </c>
      <c r="K823">
        <v>309</v>
      </c>
      <c r="M823">
        <v>99.232432092237843</v>
      </c>
      <c r="N823">
        <v>184</v>
      </c>
      <c r="P823">
        <v>99.509952389219691</v>
      </c>
      <c r="Q823">
        <v>120</v>
      </c>
    </row>
    <row r="824" spans="4:17" x14ac:dyDescent="0.25">
      <c r="D824">
        <v>98.798949732230142</v>
      </c>
      <c r="E824">
        <v>233</v>
      </c>
      <c r="G824">
        <v>98.151886032817671</v>
      </c>
      <c r="H824">
        <v>310</v>
      </c>
      <c r="J824">
        <v>96.637950294862023</v>
      </c>
      <c r="K824">
        <v>309</v>
      </c>
      <c r="M824">
        <v>99.230015158482033</v>
      </c>
      <c r="N824">
        <v>184</v>
      </c>
      <c r="P824">
        <v>99.509952389219691</v>
      </c>
      <c r="Q824">
        <v>120</v>
      </c>
    </row>
    <row r="825" spans="4:17" x14ac:dyDescent="0.25">
      <c r="D825">
        <v>98.795290689204549</v>
      </c>
      <c r="E825">
        <v>234</v>
      </c>
      <c r="G825">
        <v>98.14654087734111</v>
      </c>
      <c r="H825">
        <v>310</v>
      </c>
      <c r="J825">
        <v>96.61808052982785</v>
      </c>
      <c r="K825">
        <v>310</v>
      </c>
      <c r="M825">
        <v>99.22759822472625</v>
      </c>
      <c r="N825">
        <v>185</v>
      </c>
      <c r="P825">
        <v>99.509234277903175</v>
      </c>
      <c r="Q825">
        <v>120</v>
      </c>
    </row>
    <row r="826" spans="4:17" x14ac:dyDescent="0.25">
      <c r="D826">
        <v>98.79161804378856</v>
      </c>
      <c r="E826">
        <v>234</v>
      </c>
      <c r="G826">
        <v>98.141195721864577</v>
      </c>
      <c r="H826">
        <v>310</v>
      </c>
      <c r="J826">
        <v>96.598210764793677</v>
      </c>
      <c r="K826">
        <v>310</v>
      </c>
      <c r="M826">
        <v>99.225181290970454</v>
      </c>
      <c r="N826">
        <v>185</v>
      </c>
      <c r="P826">
        <v>99.509234277903175</v>
      </c>
      <c r="Q826">
        <v>120</v>
      </c>
    </row>
    <row r="827" spans="4:17" x14ac:dyDescent="0.25">
      <c r="D827">
        <v>98.787959000762953</v>
      </c>
      <c r="E827">
        <v>234</v>
      </c>
      <c r="G827">
        <v>98.135400726570694</v>
      </c>
      <c r="H827">
        <v>311</v>
      </c>
      <c r="J827">
        <v>96.577995084751208</v>
      </c>
      <c r="K827">
        <v>310</v>
      </c>
      <c r="M827">
        <v>99.222764357214672</v>
      </c>
      <c r="N827">
        <v>186</v>
      </c>
      <c r="P827">
        <v>99.508537287507679</v>
      </c>
      <c r="Q827">
        <v>120</v>
      </c>
    </row>
    <row r="828" spans="4:17" x14ac:dyDescent="0.25">
      <c r="D828">
        <v>98.783837476462764</v>
      </c>
      <c r="E828">
        <v>235</v>
      </c>
      <c r="G828">
        <v>98.130055571094147</v>
      </c>
      <c r="H828">
        <v>311</v>
      </c>
      <c r="J828">
        <v>96.558125319717064</v>
      </c>
      <c r="K828">
        <v>311</v>
      </c>
      <c r="M828">
        <v>99.220347423458875</v>
      </c>
      <c r="N828">
        <v>186</v>
      </c>
      <c r="P828">
        <v>99.508537287507679</v>
      </c>
      <c r="Q828">
        <v>120</v>
      </c>
    </row>
    <row r="829" spans="4:17" x14ac:dyDescent="0.25">
      <c r="D829">
        <v>98.780164831046761</v>
      </c>
      <c r="E829">
        <v>235</v>
      </c>
      <c r="G829">
        <v>98.124710415617585</v>
      </c>
      <c r="H829">
        <v>312</v>
      </c>
      <c r="J829">
        <v>96.538255554682877</v>
      </c>
      <c r="K829">
        <v>311</v>
      </c>
      <c r="M829">
        <v>99.217930489703093</v>
      </c>
      <c r="N829">
        <v>186</v>
      </c>
      <c r="P829">
        <v>99.508537287507679</v>
      </c>
      <c r="Q829">
        <v>120</v>
      </c>
    </row>
    <row r="830" spans="4:17" x14ac:dyDescent="0.25">
      <c r="D830">
        <v>98.776505788021154</v>
      </c>
      <c r="E830">
        <v>236</v>
      </c>
      <c r="G830">
        <v>98.119365260141052</v>
      </c>
      <c r="H830">
        <v>312</v>
      </c>
      <c r="J830">
        <v>96.518721530686136</v>
      </c>
      <c r="K830">
        <v>312</v>
      </c>
      <c r="M830">
        <v>99.215513555947297</v>
      </c>
      <c r="N830">
        <v>187</v>
      </c>
      <c r="P830">
        <v>99.508537287507679</v>
      </c>
      <c r="Q830">
        <v>120</v>
      </c>
    </row>
    <row r="831" spans="4:17" x14ac:dyDescent="0.25">
      <c r="D831">
        <v>98.772384263720966</v>
      </c>
      <c r="E831">
        <v>236</v>
      </c>
      <c r="G831">
        <v>98.114020104664505</v>
      </c>
      <c r="H831">
        <v>312</v>
      </c>
      <c r="J831">
        <v>96.499533421697663</v>
      </c>
      <c r="K831">
        <v>312</v>
      </c>
      <c r="M831">
        <v>99.212689811559329</v>
      </c>
      <c r="N831">
        <v>187</v>
      </c>
      <c r="P831">
        <v>99.507819176191148</v>
      </c>
      <c r="Q831">
        <v>120</v>
      </c>
    </row>
    <row r="832" spans="4:17" x14ac:dyDescent="0.25">
      <c r="D832">
        <v>98.768262739420777</v>
      </c>
      <c r="E832">
        <v>236</v>
      </c>
      <c r="G832">
        <v>98.108225109370622</v>
      </c>
      <c r="H832">
        <v>313</v>
      </c>
      <c r="J832">
        <v>96.480009571671772</v>
      </c>
      <c r="K832">
        <v>313</v>
      </c>
      <c r="M832">
        <v>99.210272877803533</v>
      </c>
      <c r="N832">
        <v>188</v>
      </c>
      <c r="P832">
        <v>99.507819176191148</v>
      </c>
      <c r="Q832">
        <v>120</v>
      </c>
    </row>
    <row r="833" spans="4:17" x14ac:dyDescent="0.25">
      <c r="D833">
        <v>98.76459009400476</v>
      </c>
      <c r="E833">
        <v>237</v>
      </c>
      <c r="G833">
        <v>98.10287995389406</v>
      </c>
      <c r="H833">
        <v>313</v>
      </c>
      <c r="J833">
        <v>96.460821462683299</v>
      </c>
      <c r="K833">
        <v>313</v>
      </c>
      <c r="M833">
        <v>99.207855944047736</v>
      </c>
      <c r="N833">
        <v>188</v>
      </c>
      <c r="P833">
        <v>99.507819176191148</v>
      </c>
      <c r="Q833">
        <v>120</v>
      </c>
    </row>
    <row r="834" spans="4:17" x14ac:dyDescent="0.25">
      <c r="D834">
        <v>98.760468569704571</v>
      </c>
      <c r="E834">
        <v>237</v>
      </c>
      <c r="G834">
        <v>98.097084958600178</v>
      </c>
      <c r="H834">
        <v>314</v>
      </c>
      <c r="J834">
        <v>96.441633353694854</v>
      </c>
      <c r="K834">
        <v>313</v>
      </c>
      <c r="M834">
        <v>99.205439010291954</v>
      </c>
      <c r="N834">
        <v>188</v>
      </c>
      <c r="P834">
        <v>99.507101064874604</v>
      </c>
      <c r="Q834">
        <v>120</v>
      </c>
    </row>
    <row r="835" spans="4:17" x14ac:dyDescent="0.25">
      <c r="D835">
        <v>98.756809526678978</v>
      </c>
      <c r="E835">
        <v>238</v>
      </c>
      <c r="G835">
        <v>98.091303193889161</v>
      </c>
      <c r="H835">
        <v>314</v>
      </c>
      <c r="J835">
        <v>96.422109503668935</v>
      </c>
      <c r="K835">
        <v>314</v>
      </c>
      <c r="M835">
        <v>99.203022076536158</v>
      </c>
      <c r="N835">
        <v>189</v>
      </c>
      <c r="P835">
        <v>99.507101064874604</v>
      </c>
      <c r="Q835">
        <v>120</v>
      </c>
    </row>
    <row r="836" spans="4:17" x14ac:dyDescent="0.25">
      <c r="D836">
        <v>98.75268800237879</v>
      </c>
      <c r="E836">
        <v>238</v>
      </c>
      <c r="G836">
        <v>98.085508198595278</v>
      </c>
      <c r="H836">
        <v>315</v>
      </c>
      <c r="J836">
        <v>96.402575479672208</v>
      </c>
      <c r="K836">
        <v>314</v>
      </c>
      <c r="M836">
        <v>99.200605142780361</v>
      </c>
      <c r="N836">
        <v>189</v>
      </c>
      <c r="P836">
        <v>99.506404074479121</v>
      </c>
      <c r="Q836">
        <v>120</v>
      </c>
    </row>
    <row r="837" spans="4:17" x14ac:dyDescent="0.25">
      <c r="D837">
        <v>98.749015356962772</v>
      </c>
      <c r="E837">
        <v>239</v>
      </c>
      <c r="G837">
        <v>98.080163043118745</v>
      </c>
      <c r="H837">
        <v>315</v>
      </c>
      <c r="J837">
        <v>96.383051629646317</v>
      </c>
      <c r="K837">
        <v>315</v>
      </c>
      <c r="M837">
        <v>99.198188209024579</v>
      </c>
      <c r="N837">
        <v>190</v>
      </c>
      <c r="P837">
        <v>99.506404074479121</v>
      </c>
      <c r="Q837">
        <v>120</v>
      </c>
    </row>
    <row r="838" spans="4:17" x14ac:dyDescent="0.25">
      <c r="D838">
        <v>98.744893832662584</v>
      </c>
      <c r="E838">
        <v>239</v>
      </c>
      <c r="G838">
        <v>98.074817887642183</v>
      </c>
      <c r="H838">
        <v>315</v>
      </c>
      <c r="J838">
        <v>96.364209435666112</v>
      </c>
      <c r="K838">
        <v>315</v>
      </c>
      <c r="M838">
        <v>99.195364464636597</v>
      </c>
      <c r="N838">
        <v>190</v>
      </c>
      <c r="P838">
        <v>99.505685963162577</v>
      </c>
      <c r="Q838">
        <v>120</v>
      </c>
    </row>
    <row r="839" spans="4:17" x14ac:dyDescent="0.25">
      <c r="D839">
        <v>98.741234789636977</v>
      </c>
      <c r="E839">
        <v>239</v>
      </c>
      <c r="G839">
        <v>98.069022892348301</v>
      </c>
      <c r="H839">
        <v>316</v>
      </c>
      <c r="J839">
        <v>96.345021326677653</v>
      </c>
      <c r="K839">
        <v>315</v>
      </c>
      <c r="M839">
        <v>99.192947530880815</v>
      </c>
      <c r="N839">
        <v>191</v>
      </c>
      <c r="P839">
        <v>99.505685963162577</v>
      </c>
      <c r="Q839">
        <v>120</v>
      </c>
    </row>
    <row r="840" spans="4:17" x14ac:dyDescent="0.25">
      <c r="D840">
        <v>98.737113265336802</v>
      </c>
      <c r="E840">
        <v>240</v>
      </c>
      <c r="G840">
        <v>98.063227897054432</v>
      </c>
      <c r="H840">
        <v>316</v>
      </c>
      <c r="J840">
        <v>96.32515156164348</v>
      </c>
      <c r="K840">
        <v>316</v>
      </c>
      <c r="M840">
        <v>99.190530597125033</v>
      </c>
      <c r="N840">
        <v>191</v>
      </c>
      <c r="P840">
        <v>99.504967851846033</v>
      </c>
      <c r="Q840">
        <v>120</v>
      </c>
    </row>
    <row r="841" spans="4:17" x14ac:dyDescent="0.25">
      <c r="D841">
        <v>98.732991741036599</v>
      </c>
      <c r="E841">
        <v>240</v>
      </c>
      <c r="G841">
        <v>98.057882741577885</v>
      </c>
      <c r="H841">
        <v>317</v>
      </c>
      <c r="J841">
        <v>96.305281796609307</v>
      </c>
      <c r="K841">
        <v>316</v>
      </c>
      <c r="M841">
        <v>99.187706852737065</v>
      </c>
      <c r="N841">
        <v>191</v>
      </c>
      <c r="P841">
        <v>99.504967851846033</v>
      </c>
      <c r="Q841">
        <v>120</v>
      </c>
    </row>
    <row r="842" spans="4:17" x14ac:dyDescent="0.25">
      <c r="D842">
        <v>98.728870216736425</v>
      </c>
      <c r="E842">
        <v>241</v>
      </c>
      <c r="G842">
        <v>98.052087746284002</v>
      </c>
      <c r="H842">
        <v>317</v>
      </c>
      <c r="J842">
        <v>96.285747772612567</v>
      </c>
      <c r="K842">
        <v>317</v>
      </c>
      <c r="M842">
        <v>99.185289918981255</v>
      </c>
      <c r="N842">
        <v>192</v>
      </c>
      <c r="P842">
        <v>99.504967851846033</v>
      </c>
      <c r="Q842">
        <v>120</v>
      </c>
    </row>
    <row r="843" spans="4:17" x14ac:dyDescent="0.25">
      <c r="D843">
        <v>98.724748692436208</v>
      </c>
      <c r="E843">
        <v>241</v>
      </c>
      <c r="G843">
        <v>98.04674259080744</v>
      </c>
      <c r="H843">
        <v>317</v>
      </c>
      <c r="J843">
        <v>96.265532092570126</v>
      </c>
      <c r="K843">
        <v>317</v>
      </c>
      <c r="M843">
        <v>99.182872985225472</v>
      </c>
      <c r="N843">
        <v>192</v>
      </c>
      <c r="P843">
        <v>99.504270861450564</v>
      </c>
      <c r="Q843">
        <v>120</v>
      </c>
    </row>
    <row r="844" spans="4:17" x14ac:dyDescent="0.25">
      <c r="D844">
        <v>98.72107604702019</v>
      </c>
      <c r="E844">
        <v>241</v>
      </c>
      <c r="G844">
        <v>98.040947595513558</v>
      </c>
      <c r="H844">
        <v>318</v>
      </c>
      <c r="J844">
        <v>96.244980671490225</v>
      </c>
      <c r="K844">
        <v>318</v>
      </c>
      <c r="M844">
        <v>99.180456051469662</v>
      </c>
      <c r="N844">
        <v>193</v>
      </c>
      <c r="P844">
        <v>99.504270861450564</v>
      </c>
      <c r="Q844">
        <v>120</v>
      </c>
    </row>
    <row r="845" spans="4:17" x14ac:dyDescent="0.25">
      <c r="D845">
        <v>98.716954522720002</v>
      </c>
      <c r="E845">
        <v>242</v>
      </c>
      <c r="G845">
        <v>98.035602440037025</v>
      </c>
      <c r="H845">
        <v>318</v>
      </c>
      <c r="J845">
        <v>96.224419076439489</v>
      </c>
      <c r="K845">
        <v>318</v>
      </c>
      <c r="M845">
        <v>99.177632307081723</v>
      </c>
      <c r="N845">
        <v>193</v>
      </c>
      <c r="P845">
        <v>99.504270861450564</v>
      </c>
      <c r="Q845">
        <v>120</v>
      </c>
    </row>
    <row r="846" spans="4:17" x14ac:dyDescent="0.25">
      <c r="D846">
        <v>98.713295479694423</v>
      </c>
      <c r="E846">
        <v>242</v>
      </c>
      <c r="G846">
        <v>98.029807444743142</v>
      </c>
      <c r="H846">
        <v>319</v>
      </c>
      <c r="J846">
        <v>96.20352174035132</v>
      </c>
      <c r="K846">
        <v>318</v>
      </c>
      <c r="M846">
        <v>99.175215373325926</v>
      </c>
      <c r="N846">
        <v>193</v>
      </c>
      <c r="P846">
        <v>99.504270861450564</v>
      </c>
      <c r="Q846">
        <v>120</v>
      </c>
    </row>
    <row r="847" spans="4:17" x14ac:dyDescent="0.25">
      <c r="D847">
        <v>98.709622834278406</v>
      </c>
      <c r="E847">
        <v>243</v>
      </c>
      <c r="G847">
        <v>98.024462289266594</v>
      </c>
      <c r="H847">
        <v>319</v>
      </c>
      <c r="J847">
        <v>96.182624404263152</v>
      </c>
      <c r="K847">
        <v>319</v>
      </c>
      <c r="M847">
        <v>99.172391628937959</v>
      </c>
      <c r="N847">
        <v>194</v>
      </c>
      <c r="P847">
        <v>99.504270861450564</v>
      </c>
      <c r="Q847">
        <v>120</v>
      </c>
    </row>
    <row r="848" spans="4:17" x14ac:dyDescent="0.25">
      <c r="D848">
        <v>98.705501309978203</v>
      </c>
      <c r="E848">
        <v>243</v>
      </c>
      <c r="G848">
        <v>98.018667293972712</v>
      </c>
      <c r="H848">
        <v>320</v>
      </c>
      <c r="J848">
        <v>96.161727068174969</v>
      </c>
      <c r="K848">
        <v>319</v>
      </c>
      <c r="M848">
        <v>99.169974695182177</v>
      </c>
      <c r="N848">
        <v>194</v>
      </c>
      <c r="P848">
        <v>99.503552750134006</v>
      </c>
      <c r="Q848">
        <v>120</v>
      </c>
    </row>
    <row r="849" spans="4:17" x14ac:dyDescent="0.25">
      <c r="D849">
        <v>98.701379785678029</v>
      </c>
      <c r="E849">
        <v>244</v>
      </c>
      <c r="G849">
        <v>98.013322138496164</v>
      </c>
      <c r="H849">
        <v>320</v>
      </c>
      <c r="J849">
        <v>96.141165473124232</v>
      </c>
      <c r="K849">
        <v>320</v>
      </c>
      <c r="M849">
        <v>99.167557761426366</v>
      </c>
      <c r="N849">
        <v>195</v>
      </c>
      <c r="P849">
        <v>99.503552750134006</v>
      </c>
      <c r="Q849">
        <v>120</v>
      </c>
    </row>
    <row r="850" spans="4:17" x14ac:dyDescent="0.25">
      <c r="D850">
        <v>98.697720742652422</v>
      </c>
      <c r="E850">
        <v>244</v>
      </c>
      <c r="G850">
        <v>98.007976983019603</v>
      </c>
      <c r="H850">
        <v>320</v>
      </c>
      <c r="J850">
        <v>96.119922222027782</v>
      </c>
      <c r="K850">
        <v>320</v>
      </c>
      <c r="M850">
        <v>99.164745982057013</v>
      </c>
      <c r="N850">
        <v>195</v>
      </c>
      <c r="P850">
        <v>99.503552750134006</v>
      </c>
      <c r="Q850">
        <v>120</v>
      </c>
    </row>
    <row r="851" spans="4:17" x14ac:dyDescent="0.25">
      <c r="D851">
        <v>98.693599218352247</v>
      </c>
      <c r="E851">
        <v>244</v>
      </c>
      <c r="G851">
        <v>98.0021952183086</v>
      </c>
      <c r="H851">
        <v>321</v>
      </c>
      <c r="J851">
        <v>96.098343229893914</v>
      </c>
      <c r="K851">
        <v>320</v>
      </c>
      <c r="M851">
        <v>99.162329048301217</v>
      </c>
      <c r="N851">
        <v>196</v>
      </c>
      <c r="P851">
        <v>99.503552750134006</v>
      </c>
      <c r="Q851">
        <v>120</v>
      </c>
    </row>
    <row r="852" spans="4:17" x14ac:dyDescent="0.25">
      <c r="D852">
        <v>98.68947769405203</v>
      </c>
      <c r="E852">
        <v>245</v>
      </c>
      <c r="G852">
        <v>97.996400223014717</v>
      </c>
      <c r="H852">
        <v>321</v>
      </c>
      <c r="J852">
        <v>96.076754063789181</v>
      </c>
      <c r="K852">
        <v>321</v>
      </c>
      <c r="M852">
        <v>99.15990014952682</v>
      </c>
      <c r="N852">
        <v>196</v>
      </c>
      <c r="P852">
        <v>99.503552750134006</v>
      </c>
      <c r="Q852">
        <v>120</v>
      </c>
    </row>
    <row r="853" spans="4:17" x14ac:dyDescent="0.25">
      <c r="D853">
        <v>98.685356169751842</v>
      </c>
      <c r="E853">
        <v>245</v>
      </c>
      <c r="G853">
        <v>97.99105506753817</v>
      </c>
      <c r="H853">
        <v>322</v>
      </c>
      <c r="J853">
        <v>96.055175071655285</v>
      </c>
      <c r="K853">
        <v>321</v>
      </c>
      <c r="M853">
        <v>99.157088370157467</v>
      </c>
      <c r="N853">
        <v>196</v>
      </c>
      <c r="P853">
        <v>99.503552750134006</v>
      </c>
      <c r="Q853">
        <v>120</v>
      </c>
    </row>
    <row r="854" spans="4:17" x14ac:dyDescent="0.25">
      <c r="D854">
        <v>98.681683524335824</v>
      </c>
      <c r="E854">
        <v>246</v>
      </c>
      <c r="G854">
        <v>97.985260072244287</v>
      </c>
      <c r="H854">
        <v>322</v>
      </c>
      <c r="J854">
        <v>96.033585905550567</v>
      </c>
      <c r="K854">
        <v>322</v>
      </c>
      <c r="M854">
        <v>99.154671436401671</v>
      </c>
      <c r="N854">
        <v>197</v>
      </c>
      <c r="P854">
        <v>99.503552750134006</v>
      </c>
      <c r="Q854">
        <v>120</v>
      </c>
    </row>
    <row r="855" spans="4:17" x14ac:dyDescent="0.25">
      <c r="D855">
        <v>98.677562000035635</v>
      </c>
      <c r="E855">
        <v>246</v>
      </c>
      <c r="G855">
        <v>97.97946507695039</v>
      </c>
      <c r="H855">
        <v>322</v>
      </c>
      <c r="J855">
        <v>96.012006913416641</v>
      </c>
      <c r="K855">
        <v>322</v>
      </c>
      <c r="M855">
        <v>99.152254502645874</v>
      </c>
      <c r="N855">
        <v>197</v>
      </c>
      <c r="P855">
        <v>99.503552750134006</v>
      </c>
      <c r="Q855">
        <v>120</v>
      </c>
    </row>
    <row r="856" spans="4:17" x14ac:dyDescent="0.25">
      <c r="D856">
        <v>98.673902957010043</v>
      </c>
      <c r="E856">
        <v>246</v>
      </c>
      <c r="G856">
        <v>97.973670081656508</v>
      </c>
      <c r="H856">
        <v>323</v>
      </c>
      <c r="J856">
        <v>95.990417747311923</v>
      </c>
      <c r="K856">
        <v>323</v>
      </c>
      <c r="M856">
        <v>99.149430758257921</v>
      </c>
      <c r="N856">
        <v>198</v>
      </c>
      <c r="P856">
        <v>99.502834638817475</v>
      </c>
      <c r="Q856">
        <v>120</v>
      </c>
    </row>
    <row r="857" spans="4:17" x14ac:dyDescent="0.25">
      <c r="D857">
        <v>98.670230311594025</v>
      </c>
      <c r="E857">
        <v>247</v>
      </c>
      <c r="G857">
        <v>97.96832492617996</v>
      </c>
      <c r="H857">
        <v>323</v>
      </c>
      <c r="J857">
        <v>95.968828581207219</v>
      </c>
      <c r="K857">
        <v>323</v>
      </c>
      <c r="M857">
        <v>99.147013824502125</v>
      </c>
      <c r="N857">
        <v>198</v>
      </c>
      <c r="P857">
        <v>99.502834638817475</v>
      </c>
      <c r="Q857">
        <v>120</v>
      </c>
    </row>
    <row r="858" spans="4:17" x14ac:dyDescent="0.25">
      <c r="D858">
        <v>98.666571268568447</v>
      </c>
      <c r="E858">
        <v>247</v>
      </c>
      <c r="G858">
        <v>97.962529930886106</v>
      </c>
      <c r="H858">
        <v>324</v>
      </c>
      <c r="J858">
        <v>95.94759550408159</v>
      </c>
      <c r="K858">
        <v>323</v>
      </c>
      <c r="M858">
        <v>99.144190080114157</v>
      </c>
      <c r="N858">
        <v>198</v>
      </c>
      <c r="P858">
        <v>99.502834638817475</v>
      </c>
      <c r="Q858">
        <v>120</v>
      </c>
    </row>
    <row r="859" spans="4:17" x14ac:dyDescent="0.25">
      <c r="D859">
        <v>98.662912225542883</v>
      </c>
      <c r="E859">
        <v>248</v>
      </c>
      <c r="G859">
        <v>97.956748166175075</v>
      </c>
      <c r="H859">
        <v>324</v>
      </c>
      <c r="J859">
        <v>95.926687994022586</v>
      </c>
      <c r="K859">
        <v>324</v>
      </c>
      <c r="M859">
        <v>99.141366335726218</v>
      </c>
      <c r="N859">
        <v>199</v>
      </c>
      <c r="P859">
        <v>99.502834638817475</v>
      </c>
      <c r="Q859">
        <v>120</v>
      </c>
    </row>
    <row r="860" spans="4:17" x14ac:dyDescent="0.25">
      <c r="D860">
        <v>98.659239580126851</v>
      </c>
      <c r="E860">
        <v>248</v>
      </c>
      <c r="G860">
        <v>97.951403010698513</v>
      </c>
      <c r="H860">
        <v>325</v>
      </c>
      <c r="J860">
        <v>95.905454916896971</v>
      </c>
      <c r="K860">
        <v>324</v>
      </c>
      <c r="M860">
        <v>99.138949401970422</v>
      </c>
      <c r="N860">
        <v>199</v>
      </c>
      <c r="P860">
        <v>99.502834638817475</v>
      </c>
      <c r="Q860">
        <v>120</v>
      </c>
    </row>
    <row r="861" spans="4:17" x14ac:dyDescent="0.25">
      <c r="D861">
        <v>98.655580537101258</v>
      </c>
      <c r="E861">
        <v>249</v>
      </c>
      <c r="G861">
        <v>97.945608015404645</v>
      </c>
      <c r="H861">
        <v>325</v>
      </c>
      <c r="J861">
        <v>95.884211665800507</v>
      </c>
      <c r="K861">
        <v>325</v>
      </c>
      <c r="M861">
        <v>99.136137622601069</v>
      </c>
      <c r="N861">
        <v>200</v>
      </c>
      <c r="P861">
        <v>99.502834638817475</v>
      </c>
      <c r="Q861">
        <v>120</v>
      </c>
    </row>
    <row r="862" spans="4:17" x14ac:dyDescent="0.25">
      <c r="D862">
        <v>98.65145901280107</v>
      </c>
      <c r="E862">
        <v>249</v>
      </c>
      <c r="G862">
        <v>97.940262859928083</v>
      </c>
      <c r="H862">
        <v>325</v>
      </c>
      <c r="J862">
        <v>95.862276584687521</v>
      </c>
      <c r="K862">
        <v>325</v>
      </c>
      <c r="M862">
        <v>99.133313878213087</v>
      </c>
      <c r="N862">
        <v>200</v>
      </c>
      <c r="P862">
        <v>99.502834638817475</v>
      </c>
      <c r="Q862">
        <v>120</v>
      </c>
    </row>
    <row r="863" spans="4:17" x14ac:dyDescent="0.25">
      <c r="D863">
        <v>98.647786367385066</v>
      </c>
      <c r="E863">
        <v>249</v>
      </c>
      <c r="G863">
        <v>97.934467864634215</v>
      </c>
      <c r="H863">
        <v>326</v>
      </c>
      <c r="J863">
        <v>95.840015936507911</v>
      </c>
      <c r="K863">
        <v>325</v>
      </c>
      <c r="M863">
        <v>99.130490133825148</v>
      </c>
      <c r="N863">
        <v>201</v>
      </c>
      <c r="P863">
        <v>99.502137648421993</v>
      </c>
      <c r="Q863">
        <v>120</v>
      </c>
    </row>
    <row r="864" spans="4:17" x14ac:dyDescent="0.25">
      <c r="D864">
        <v>98.643664843084863</v>
      </c>
      <c r="E864">
        <v>250</v>
      </c>
      <c r="G864">
        <v>97.929122709157667</v>
      </c>
      <c r="H864">
        <v>326</v>
      </c>
      <c r="J864">
        <v>95.818080855394911</v>
      </c>
      <c r="K864">
        <v>326</v>
      </c>
      <c r="M864">
        <v>99.127666389437181</v>
      </c>
      <c r="N864">
        <v>201</v>
      </c>
      <c r="P864">
        <v>99.502137648421993</v>
      </c>
      <c r="Q864">
        <v>120</v>
      </c>
    </row>
    <row r="865" spans="4:17" x14ac:dyDescent="0.25">
      <c r="D865">
        <v>98.639543318784675</v>
      </c>
      <c r="E865">
        <v>250</v>
      </c>
      <c r="G865">
        <v>97.923327713863785</v>
      </c>
      <c r="H865">
        <v>327</v>
      </c>
      <c r="J865">
        <v>95.795810033244493</v>
      </c>
      <c r="K865">
        <v>326</v>
      </c>
      <c r="M865">
        <v>99.124854610067814</v>
      </c>
      <c r="N865">
        <v>201</v>
      </c>
      <c r="P865">
        <v>99.502137648421993</v>
      </c>
      <c r="Q865">
        <v>120</v>
      </c>
    </row>
    <row r="866" spans="4:17" x14ac:dyDescent="0.25">
      <c r="D866">
        <v>98.635421794484486</v>
      </c>
      <c r="E866">
        <v>251</v>
      </c>
      <c r="G866">
        <v>97.917982558387223</v>
      </c>
      <c r="H866">
        <v>327</v>
      </c>
      <c r="J866">
        <v>95.773885126102314</v>
      </c>
      <c r="K866">
        <v>327</v>
      </c>
      <c r="M866">
        <v>99.122030865679861</v>
      </c>
      <c r="N866">
        <v>202</v>
      </c>
      <c r="P866">
        <v>99.502137648421993</v>
      </c>
      <c r="Q866">
        <v>120</v>
      </c>
    </row>
    <row r="867" spans="4:17" x14ac:dyDescent="0.25">
      <c r="D867">
        <v>98.631762751458893</v>
      </c>
      <c r="E867">
        <v>251</v>
      </c>
      <c r="G867">
        <v>97.91218756309334</v>
      </c>
      <c r="H867">
        <v>327</v>
      </c>
      <c r="J867">
        <v>95.751278562914408</v>
      </c>
      <c r="K867">
        <v>327</v>
      </c>
      <c r="M867">
        <v>99.119207121291907</v>
      </c>
      <c r="N867">
        <v>202</v>
      </c>
      <c r="P867">
        <v>99.502137648421993</v>
      </c>
      <c r="Q867">
        <v>120</v>
      </c>
    </row>
    <row r="868" spans="4:17" x14ac:dyDescent="0.25">
      <c r="D868">
        <v>98.627641227158705</v>
      </c>
      <c r="E868">
        <v>251</v>
      </c>
      <c r="G868">
        <v>97.906842407616793</v>
      </c>
      <c r="H868">
        <v>328</v>
      </c>
      <c r="J868">
        <v>95.728661825755694</v>
      </c>
      <c r="K868">
        <v>328</v>
      </c>
      <c r="M868">
        <v>99.116395341922541</v>
      </c>
      <c r="N868">
        <v>203</v>
      </c>
      <c r="P868">
        <v>99.502137648421993</v>
      </c>
      <c r="Q868">
        <v>120</v>
      </c>
    </row>
    <row r="869" spans="4:17" x14ac:dyDescent="0.25">
      <c r="D869">
        <v>98.623506100468077</v>
      </c>
      <c r="E869">
        <v>252</v>
      </c>
      <c r="G869">
        <v>97.901497252140246</v>
      </c>
      <c r="H869">
        <v>328</v>
      </c>
      <c r="J869">
        <v>95.706055262567816</v>
      </c>
      <c r="K869">
        <v>328</v>
      </c>
      <c r="M869">
        <v>99.113571597534573</v>
      </c>
      <c r="N869">
        <v>203</v>
      </c>
      <c r="P869">
        <v>99.502137648421993</v>
      </c>
      <c r="Q869">
        <v>120</v>
      </c>
    </row>
    <row r="870" spans="4:17" x14ac:dyDescent="0.25">
      <c r="D870">
        <v>98.619384576167874</v>
      </c>
      <c r="E870">
        <v>252</v>
      </c>
      <c r="G870">
        <v>97.895702256846377</v>
      </c>
      <c r="H870">
        <v>329</v>
      </c>
      <c r="J870">
        <v>95.683784440417369</v>
      </c>
      <c r="K870">
        <v>328</v>
      </c>
      <c r="M870">
        <v>99.110747853146648</v>
      </c>
      <c r="N870">
        <v>203</v>
      </c>
      <c r="P870">
        <v>99.501419537105434</v>
      </c>
      <c r="Q870">
        <v>120</v>
      </c>
    </row>
    <row r="871" spans="4:17" x14ac:dyDescent="0.25">
      <c r="D871">
        <v>98.615263051867686</v>
      </c>
      <c r="E871">
        <v>253</v>
      </c>
      <c r="G871">
        <v>97.889907261552494</v>
      </c>
      <c r="H871">
        <v>329</v>
      </c>
      <c r="J871">
        <v>95.660821788250388</v>
      </c>
      <c r="K871">
        <v>329</v>
      </c>
      <c r="M871">
        <v>99.107529263145082</v>
      </c>
      <c r="N871">
        <v>204</v>
      </c>
      <c r="P871">
        <v>99.501419537105434</v>
      </c>
      <c r="Q871">
        <v>120</v>
      </c>
    </row>
    <row r="872" spans="4:17" x14ac:dyDescent="0.25">
      <c r="D872">
        <v>98.611141527567497</v>
      </c>
      <c r="E872">
        <v>253</v>
      </c>
      <c r="G872">
        <v>97.884125496841477</v>
      </c>
      <c r="H872">
        <v>330</v>
      </c>
      <c r="J872">
        <v>95.637523395045932</v>
      </c>
      <c r="K872">
        <v>329</v>
      </c>
      <c r="M872">
        <v>99.104705518757129</v>
      </c>
      <c r="N872">
        <v>204</v>
      </c>
      <c r="P872">
        <v>99.501419537105434</v>
      </c>
      <c r="Q872">
        <v>120</v>
      </c>
    </row>
    <row r="873" spans="4:17" x14ac:dyDescent="0.25">
      <c r="D873">
        <v>98.607482484541904</v>
      </c>
      <c r="E873">
        <v>254</v>
      </c>
      <c r="G873">
        <v>97.878767110782064</v>
      </c>
      <c r="H873">
        <v>330</v>
      </c>
      <c r="J873">
        <v>95.614570916849758</v>
      </c>
      <c r="K873">
        <v>330</v>
      </c>
      <c r="M873">
        <v>99.10188177436919</v>
      </c>
      <c r="N873">
        <v>205</v>
      </c>
      <c r="P873">
        <v>99.50070142578889</v>
      </c>
      <c r="Q873">
        <v>120</v>
      </c>
    </row>
    <row r="874" spans="4:17" x14ac:dyDescent="0.25">
      <c r="D874">
        <v>98.603809839125887</v>
      </c>
      <c r="E874">
        <v>254</v>
      </c>
      <c r="G874">
        <v>97.872985346071033</v>
      </c>
      <c r="H874">
        <v>330</v>
      </c>
      <c r="J874">
        <v>95.591964353661879</v>
      </c>
      <c r="K874">
        <v>330</v>
      </c>
      <c r="M874">
        <v>99.098663184367652</v>
      </c>
      <c r="N874">
        <v>205</v>
      </c>
      <c r="P874">
        <v>99.50070142578889</v>
      </c>
      <c r="Q874">
        <v>120</v>
      </c>
    </row>
    <row r="875" spans="4:17" x14ac:dyDescent="0.25">
      <c r="D875">
        <v>98.599688314825713</v>
      </c>
      <c r="E875">
        <v>254</v>
      </c>
      <c r="G875">
        <v>97.86719035077715</v>
      </c>
      <c r="H875">
        <v>331</v>
      </c>
      <c r="J875">
        <v>95.56934761650318</v>
      </c>
      <c r="K875">
        <v>330</v>
      </c>
      <c r="M875">
        <v>99.095839439979699</v>
      </c>
      <c r="N875">
        <v>206</v>
      </c>
      <c r="P875">
        <v>99.500004435393436</v>
      </c>
      <c r="Q875">
        <v>120</v>
      </c>
    </row>
    <row r="876" spans="4:17" x14ac:dyDescent="0.25">
      <c r="D876">
        <v>98.595566790525496</v>
      </c>
      <c r="E876">
        <v>255</v>
      </c>
      <c r="G876">
        <v>97.861395355483282</v>
      </c>
      <c r="H876">
        <v>331</v>
      </c>
      <c r="J876">
        <v>95.547076794352719</v>
      </c>
      <c r="K876">
        <v>331</v>
      </c>
      <c r="M876">
        <v>99.092620849978147</v>
      </c>
      <c r="N876">
        <v>206</v>
      </c>
      <c r="P876">
        <v>99.500004435393436</v>
      </c>
      <c r="Q876">
        <v>120</v>
      </c>
    </row>
    <row r="877" spans="4:17" x14ac:dyDescent="0.25">
      <c r="D877">
        <v>98.590996387341136</v>
      </c>
      <c r="E877">
        <v>255</v>
      </c>
      <c r="G877">
        <v>97.85605020000672</v>
      </c>
      <c r="H877">
        <v>332</v>
      </c>
      <c r="J877">
        <v>95.524805972202273</v>
      </c>
      <c r="K877">
        <v>331</v>
      </c>
      <c r="M877">
        <v>99.089390294958051</v>
      </c>
      <c r="N877">
        <v>206</v>
      </c>
      <c r="P877">
        <v>99.499286324076877</v>
      </c>
      <c r="Q877">
        <v>120</v>
      </c>
    </row>
    <row r="878" spans="4:17" x14ac:dyDescent="0.25">
      <c r="D878">
        <v>98.586861260650508</v>
      </c>
      <c r="E878">
        <v>256</v>
      </c>
      <c r="G878">
        <v>97.850705044530173</v>
      </c>
      <c r="H878">
        <v>332</v>
      </c>
      <c r="J878">
        <v>95.502535150051841</v>
      </c>
      <c r="K878">
        <v>332</v>
      </c>
      <c r="M878">
        <v>99.086578515588698</v>
      </c>
      <c r="N878">
        <v>207</v>
      </c>
      <c r="P878">
        <v>99.499286324076877</v>
      </c>
      <c r="Q878">
        <v>120</v>
      </c>
    </row>
    <row r="879" spans="4:17" x14ac:dyDescent="0.25">
      <c r="D879">
        <v>98.58229085746612</v>
      </c>
      <c r="E879">
        <v>256</v>
      </c>
      <c r="G879">
        <v>97.84535988905364</v>
      </c>
      <c r="H879">
        <v>332</v>
      </c>
      <c r="J879">
        <v>95.480274501872231</v>
      </c>
      <c r="K879">
        <v>332</v>
      </c>
      <c r="M879">
        <v>99.083347960568574</v>
      </c>
      <c r="N879">
        <v>207</v>
      </c>
      <c r="P879">
        <v>99.499286324076877</v>
      </c>
      <c r="Q879">
        <v>120</v>
      </c>
    </row>
    <row r="880" spans="4:17" x14ac:dyDescent="0.25">
      <c r="D880">
        <v>98.578169333165931</v>
      </c>
      <c r="E880">
        <v>256</v>
      </c>
      <c r="G880">
        <v>97.839564893759757</v>
      </c>
      <c r="H880">
        <v>333</v>
      </c>
      <c r="J880">
        <v>95.458339420759231</v>
      </c>
      <c r="K880">
        <v>333</v>
      </c>
      <c r="M880">
        <v>99.080129370567036</v>
      </c>
      <c r="N880">
        <v>208</v>
      </c>
      <c r="P880">
        <v>99.498568212760333</v>
      </c>
      <c r="Q880">
        <v>120</v>
      </c>
    </row>
    <row r="881" spans="4:17" x14ac:dyDescent="0.25">
      <c r="D881">
        <v>98.574047808865757</v>
      </c>
      <c r="E881">
        <v>257</v>
      </c>
      <c r="G881">
        <v>97.834219738283196</v>
      </c>
      <c r="H881">
        <v>333</v>
      </c>
      <c r="J881">
        <v>95.436414513617052</v>
      </c>
      <c r="K881">
        <v>333</v>
      </c>
      <c r="M881">
        <v>99.076898815546926</v>
      </c>
      <c r="N881">
        <v>208</v>
      </c>
      <c r="P881">
        <v>99.498568212760333</v>
      </c>
      <c r="Q881">
        <v>120</v>
      </c>
    </row>
    <row r="882" spans="4:17" x14ac:dyDescent="0.25">
      <c r="D882">
        <v>98.569463803290944</v>
      </c>
      <c r="E882">
        <v>257</v>
      </c>
      <c r="G882">
        <v>97.828424742989313</v>
      </c>
      <c r="H882">
        <v>334</v>
      </c>
      <c r="J882">
        <v>95.414489606474888</v>
      </c>
      <c r="K882">
        <v>333</v>
      </c>
      <c r="M882">
        <v>99.073680225545374</v>
      </c>
      <c r="N882">
        <v>208</v>
      </c>
      <c r="P882">
        <v>99.498568212760333</v>
      </c>
      <c r="Q882">
        <v>120</v>
      </c>
    </row>
    <row r="883" spans="4:17" x14ac:dyDescent="0.25">
      <c r="D883">
        <v>98.564879797716131</v>
      </c>
      <c r="E883">
        <v>258</v>
      </c>
      <c r="G883">
        <v>97.822629747695444</v>
      </c>
      <c r="H883">
        <v>334</v>
      </c>
      <c r="J883">
        <v>95.392564699332709</v>
      </c>
      <c r="K883">
        <v>334</v>
      </c>
      <c r="M883">
        <v>99.070461635543865</v>
      </c>
      <c r="N883">
        <v>209</v>
      </c>
      <c r="P883">
        <v>99.498568212760333</v>
      </c>
      <c r="Q883">
        <v>120</v>
      </c>
    </row>
    <row r="884" spans="4:17" x14ac:dyDescent="0.25">
      <c r="D884">
        <v>98.560758273415956</v>
      </c>
      <c r="E884">
        <v>258</v>
      </c>
      <c r="G884">
        <v>97.816847982984413</v>
      </c>
      <c r="H884">
        <v>335</v>
      </c>
      <c r="J884">
        <v>95.370293877182277</v>
      </c>
      <c r="K884">
        <v>334</v>
      </c>
      <c r="M884">
        <v>99.066824269891569</v>
      </c>
      <c r="N884">
        <v>209</v>
      </c>
      <c r="P884">
        <v>99.497850101443802</v>
      </c>
      <c r="Q884">
        <v>120</v>
      </c>
    </row>
    <row r="885" spans="4:17" x14ac:dyDescent="0.25">
      <c r="D885">
        <v>98.556174267841143</v>
      </c>
      <c r="E885">
        <v>259</v>
      </c>
      <c r="G885">
        <v>97.811052987690545</v>
      </c>
      <c r="H885">
        <v>335</v>
      </c>
      <c r="J885">
        <v>95.348368970040113</v>
      </c>
      <c r="K885">
        <v>335</v>
      </c>
      <c r="M885">
        <v>99.063605679890046</v>
      </c>
      <c r="N885">
        <v>210</v>
      </c>
      <c r="P885">
        <v>99.497850101443802</v>
      </c>
      <c r="Q885">
        <v>120</v>
      </c>
    </row>
    <row r="886" spans="4:17" x14ac:dyDescent="0.25">
      <c r="D886">
        <v>98.551590262266345</v>
      </c>
      <c r="E886">
        <v>259</v>
      </c>
      <c r="G886">
        <v>97.805257992396662</v>
      </c>
      <c r="H886">
        <v>335</v>
      </c>
      <c r="J886">
        <v>95.326098147889653</v>
      </c>
      <c r="K886">
        <v>335</v>
      </c>
      <c r="M886">
        <v>99.060387089888508</v>
      </c>
      <c r="N886">
        <v>210</v>
      </c>
      <c r="P886">
        <v>99.497850101443802</v>
      </c>
      <c r="Q886">
        <v>120</v>
      </c>
    </row>
    <row r="887" spans="4:17" x14ac:dyDescent="0.25">
      <c r="D887">
        <v>98.547019859081956</v>
      </c>
      <c r="E887">
        <v>259</v>
      </c>
      <c r="G887">
        <v>97.799462997102765</v>
      </c>
      <c r="H887">
        <v>336</v>
      </c>
      <c r="J887">
        <v>95.303481410730953</v>
      </c>
      <c r="K887">
        <v>335</v>
      </c>
      <c r="M887">
        <v>99.057156534868398</v>
      </c>
      <c r="N887">
        <v>211</v>
      </c>
      <c r="P887">
        <v>99.497850101443802</v>
      </c>
      <c r="Q887">
        <v>120</v>
      </c>
    </row>
    <row r="888" spans="4:17" x14ac:dyDescent="0.25">
      <c r="D888">
        <v>98.542898334781768</v>
      </c>
      <c r="E888">
        <v>260</v>
      </c>
      <c r="G888">
        <v>97.793231392574427</v>
      </c>
      <c r="H888">
        <v>336</v>
      </c>
      <c r="J888">
        <v>95.281210588580507</v>
      </c>
      <c r="K888">
        <v>336</v>
      </c>
      <c r="M888">
        <v>99.05393794486686</v>
      </c>
      <c r="N888">
        <v>211</v>
      </c>
      <c r="P888">
        <v>99.497153111048306</v>
      </c>
      <c r="Q888">
        <v>120</v>
      </c>
    </row>
    <row r="889" spans="4:17" x14ac:dyDescent="0.25">
      <c r="D889">
        <v>98.538776810481579</v>
      </c>
      <c r="E889">
        <v>260</v>
      </c>
      <c r="G889">
        <v>97.78743639728053</v>
      </c>
      <c r="H889">
        <v>337</v>
      </c>
      <c r="J889">
        <v>95.259285681438342</v>
      </c>
      <c r="K889">
        <v>336</v>
      </c>
      <c r="M889">
        <v>99.050312544233179</v>
      </c>
      <c r="N889">
        <v>211</v>
      </c>
      <c r="P889">
        <v>99.497153111048306</v>
      </c>
      <c r="Q889">
        <v>120</v>
      </c>
    </row>
    <row r="890" spans="4:17" x14ac:dyDescent="0.25">
      <c r="D890">
        <v>98.534192804906766</v>
      </c>
      <c r="E890">
        <v>261</v>
      </c>
      <c r="G890">
        <v>97.781641401986647</v>
      </c>
      <c r="H890">
        <v>337</v>
      </c>
      <c r="J890">
        <v>95.237360774296164</v>
      </c>
      <c r="K890">
        <v>337</v>
      </c>
      <c r="M890">
        <v>99.047081989213055</v>
      </c>
      <c r="N890">
        <v>212</v>
      </c>
      <c r="P890">
        <v>99.497153111048306</v>
      </c>
      <c r="Q890">
        <v>120</v>
      </c>
    </row>
    <row r="891" spans="4:17" x14ac:dyDescent="0.25">
      <c r="D891">
        <v>98.529608799331953</v>
      </c>
      <c r="E891">
        <v>261</v>
      </c>
      <c r="G891">
        <v>97.77584640669275</v>
      </c>
      <c r="H891">
        <v>337</v>
      </c>
      <c r="J891">
        <v>95.215435867154014</v>
      </c>
      <c r="K891">
        <v>337</v>
      </c>
      <c r="M891">
        <v>99.043456588579346</v>
      </c>
      <c r="N891">
        <v>212</v>
      </c>
      <c r="P891">
        <v>99.497153111048306</v>
      </c>
      <c r="Q891">
        <v>120</v>
      </c>
    </row>
    <row r="892" spans="4:17" x14ac:dyDescent="0.25">
      <c r="D892">
        <v>98.525024793757154</v>
      </c>
      <c r="E892">
        <v>261</v>
      </c>
      <c r="G892">
        <v>97.770064641981762</v>
      </c>
      <c r="H892">
        <v>338</v>
      </c>
      <c r="J892">
        <v>95.193500786040971</v>
      </c>
      <c r="K892">
        <v>338</v>
      </c>
      <c r="M892">
        <v>99.040237998577823</v>
      </c>
      <c r="N892">
        <v>213</v>
      </c>
      <c r="P892">
        <v>99.497153111048306</v>
      </c>
      <c r="Q892">
        <v>120</v>
      </c>
    </row>
    <row r="893" spans="4:17" x14ac:dyDescent="0.25">
      <c r="D893">
        <v>98.52045439057278</v>
      </c>
      <c r="E893">
        <v>262</v>
      </c>
      <c r="G893">
        <v>97.764269646687879</v>
      </c>
      <c r="H893">
        <v>338</v>
      </c>
      <c r="J893">
        <v>95.171229963890539</v>
      </c>
      <c r="K893">
        <v>338</v>
      </c>
      <c r="M893">
        <v>99.036612597944156</v>
      </c>
      <c r="N893">
        <v>213</v>
      </c>
      <c r="P893">
        <v>99.497153111048306</v>
      </c>
      <c r="Q893">
        <v>120</v>
      </c>
    </row>
    <row r="894" spans="4:17" x14ac:dyDescent="0.25">
      <c r="D894">
        <v>98.516319263882167</v>
      </c>
      <c r="E894">
        <v>262</v>
      </c>
      <c r="G894">
        <v>97.758024811576661</v>
      </c>
      <c r="H894">
        <v>339</v>
      </c>
      <c r="J894">
        <v>95.148969315710929</v>
      </c>
      <c r="K894">
        <v>338</v>
      </c>
      <c r="M894">
        <v>99.033382042924032</v>
      </c>
      <c r="N894">
        <v>213</v>
      </c>
      <c r="P894">
        <v>99.497153111048306</v>
      </c>
      <c r="Q894">
        <v>120</v>
      </c>
    </row>
    <row r="895" spans="4:17" x14ac:dyDescent="0.25">
      <c r="D895">
        <v>98.511748860697779</v>
      </c>
      <c r="E895">
        <v>263</v>
      </c>
      <c r="G895">
        <v>97.752243046865644</v>
      </c>
      <c r="H895">
        <v>339</v>
      </c>
      <c r="J895">
        <v>95.126352578552215</v>
      </c>
      <c r="K895">
        <v>339</v>
      </c>
      <c r="M895">
        <v>99.029756642290337</v>
      </c>
      <c r="N895">
        <v>214</v>
      </c>
      <c r="P895">
        <v>99.497153111048306</v>
      </c>
      <c r="Q895">
        <v>120</v>
      </c>
    </row>
    <row r="896" spans="4:17" x14ac:dyDescent="0.25">
      <c r="D896">
        <v>98.50670237384837</v>
      </c>
      <c r="E896">
        <v>263</v>
      </c>
      <c r="G896">
        <v>97.746448051571761</v>
      </c>
      <c r="H896">
        <v>340</v>
      </c>
      <c r="J896">
        <v>95.104081756401783</v>
      </c>
      <c r="K896">
        <v>339</v>
      </c>
      <c r="M896">
        <v>99.026131241656643</v>
      </c>
      <c r="N896">
        <v>214</v>
      </c>
      <c r="P896">
        <v>99.497153111048306</v>
      </c>
      <c r="Q896">
        <v>120</v>
      </c>
    </row>
    <row r="897" spans="4:17" x14ac:dyDescent="0.25">
      <c r="D897">
        <v>98.50213197066401</v>
      </c>
      <c r="E897">
        <v>264</v>
      </c>
      <c r="G897">
        <v>97.740203216460543</v>
      </c>
      <c r="H897">
        <v>340</v>
      </c>
      <c r="J897">
        <v>95.081810934251322</v>
      </c>
      <c r="K897">
        <v>340</v>
      </c>
      <c r="M897">
        <v>99.022505841022962</v>
      </c>
      <c r="N897">
        <v>215</v>
      </c>
      <c r="P897">
        <v>99.497153111048306</v>
      </c>
      <c r="Q897">
        <v>120</v>
      </c>
    </row>
    <row r="898" spans="4:17" x14ac:dyDescent="0.25">
      <c r="D898">
        <v>98.497547965089197</v>
      </c>
      <c r="E898">
        <v>264</v>
      </c>
      <c r="G898">
        <v>97.734421451749512</v>
      </c>
      <c r="H898">
        <v>340</v>
      </c>
      <c r="J898">
        <v>95.05920437106343</v>
      </c>
      <c r="K898">
        <v>340</v>
      </c>
      <c r="M898">
        <v>99.018880440389268</v>
      </c>
      <c r="N898">
        <v>215</v>
      </c>
      <c r="P898">
        <v>99.497153111048306</v>
      </c>
      <c r="Q898">
        <v>120</v>
      </c>
    </row>
    <row r="899" spans="4:17" x14ac:dyDescent="0.25">
      <c r="D899">
        <v>98.492963959514384</v>
      </c>
      <c r="E899">
        <v>264</v>
      </c>
      <c r="G899">
        <v>97.728176616638322</v>
      </c>
      <c r="H899">
        <v>341</v>
      </c>
      <c r="J899">
        <v>95.03658763390473</v>
      </c>
      <c r="K899">
        <v>340</v>
      </c>
      <c r="M899">
        <v>99.015255039755559</v>
      </c>
      <c r="N899">
        <v>216</v>
      </c>
      <c r="P899">
        <v>99.497153111048306</v>
      </c>
      <c r="Q899">
        <v>120</v>
      </c>
    </row>
    <row r="900" spans="4:17" x14ac:dyDescent="0.25">
      <c r="D900">
        <v>98.488379953939585</v>
      </c>
      <c r="E900">
        <v>265</v>
      </c>
      <c r="G900">
        <v>97.721945012109956</v>
      </c>
      <c r="H900">
        <v>341</v>
      </c>
      <c r="J900">
        <v>95.013970896746017</v>
      </c>
      <c r="K900">
        <v>341</v>
      </c>
      <c r="M900">
        <v>99.011629639121892</v>
      </c>
      <c r="N900">
        <v>216</v>
      </c>
      <c r="P900">
        <v>99.497153111048306</v>
      </c>
      <c r="Q900">
        <v>120</v>
      </c>
    </row>
    <row r="901" spans="4:17" x14ac:dyDescent="0.25">
      <c r="D901">
        <v>98.484258429639397</v>
      </c>
      <c r="E901">
        <v>265</v>
      </c>
      <c r="G901">
        <v>97.716150016816073</v>
      </c>
      <c r="H901">
        <v>342</v>
      </c>
      <c r="J901">
        <v>94.991018418549857</v>
      </c>
      <c r="K901">
        <v>341</v>
      </c>
      <c r="M901">
        <v>99.008004238488184</v>
      </c>
      <c r="N901">
        <v>216</v>
      </c>
      <c r="P901">
        <v>99.497153111048306</v>
      </c>
      <c r="Q901">
        <v>120</v>
      </c>
    </row>
    <row r="902" spans="4:17" x14ac:dyDescent="0.25">
      <c r="D902">
        <v>98.479674424064584</v>
      </c>
      <c r="E902">
        <v>266</v>
      </c>
      <c r="G902">
        <v>97.709918412287735</v>
      </c>
      <c r="H902">
        <v>342</v>
      </c>
      <c r="J902">
        <v>94.9677200253454</v>
      </c>
      <c r="K902">
        <v>342</v>
      </c>
      <c r="M902">
        <v>99.004378837854475</v>
      </c>
      <c r="N902">
        <v>217</v>
      </c>
      <c r="P902">
        <v>99.497153111048306</v>
      </c>
      <c r="Q902">
        <v>120</v>
      </c>
    </row>
    <row r="903" spans="4:17" x14ac:dyDescent="0.25">
      <c r="D903">
        <v>98.475552899764395</v>
      </c>
      <c r="E903">
        <v>266</v>
      </c>
      <c r="G903">
        <v>97.704123416993852</v>
      </c>
      <c r="H903">
        <v>342</v>
      </c>
      <c r="J903">
        <v>94.944085891103526</v>
      </c>
      <c r="K903">
        <v>342</v>
      </c>
      <c r="M903">
        <v>99.000753437220808</v>
      </c>
      <c r="N903">
        <v>217</v>
      </c>
      <c r="P903">
        <v>99.497153111048306</v>
      </c>
      <c r="Q903">
        <v>120</v>
      </c>
    </row>
    <row r="904" spans="4:17" x14ac:dyDescent="0.25">
      <c r="D904">
        <v>98.470982496580021</v>
      </c>
      <c r="E904">
        <v>266</v>
      </c>
      <c r="G904">
        <v>97.69787858188262</v>
      </c>
      <c r="H904">
        <v>343</v>
      </c>
      <c r="J904">
        <v>94.920441582890803</v>
      </c>
      <c r="K904">
        <v>343</v>
      </c>
      <c r="M904">
        <v>98.997128036587128</v>
      </c>
      <c r="N904">
        <v>218</v>
      </c>
      <c r="P904">
        <v>99.496434999731761</v>
      </c>
      <c r="Q904">
        <v>120</v>
      </c>
    </row>
    <row r="905" spans="4:17" x14ac:dyDescent="0.25">
      <c r="D905">
        <v>98.466398491005208</v>
      </c>
      <c r="E905">
        <v>267</v>
      </c>
      <c r="G905">
        <v>97.691646977354267</v>
      </c>
      <c r="H905">
        <v>343</v>
      </c>
      <c r="J905">
        <v>94.897143189686375</v>
      </c>
      <c r="K905">
        <v>343</v>
      </c>
      <c r="M905">
        <v>98.993502635953405</v>
      </c>
      <c r="N905">
        <v>218</v>
      </c>
      <c r="P905">
        <v>99.496434999731761</v>
      </c>
      <c r="Q905">
        <v>120</v>
      </c>
    </row>
    <row r="906" spans="4:17" x14ac:dyDescent="0.25">
      <c r="D906">
        <v>98.461814485430395</v>
      </c>
      <c r="E906">
        <v>267</v>
      </c>
      <c r="G906">
        <v>97.685402142243049</v>
      </c>
      <c r="H906">
        <v>344</v>
      </c>
      <c r="J906">
        <v>94.873509055444472</v>
      </c>
      <c r="K906">
        <v>343</v>
      </c>
      <c r="M906">
        <v>98.989470424687553</v>
      </c>
      <c r="N906">
        <v>218</v>
      </c>
      <c r="P906">
        <v>99.496434999731761</v>
      </c>
      <c r="Q906">
        <v>120</v>
      </c>
    </row>
    <row r="907" spans="4:17" x14ac:dyDescent="0.25">
      <c r="D907">
        <v>98.456781600971439</v>
      </c>
      <c r="E907">
        <v>268</v>
      </c>
      <c r="G907">
        <v>97.679620377532046</v>
      </c>
      <c r="H907">
        <v>344</v>
      </c>
      <c r="J907">
        <v>94.850210662240059</v>
      </c>
      <c r="K907">
        <v>344</v>
      </c>
      <c r="M907">
        <v>98.985845024053873</v>
      </c>
      <c r="N907">
        <v>219</v>
      </c>
      <c r="P907">
        <v>99.496434999731761</v>
      </c>
      <c r="Q907">
        <v>120</v>
      </c>
    </row>
    <row r="908" spans="4:17" x14ac:dyDescent="0.25">
      <c r="D908">
        <v>98.451735114122016</v>
      </c>
      <c r="E908">
        <v>268</v>
      </c>
      <c r="G908">
        <v>97.673825382238149</v>
      </c>
      <c r="H908">
        <v>345</v>
      </c>
      <c r="J908">
        <v>94.826912269035617</v>
      </c>
      <c r="K908">
        <v>344</v>
      </c>
      <c r="M908">
        <v>98.981812812788021</v>
      </c>
      <c r="N908">
        <v>219</v>
      </c>
      <c r="P908">
        <v>99.496434999731761</v>
      </c>
      <c r="Q908">
        <v>120</v>
      </c>
    </row>
    <row r="909" spans="4:17" x14ac:dyDescent="0.25">
      <c r="D909">
        <v>98.447151108547217</v>
      </c>
      <c r="E909">
        <v>269</v>
      </c>
      <c r="G909">
        <v>97.667580547126946</v>
      </c>
      <c r="H909">
        <v>345</v>
      </c>
      <c r="J909">
        <v>94.803613875831189</v>
      </c>
      <c r="K909">
        <v>345</v>
      </c>
      <c r="M909">
        <v>98.978187412154327</v>
      </c>
      <c r="N909">
        <v>220</v>
      </c>
      <c r="P909">
        <v>99.495716888415203</v>
      </c>
      <c r="Q909">
        <v>120</v>
      </c>
    </row>
    <row r="910" spans="4:17" x14ac:dyDescent="0.25">
      <c r="D910">
        <v>98.442580705362843</v>
      </c>
      <c r="E910">
        <v>269</v>
      </c>
      <c r="G910">
        <v>97.661798782415914</v>
      </c>
      <c r="H910">
        <v>345</v>
      </c>
      <c r="J910">
        <v>94.780315482626719</v>
      </c>
      <c r="K910">
        <v>345</v>
      </c>
      <c r="M910">
        <v>98.974155200888475</v>
      </c>
      <c r="N910">
        <v>220</v>
      </c>
      <c r="P910">
        <v>99.495716888415203</v>
      </c>
      <c r="Q910">
        <v>120</v>
      </c>
    </row>
    <row r="911" spans="4:17" x14ac:dyDescent="0.25">
      <c r="D911">
        <v>98.43799669978803</v>
      </c>
      <c r="E911">
        <v>269</v>
      </c>
      <c r="G911">
        <v>97.656003787122032</v>
      </c>
      <c r="H911">
        <v>346</v>
      </c>
      <c r="J911">
        <v>94.756671174414038</v>
      </c>
      <c r="K911">
        <v>345</v>
      </c>
      <c r="M911">
        <v>98.970122989622624</v>
      </c>
      <c r="N911">
        <v>221</v>
      </c>
      <c r="P911">
        <v>99.495716888415203</v>
      </c>
      <c r="Q911">
        <v>120</v>
      </c>
    </row>
    <row r="912" spans="4:17" x14ac:dyDescent="0.25">
      <c r="D912">
        <v>98.433412694213231</v>
      </c>
      <c r="E912">
        <v>270</v>
      </c>
      <c r="G912">
        <v>97.649758952010828</v>
      </c>
      <c r="H912">
        <v>346</v>
      </c>
      <c r="J912">
        <v>94.733037040172121</v>
      </c>
      <c r="K912">
        <v>346</v>
      </c>
      <c r="M912">
        <v>98.966102743375345</v>
      </c>
      <c r="N912">
        <v>221</v>
      </c>
      <c r="P912">
        <v>99.495716888415203</v>
      </c>
      <c r="Q912">
        <v>120</v>
      </c>
    </row>
    <row r="913" spans="4:17" x14ac:dyDescent="0.25">
      <c r="D913">
        <v>98.428828688638418</v>
      </c>
      <c r="E913">
        <v>270</v>
      </c>
      <c r="G913">
        <v>97.643977187299797</v>
      </c>
      <c r="H913">
        <v>347</v>
      </c>
      <c r="J913">
        <v>94.709738646967708</v>
      </c>
      <c r="K913">
        <v>346</v>
      </c>
      <c r="M913">
        <v>98.962070532109507</v>
      </c>
      <c r="N913">
        <v>221</v>
      </c>
      <c r="P913">
        <v>99.495716888415203</v>
      </c>
      <c r="Q913">
        <v>120</v>
      </c>
    </row>
    <row r="914" spans="4:17" x14ac:dyDescent="0.25">
      <c r="D914">
        <v>98.424258285454059</v>
      </c>
      <c r="E914">
        <v>271</v>
      </c>
      <c r="G914">
        <v>97.637732352188593</v>
      </c>
      <c r="H914">
        <v>347</v>
      </c>
      <c r="J914">
        <v>94.686786168771548</v>
      </c>
      <c r="K914">
        <v>347</v>
      </c>
      <c r="M914">
        <v>98.958038320843656</v>
      </c>
      <c r="N914">
        <v>222</v>
      </c>
      <c r="P914">
        <v>99.495019898019748</v>
      </c>
      <c r="Q914">
        <v>120</v>
      </c>
    </row>
    <row r="915" spans="4:17" x14ac:dyDescent="0.25">
      <c r="D915">
        <v>98.41967427987926</v>
      </c>
      <c r="E915">
        <v>271</v>
      </c>
      <c r="G915">
        <v>97.631500747660226</v>
      </c>
      <c r="H915">
        <v>347</v>
      </c>
      <c r="J915">
        <v>94.663487775567077</v>
      </c>
      <c r="K915">
        <v>347</v>
      </c>
      <c r="M915">
        <v>98.954006109577804</v>
      </c>
      <c r="N915">
        <v>222</v>
      </c>
      <c r="P915">
        <v>99.495019898019748</v>
      </c>
      <c r="Q915">
        <v>120</v>
      </c>
    </row>
    <row r="916" spans="4:17" x14ac:dyDescent="0.25">
      <c r="D916">
        <v>98.415090274304447</v>
      </c>
      <c r="E916">
        <v>271</v>
      </c>
      <c r="G916">
        <v>97.625705752366343</v>
      </c>
      <c r="H916">
        <v>348</v>
      </c>
      <c r="J916">
        <v>94.640871038408378</v>
      </c>
      <c r="K916">
        <v>348</v>
      </c>
      <c r="M916">
        <v>98.949985863330525</v>
      </c>
      <c r="N916">
        <v>223</v>
      </c>
      <c r="P916">
        <v>99.495019898019748</v>
      </c>
      <c r="Q916">
        <v>120</v>
      </c>
    </row>
    <row r="917" spans="4:17" x14ac:dyDescent="0.25">
      <c r="D917">
        <v>98.410506268729634</v>
      </c>
      <c r="E917">
        <v>272</v>
      </c>
      <c r="G917">
        <v>97.619460917255168</v>
      </c>
      <c r="H917">
        <v>348</v>
      </c>
      <c r="J917">
        <v>94.618264475220499</v>
      </c>
      <c r="K917">
        <v>348</v>
      </c>
      <c r="M917">
        <v>98.945546841432517</v>
      </c>
      <c r="N917">
        <v>223</v>
      </c>
      <c r="P917">
        <v>99.495019898019748</v>
      </c>
      <c r="Q917">
        <v>120</v>
      </c>
    </row>
    <row r="918" spans="4:17" x14ac:dyDescent="0.25">
      <c r="D918">
        <v>98.405935865545274</v>
      </c>
      <c r="E918">
        <v>272</v>
      </c>
      <c r="G918">
        <v>97.613229312726787</v>
      </c>
      <c r="H918">
        <v>349</v>
      </c>
      <c r="J918">
        <v>94.595647738061771</v>
      </c>
      <c r="K918">
        <v>348</v>
      </c>
      <c r="M918">
        <v>98.941514630166665</v>
      </c>
      <c r="N918">
        <v>223</v>
      </c>
      <c r="P918">
        <v>99.494301786703204</v>
      </c>
      <c r="Q918">
        <v>120</v>
      </c>
    </row>
    <row r="919" spans="4:17" x14ac:dyDescent="0.25">
      <c r="D919">
        <v>98.401351859970461</v>
      </c>
      <c r="E919">
        <v>273</v>
      </c>
      <c r="G919">
        <v>97.607434317432904</v>
      </c>
      <c r="H919">
        <v>349</v>
      </c>
      <c r="J919">
        <v>94.573376915911339</v>
      </c>
      <c r="K919">
        <v>349</v>
      </c>
      <c r="M919">
        <v>98.937087573287229</v>
      </c>
      <c r="N919">
        <v>224</v>
      </c>
      <c r="P919">
        <v>99.494301786703204</v>
      </c>
      <c r="Q919">
        <v>120</v>
      </c>
    </row>
    <row r="920" spans="4:17" x14ac:dyDescent="0.25">
      <c r="D920">
        <v>98.396318975511477</v>
      </c>
      <c r="E920">
        <v>273</v>
      </c>
      <c r="G920">
        <v>97.601202712904566</v>
      </c>
      <c r="H920">
        <v>350</v>
      </c>
      <c r="J920">
        <v>94.551106093760879</v>
      </c>
      <c r="K920">
        <v>349</v>
      </c>
      <c r="M920">
        <v>98.933055362021378</v>
      </c>
      <c r="N920">
        <v>224</v>
      </c>
      <c r="P920">
        <v>99.494301786703204</v>
      </c>
      <c r="Q920">
        <v>120</v>
      </c>
    </row>
    <row r="921" spans="4:17" x14ac:dyDescent="0.25">
      <c r="D921">
        <v>98.391272488662068</v>
      </c>
      <c r="E921">
        <v>274</v>
      </c>
      <c r="G921">
        <v>97.594957877793334</v>
      </c>
      <c r="H921">
        <v>350</v>
      </c>
      <c r="J921">
        <v>94.528835271610447</v>
      </c>
      <c r="K921">
        <v>350</v>
      </c>
      <c r="M921">
        <v>98.928628305141956</v>
      </c>
      <c r="N921">
        <v>225</v>
      </c>
      <c r="P921">
        <v>99.493583675386645</v>
      </c>
      <c r="Q921">
        <v>120</v>
      </c>
    </row>
    <row r="922" spans="4:17" x14ac:dyDescent="0.25">
      <c r="D922">
        <v>98.386239604203084</v>
      </c>
      <c r="E922">
        <v>274</v>
      </c>
      <c r="G922">
        <v>97.588726273264996</v>
      </c>
      <c r="H922">
        <v>350</v>
      </c>
      <c r="J922">
        <v>94.506228708422555</v>
      </c>
      <c r="K922">
        <v>350</v>
      </c>
      <c r="M922">
        <v>98.924189283243933</v>
      </c>
      <c r="N922">
        <v>225</v>
      </c>
      <c r="P922">
        <v>99.493583675386645</v>
      </c>
      <c r="Q922">
        <v>120</v>
      </c>
    </row>
    <row r="923" spans="4:17" x14ac:dyDescent="0.25">
      <c r="D923">
        <v>98.381655598628299</v>
      </c>
      <c r="E923">
        <v>274</v>
      </c>
      <c r="G923">
        <v>97.582931277971113</v>
      </c>
      <c r="H923">
        <v>351</v>
      </c>
      <c r="J923">
        <v>94.483957886272123</v>
      </c>
      <c r="K923">
        <v>350</v>
      </c>
      <c r="M923">
        <v>98.919762226364512</v>
      </c>
      <c r="N923">
        <v>226</v>
      </c>
      <c r="P923">
        <v>99.493583675386645</v>
      </c>
      <c r="Q923">
        <v>120</v>
      </c>
    </row>
    <row r="924" spans="4:17" x14ac:dyDescent="0.25">
      <c r="D924">
        <v>98.376609111778876</v>
      </c>
      <c r="E924">
        <v>275</v>
      </c>
      <c r="G924">
        <v>97.576699673442761</v>
      </c>
      <c r="H924">
        <v>351</v>
      </c>
      <c r="J924">
        <v>94.46134114911338</v>
      </c>
      <c r="K924">
        <v>351</v>
      </c>
      <c r="M924">
        <v>98.915335169485104</v>
      </c>
      <c r="N924">
        <v>226</v>
      </c>
      <c r="P924">
        <v>99.493583675386645</v>
      </c>
      <c r="Q924">
        <v>120</v>
      </c>
    </row>
    <row r="925" spans="4:17" x14ac:dyDescent="0.25">
      <c r="D925">
        <v>98.371576227319878</v>
      </c>
      <c r="E925">
        <v>275</v>
      </c>
      <c r="G925">
        <v>97.570454838331528</v>
      </c>
      <c r="H925">
        <v>352</v>
      </c>
      <c r="J925">
        <v>94.439070326962934</v>
      </c>
      <c r="K925">
        <v>351</v>
      </c>
      <c r="M925">
        <v>98.910896147587081</v>
      </c>
      <c r="N925">
        <v>226</v>
      </c>
      <c r="P925">
        <v>99.493583675386645</v>
      </c>
      <c r="Q925">
        <v>120</v>
      </c>
    </row>
    <row r="926" spans="4:17" x14ac:dyDescent="0.25">
      <c r="D926">
        <v>98.366543342860908</v>
      </c>
      <c r="E926">
        <v>276</v>
      </c>
      <c r="G926">
        <v>97.56422323380319</v>
      </c>
      <c r="H926">
        <v>352</v>
      </c>
      <c r="J926">
        <v>94.416463763775056</v>
      </c>
      <c r="K926">
        <v>352</v>
      </c>
      <c r="M926">
        <v>98.906469090707645</v>
      </c>
      <c r="N926">
        <v>227</v>
      </c>
      <c r="P926">
        <v>99.492886684991177</v>
      </c>
      <c r="Q926">
        <v>120</v>
      </c>
    </row>
    <row r="927" spans="4:17" x14ac:dyDescent="0.25">
      <c r="D927">
        <v>98.361959337286109</v>
      </c>
      <c r="E927">
        <v>276</v>
      </c>
      <c r="G927">
        <v>97.557978398691986</v>
      </c>
      <c r="H927">
        <v>352</v>
      </c>
      <c r="J927">
        <v>94.393511285578896</v>
      </c>
      <c r="K927">
        <v>352</v>
      </c>
      <c r="M927">
        <v>98.901635223196052</v>
      </c>
      <c r="N927">
        <v>227</v>
      </c>
      <c r="P927">
        <v>99.492886684991177</v>
      </c>
      <c r="Q927">
        <v>120</v>
      </c>
    </row>
    <row r="928" spans="4:17" x14ac:dyDescent="0.25">
      <c r="D928">
        <v>98.3569128504367</v>
      </c>
      <c r="E928">
        <v>276</v>
      </c>
      <c r="G928">
        <v>97.551296954346284</v>
      </c>
      <c r="H928">
        <v>353</v>
      </c>
      <c r="J928">
        <v>94.370212892374454</v>
      </c>
      <c r="K928">
        <v>353</v>
      </c>
      <c r="M928">
        <v>98.897196201298016</v>
      </c>
      <c r="N928">
        <v>228</v>
      </c>
      <c r="P928">
        <v>99.492886684991177</v>
      </c>
      <c r="Q928">
        <v>120</v>
      </c>
    </row>
    <row r="929" spans="4:17" x14ac:dyDescent="0.25">
      <c r="D929">
        <v>98.351417484703092</v>
      </c>
      <c r="E929">
        <v>277</v>
      </c>
      <c r="G929">
        <v>97.545065349817932</v>
      </c>
      <c r="H929">
        <v>353</v>
      </c>
      <c r="J929">
        <v>94.347250240207458</v>
      </c>
      <c r="K929">
        <v>353</v>
      </c>
      <c r="M929">
        <v>98.892769144418608</v>
      </c>
      <c r="N929">
        <v>228</v>
      </c>
      <c r="P929">
        <v>99.492886684991177</v>
      </c>
      <c r="Q929">
        <v>120</v>
      </c>
    </row>
    <row r="930" spans="4:17" x14ac:dyDescent="0.25">
      <c r="D930">
        <v>98.346384600244122</v>
      </c>
      <c r="E930">
        <v>277</v>
      </c>
      <c r="G930">
        <v>97.538820514706728</v>
      </c>
      <c r="H930">
        <v>354</v>
      </c>
      <c r="J930">
        <v>94.32395184700303</v>
      </c>
      <c r="K930">
        <v>353</v>
      </c>
      <c r="M930">
        <v>98.887935276907029</v>
      </c>
      <c r="N930">
        <v>228</v>
      </c>
      <c r="P930">
        <v>99.492886684991177</v>
      </c>
      <c r="Q930">
        <v>120</v>
      </c>
    </row>
    <row r="931" spans="4:17" x14ac:dyDescent="0.25">
      <c r="D931">
        <v>98.341338113394698</v>
      </c>
      <c r="E931">
        <v>278</v>
      </c>
      <c r="G931">
        <v>97.532588910178362</v>
      </c>
      <c r="H931">
        <v>354</v>
      </c>
      <c r="J931">
        <v>94.30066362776941</v>
      </c>
      <c r="K931">
        <v>354</v>
      </c>
      <c r="M931">
        <v>98.883101409395422</v>
      </c>
      <c r="N931">
        <v>229</v>
      </c>
      <c r="P931">
        <v>99.492168573674633</v>
      </c>
      <c r="Q931">
        <v>120</v>
      </c>
    </row>
    <row r="932" spans="4:17" x14ac:dyDescent="0.25">
      <c r="D932">
        <v>98.3363052289357</v>
      </c>
      <c r="E932">
        <v>278</v>
      </c>
      <c r="G932">
        <v>97.526344075067158</v>
      </c>
      <c r="H932">
        <v>355</v>
      </c>
      <c r="J932">
        <v>94.277700975602428</v>
      </c>
      <c r="K932">
        <v>354</v>
      </c>
      <c r="M932">
        <v>98.878255576865243</v>
      </c>
      <c r="N932">
        <v>229</v>
      </c>
      <c r="P932">
        <v>99.492168573674633</v>
      </c>
      <c r="Q932">
        <v>120</v>
      </c>
    </row>
    <row r="933" spans="4:17" x14ac:dyDescent="0.25">
      <c r="D933">
        <v>98.331721223360901</v>
      </c>
      <c r="E933">
        <v>279</v>
      </c>
      <c r="G933">
        <v>97.520112470538791</v>
      </c>
      <c r="H933">
        <v>355</v>
      </c>
      <c r="J933">
        <v>94.254748497406254</v>
      </c>
      <c r="K933">
        <v>355</v>
      </c>
      <c r="M933">
        <v>98.873421709353664</v>
      </c>
      <c r="N933">
        <v>230</v>
      </c>
      <c r="P933">
        <v>99.492168573674633</v>
      </c>
      <c r="Q933">
        <v>120</v>
      </c>
    </row>
    <row r="934" spans="4:17" x14ac:dyDescent="0.25">
      <c r="D934">
        <v>98.326688338901931</v>
      </c>
      <c r="E934">
        <v>279</v>
      </c>
      <c r="G934">
        <v>97.513867635427601</v>
      </c>
      <c r="H934">
        <v>355</v>
      </c>
      <c r="J934">
        <v>94.231450104201826</v>
      </c>
      <c r="K934">
        <v>355</v>
      </c>
      <c r="M934">
        <v>98.868587841842086</v>
      </c>
      <c r="N934">
        <v>230</v>
      </c>
      <c r="P934">
        <v>99.492168573674633</v>
      </c>
      <c r="Q934">
        <v>120</v>
      </c>
    </row>
    <row r="935" spans="4:17" x14ac:dyDescent="0.25">
      <c r="D935">
        <v>98.322104333327147</v>
      </c>
      <c r="E935">
        <v>279</v>
      </c>
      <c r="G935">
        <v>97.507636030899235</v>
      </c>
      <c r="H935">
        <v>356</v>
      </c>
      <c r="J935">
        <v>94.20815171099737</v>
      </c>
      <c r="K935">
        <v>355</v>
      </c>
      <c r="M935">
        <v>98.863753974330479</v>
      </c>
      <c r="N935">
        <v>231</v>
      </c>
      <c r="P935">
        <v>99.492168573674633</v>
      </c>
      <c r="Q935">
        <v>120</v>
      </c>
    </row>
    <row r="936" spans="4:17" x14ac:dyDescent="0.25">
      <c r="D936">
        <v>98.317071448868148</v>
      </c>
      <c r="E936">
        <v>280</v>
      </c>
      <c r="G936">
        <v>97.501404426370868</v>
      </c>
      <c r="H936">
        <v>356</v>
      </c>
      <c r="J936">
        <v>94.184853317792943</v>
      </c>
      <c r="K936">
        <v>356</v>
      </c>
      <c r="M936">
        <v>98.858920106818886</v>
      </c>
      <c r="N936">
        <v>231</v>
      </c>
      <c r="P936">
        <v>99.492168573674633</v>
      </c>
      <c r="Q936">
        <v>120</v>
      </c>
    </row>
    <row r="937" spans="4:17" x14ac:dyDescent="0.25">
      <c r="D937">
        <v>98.312487443293335</v>
      </c>
      <c r="E937">
        <v>280</v>
      </c>
      <c r="G937">
        <v>97.495159591259664</v>
      </c>
      <c r="H937">
        <v>357</v>
      </c>
      <c r="J937">
        <v>94.161900839596768</v>
      </c>
      <c r="K937">
        <v>356</v>
      </c>
      <c r="M937">
        <v>98.853679428675136</v>
      </c>
      <c r="N937">
        <v>231</v>
      </c>
      <c r="P937">
        <v>99.492168573674633</v>
      </c>
      <c r="Q937">
        <v>120</v>
      </c>
    </row>
    <row r="938" spans="4:17" x14ac:dyDescent="0.25">
      <c r="D938">
        <v>98.307454558834351</v>
      </c>
      <c r="E938">
        <v>281</v>
      </c>
      <c r="G938">
        <v>97.488927986731298</v>
      </c>
      <c r="H938">
        <v>357</v>
      </c>
      <c r="J938">
        <v>94.138602446392326</v>
      </c>
      <c r="K938">
        <v>357</v>
      </c>
      <c r="M938">
        <v>98.848438750531386</v>
      </c>
      <c r="N938">
        <v>232</v>
      </c>
      <c r="P938">
        <v>99.491450462358074</v>
      </c>
      <c r="Q938">
        <v>120</v>
      </c>
    </row>
    <row r="939" spans="4:17" x14ac:dyDescent="0.25">
      <c r="D939">
        <v>98.302408071984942</v>
      </c>
      <c r="E939">
        <v>281</v>
      </c>
      <c r="G939">
        <v>97.482683151620094</v>
      </c>
      <c r="H939">
        <v>357</v>
      </c>
      <c r="J939">
        <v>94.11564996819618</v>
      </c>
      <c r="K939">
        <v>357</v>
      </c>
      <c r="M939">
        <v>98.843604883019808</v>
      </c>
      <c r="N939">
        <v>232</v>
      </c>
      <c r="P939">
        <v>99.491450462358074</v>
      </c>
      <c r="Q939">
        <v>120</v>
      </c>
    </row>
    <row r="940" spans="4:17" x14ac:dyDescent="0.25">
      <c r="D940">
        <v>98.297375187525958</v>
      </c>
      <c r="E940">
        <v>281</v>
      </c>
      <c r="G940">
        <v>97.476451547091742</v>
      </c>
      <c r="H940">
        <v>358</v>
      </c>
      <c r="J940">
        <v>94.092697490000006</v>
      </c>
      <c r="K940">
        <v>358</v>
      </c>
      <c r="M940">
        <v>98.838376169894644</v>
      </c>
      <c r="N940">
        <v>233</v>
      </c>
      <c r="P940">
        <v>99.491450462358074</v>
      </c>
      <c r="Q940">
        <v>120</v>
      </c>
    </row>
    <row r="941" spans="4:17" x14ac:dyDescent="0.25">
      <c r="D941">
        <v>98.292328700676549</v>
      </c>
      <c r="E941">
        <v>282</v>
      </c>
      <c r="G941">
        <v>97.469770102746054</v>
      </c>
      <c r="H941">
        <v>358</v>
      </c>
      <c r="J941">
        <v>94.070426667849574</v>
      </c>
      <c r="K941">
        <v>358</v>
      </c>
      <c r="M941">
        <v>98.832728681118724</v>
      </c>
      <c r="N941">
        <v>233</v>
      </c>
      <c r="P941">
        <v>99.491450462358074</v>
      </c>
      <c r="Q941">
        <v>120</v>
      </c>
    </row>
    <row r="942" spans="4:17" x14ac:dyDescent="0.25">
      <c r="D942">
        <v>98.286833334942969</v>
      </c>
      <c r="E942">
        <v>282</v>
      </c>
      <c r="G942">
        <v>97.46352526763485</v>
      </c>
      <c r="H942">
        <v>359</v>
      </c>
      <c r="J942">
        <v>94.048155845699128</v>
      </c>
      <c r="K942">
        <v>358</v>
      </c>
      <c r="M942">
        <v>98.827488002974988</v>
      </c>
      <c r="N942">
        <v>233</v>
      </c>
      <c r="P942">
        <v>99.491450462358074</v>
      </c>
      <c r="Q942">
        <v>120</v>
      </c>
    </row>
    <row r="943" spans="4:17" x14ac:dyDescent="0.25">
      <c r="D943">
        <v>98.281800450483971</v>
      </c>
      <c r="E943">
        <v>283</v>
      </c>
      <c r="G943">
        <v>97.456843823289162</v>
      </c>
      <c r="H943">
        <v>359</v>
      </c>
      <c r="J943">
        <v>94.025885023548682</v>
      </c>
      <c r="K943">
        <v>359</v>
      </c>
      <c r="M943">
        <v>98.822259289849796</v>
      </c>
      <c r="N943">
        <v>234</v>
      </c>
      <c r="P943">
        <v>99.491450462358074</v>
      </c>
      <c r="Q943">
        <v>120</v>
      </c>
    </row>
    <row r="944" spans="4:17" x14ac:dyDescent="0.25">
      <c r="D944">
        <v>98.276305084750376</v>
      </c>
      <c r="E944">
        <v>283</v>
      </c>
      <c r="G944">
        <v>97.45061221876081</v>
      </c>
      <c r="H944">
        <v>360</v>
      </c>
      <c r="J944">
        <v>94.003614201398236</v>
      </c>
      <c r="K944">
        <v>359</v>
      </c>
      <c r="M944">
        <v>98.816611801073904</v>
      </c>
      <c r="N944">
        <v>234</v>
      </c>
      <c r="P944">
        <v>99.491450462358074</v>
      </c>
      <c r="Q944">
        <v>120</v>
      </c>
    </row>
    <row r="945" spans="4:17" x14ac:dyDescent="0.25">
      <c r="D945">
        <v>98.271258597900953</v>
      </c>
      <c r="E945">
        <v>284</v>
      </c>
      <c r="G945">
        <v>97.443917543832256</v>
      </c>
      <c r="H945">
        <v>360</v>
      </c>
      <c r="J945">
        <v>93.981343379247789</v>
      </c>
      <c r="K945">
        <v>360</v>
      </c>
      <c r="M945">
        <v>98.81097627731657</v>
      </c>
      <c r="N945">
        <v>235</v>
      </c>
      <c r="P945">
        <v>99.491450462358074</v>
      </c>
      <c r="Q945">
        <v>120</v>
      </c>
    </row>
    <row r="946" spans="4:17" x14ac:dyDescent="0.25">
      <c r="D946">
        <v>98.266674592326154</v>
      </c>
      <c r="E946">
        <v>284</v>
      </c>
      <c r="G946">
        <v>97.437685939303904</v>
      </c>
      <c r="H946">
        <v>360</v>
      </c>
      <c r="J946">
        <v>93.959418472105611</v>
      </c>
      <c r="K946">
        <v>360</v>
      </c>
      <c r="M946">
        <v>98.805735599172834</v>
      </c>
      <c r="N946">
        <v>235</v>
      </c>
      <c r="P946">
        <v>99.491450462358074</v>
      </c>
      <c r="Q946">
        <v>120</v>
      </c>
    </row>
    <row r="947" spans="4:17" x14ac:dyDescent="0.25">
      <c r="D947">
        <v>98.26164170786717</v>
      </c>
      <c r="E947">
        <v>284</v>
      </c>
      <c r="G947">
        <v>97.431004494958231</v>
      </c>
      <c r="H947">
        <v>361</v>
      </c>
      <c r="J947">
        <v>93.937493564963447</v>
      </c>
      <c r="K947">
        <v>360</v>
      </c>
      <c r="M947">
        <v>98.800088110396914</v>
      </c>
      <c r="N947">
        <v>236</v>
      </c>
      <c r="P947">
        <v>99.491450462358074</v>
      </c>
      <c r="Q947">
        <v>120</v>
      </c>
    </row>
    <row r="948" spans="4:17" x14ac:dyDescent="0.25">
      <c r="D948">
        <v>98.256608823408186</v>
      </c>
      <c r="E948">
        <v>285</v>
      </c>
      <c r="G948">
        <v>97.424323050612543</v>
      </c>
      <c r="H948">
        <v>361</v>
      </c>
      <c r="J948">
        <v>93.915904398858729</v>
      </c>
      <c r="K948">
        <v>361</v>
      </c>
      <c r="M948">
        <v>98.794452586639594</v>
      </c>
      <c r="N948">
        <v>236</v>
      </c>
      <c r="P948">
        <v>99.491450462358074</v>
      </c>
      <c r="Q948">
        <v>120</v>
      </c>
    </row>
    <row r="949" spans="4:17" x14ac:dyDescent="0.25">
      <c r="D949">
        <v>98.251562336558777</v>
      </c>
      <c r="E949">
        <v>285</v>
      </c>
      <c r="G949">
        <v>97.418078215501325</v>
      </c>
      <c r="H949">
        <v>362</v>
      </c>
      <c r="J949">
        <v>93.894325406724846</v>
      </c>
      <c r="K949">
        <v>361</v>
      </c>
      <c r="M949">
        <v>98.788817062882273</v>
      </c>
      <c r="N949">
        <v>236</v>
      </c>
      <c r="P949">
        <v>99.491450462358074</v>
      </c>
      <c r="Q949">
        <v>120</v>
      </c>
    </row>
    <row r="950" spans="4:17" x14ac:dyDescent="0.25">
      <c r="D950">
        <v>98.246529452099793</v>
      </c>
      <c r="E950">
        <v>286</v>
      </c>
      <c r="G950">
        <v>97.411396771155651</v>
      </c>
      <c r="H950">
        <v>362</v>
      </c>
      <c r="J950">
        <v>93.872736240620128</v>
      </c>
      <c r="K950">
        <v>362</v>
      </c>
      <c r="M950">
        <v>98.78276276347421</v>
      </c>
      <c r="N950">
        <v>237</v>
      </c>
      <c r="P950">
        <v>99.491450462358074</v>
      </c>
      <c r="Q950">
        <v>120</v>
      </c>
    </row>
    <row r="951" spans="4:17" x14ac:dyDescent="0.25">
      <c r="D951">
        <v>98.241482965250384</v>
      </c>
      <c r="E951">
        <v>286</v>
      </c>
      <c r="G951">
        <v>97.405165166627285</v>
      </c>
      <c r="H951">
        <v>362</v>
      </c>
      <c r="J951">
        <v>93.850811333477949</v>
      </c>
      <c r="K951">
        <v>362</v>
      </c>
      <c r="M951">
        <v>98.776720429084705</v>
      </c>
      <c r="N951">
        <v>237</v>
      </c>
      <c r="P951">
        <v>99.491450462358074</v>
      </c>
      <c r="Q951">
        <v>120</v>
      </c>
    </row>
    <row r="952" spans="4:17" x14ac:dyDescent="0.25">
      <c r="D952">
        <v>98.236450080791414</v>
      </c>
      <c r="E952">
        <v>286</v>
      </c>
      <c r="G952">
        <v>97.398483722281597</v>
      </c>
      <c r="H952">
        <v>363</v>
      </c>
      <c r="J952">
        <v>93.828540511327503</v>
      </c>
      <c r="K952">
        <v>363</v>
      </c>
      <c r="M952">
        <v>98.771084905327385</v>
      </c>
      <c r="N952">
        <v>238</v>
      </c>
      <c r="P952">
        <v>99.491450462358074</v>
      </c>
      <c r="Q952">
        <v>120</v>
      </c>
    </row>
    <row r="953" spans="4:17" x14ac:dyDescent="0.25">
      <c r="D953">
        <v>98.230954715057806</v>
      </c>
      <c r="E953">
        <v>287</v>
      </c>
      <c r="G953">
        <v>97.392238887170393</v>
      </c>
      <c r="H953">
        <v>363</v>
      </c>
      <c r="J953">
        <v>93.806615604185311</v>
      </c>
      <c r="K953">
        <v>363</v>
      </c>
      <c r="M953">
        <v>98.765042570937908</v>
      </c>
      <c r="N953">
        <v>238</v>
      </c>
      <c r="P953">
        <v>99.491450462358074</v>
      </c>
      <c r="Q953">
        <v>120</v>
      </c>
    </row>
    <row r="954" spans="4:17" x14ac:dyDescent="0.25">
      <c r="D954">
        <v>98.225908228208397</v>
      </c>
      <c r="E954">
        <v>287</v>
      </c>
      <c r="G954">
        <v>97.385557442824705</v>
      </c>
      <c r="H954">
        <v>364</v>
      </c>
      <c r="J954">
        <v>93.784344782034879</v>
      </c>
      <c r="K954">
        <v>363</v>
      </c>
      <c r="M954">
        <v>98.75859342591626</v>
      </c>
      <c r="N954">
        <v>238</v>
      </c>
      <c r="P954">
        <v>99.491450462358074</v>
      </c>
      <c r="Q954">
        <v>120</v>
      </c>
    </row>
    <row r="955" spans="4:17" x14ac:dyDescent="0.25">
      <c r="D955">
        <v>98.220412862474788</v>
      </c>
      <c r="E955">
        <v>288</v>
      </c>
      <c r="G955">
        <v>97.379312607713473</v>
      </c>
      <c r="H955">
        <v>364</v>
      </c>
      <c r="J955">
        <v>93.761392303838718</v>
      </c>
      <c r="K955">
        <v>364</v>
      </c>
      <c r="M955">
        <v>98.752551091526769</v>
      </c>
      <c r="N955">
        <v>239</v>
      </c>
      <c r="P955">
        <v>99.490753471962606</v>
      </c>
      <c r="Q955">
        <v>120</v>
      </c>
    </row>
    <row r="956" spans="4:17" x14ac:dyDescent="0.25">
      <c r="D956">
        <v>98.215379978015818</v>
      </c>
      <c r="E956">
        <v>288</v>
      </c>
      <c r="G956">
        <v>97.372631163367799</v>
      </c>
      <c r="H956">
        <v>365</v>
      </c>
      <c r="J956">
        <v>93.738429651671737</v>
      </c>
      <c r="K956">
        <v>364</v>
      </c>
      <c r="M956">
        <v>98.746508757137278</v>
      </c>
      <c r="N956">
        <v>239</v>
      </c>
      <c r="P956">
        <v>99.490753471962606</v>
      </c>
      <c r="Q956">
        <v>120</v>
      </c>
    </row>
    <row r="957" spans="4:17" x14ac:dyDescent="0.25">
      <c r="D957">
        <v>98.210795972441005</v>
      </c>
      <c r="E957">
        <v>289</v>
      </c>
      <c r="G957">
        <v>97.365949719022126</v>
      </c>
      <c r="H957">
        <v>365</v>
      </c>
      <c r="J957">
        <v>93.715823088483859</v>
      </c>
      <c r="K957">
        <v>365</v>
      </c>
      <c r="M957">
        <v>98.740059612115616</v>
      </c>
      <c r="N957">
        <v>240</v>
      </c>
      <c r="P957">
        <v>99.490753471962606</v>
      </c>
      <c r="Q957">
        <v>120</v>
      </c>
    </row>
    <row r="958" spans="4:17" x14ac:dyDescent="0.25">
      <c r="D958">
        <v>98.205763087982021</v>
      </c>
      <c r="E958">
        <v>289</v>
      </c>
      <c r="G958">
        <v>97.359268274676438</v>
      </c>
      <c r="H958">
        <v>365</v>
      </c>
      <c r="J958">
        <v>93.692524695279417</v>
      </c>
      <c r="K958">
        <v>365</v>
      </c>
      <c r="M958">
        <v>98.733610467093996</v>
      </c>
      <c r="N958">
        <v>240</v>
      </c>
      <c r="P958">
        <v>99.490753471962606</v>
      </c>
      <c r="Q958">
        <v>120</v>
      </c>
    </row>
    <row r="959" spans="4:17" x14ac:dyDescent="0.25">
      <c r="D959">
        <v>98.200716601132626</v>
      </c>
      <c r="E959">
        <v>289</v>
      </c>
      <c r="G959">
        <v>97.352586830330736</v>
      </c>
      <c r="H959">
        <v>366</v>
      </c>
      <c r="J959">
        <v>93.669907958120675</v>
      </c>
      <c r="K959">
        <v>365</v>
      </c>
      <c r="M959">
        <v>98.727161322072334</v>
      </c>
      <c r="N959">
        <v>241</v>
      </c>
      <c r="P959">
        <v>99.490753471962606</v>
      </c>
      <c r="Q959">
        <v>120</v>
      </c>
    </row>
    <row r="960" spans="4:17" x14ac:dyDescent="0.25">
      <c r="D960">
        <v>98.195683716673628</v>
      </c>
      <c r="E960">
        <v>290</v>
      </c>
      <c r="G960">
        <v>97.345905385985063</v>
      </c>
      <c r="H960">
        <v>366</v>
      </c>
      <c r="J960">
        <v>93.647301394932796</v>
      </c>
      <c r="K960">
        <v>366</v>
      </c>
      <c r="M960">
        <v>98.720712177050686</v>
      </c>
      <c r="N960">
        <v>241</v>
      </c>
      <c r="P960">
        <v>99.490753471962606</v>
      </c>
      <c r="Q960">
        <v>120</v>
      </c>
    </row>
    <row r="961" spans="4:17" x14ac:dyDescent="0.25">
      <c r="D961">
        <v>98.190188350940034</v>
      </c>
      <c r="E961">
        <v>290</v>
      </c>
      <c r="G961">
        <v>97.33877410182204</v>
      </c>
      <c r="H961">
        <v>367</v>
      </c>
      <c r="J961">
        <v>93.624684657774083</v>
      </c>
      <c r="K961">
        <v>366</v>
      </c>
      <c r="M961">
        <v>98.713868186415468</v>
      </c>
      <c r="N961">
        <v>241</v>
      </c>
      <c r="P961">
        <v>99.490753471962606</v>
      </c>
      <c r="Q961">
        <v>120</v>
      </c>
    </row>
    <row r="962" spans="4:17" x14ac:dyDescent="0.25">
      <c r="D962">
        <v>98.185141864090639</v>
      </c>
      <c r="E962">
        <v>291</v>
      </c>
      <c r="G962">
        <v>97.332092657476352</v>
      </c>
      <c r="H962">
        <v>367</v>
      </c>
      <c r="J962">
        <v>93.602413835623651</v>
      </c>
      <c r="K962">
        <v>367</v>
      </c>
      <c r="M962">
        <v>98.707012230761634</v>
      </c>
      <c r="N962">
        <v>242</v>
      </c>
      <c r="P962">
        <v>99.490753471962606</v>
      </c>
      <c r="Q962">
        <v>120</v>
      </c>
    </row>
    <row r="963" spans="4:17" x14ac:dyDescent="0.25">
      <c r="D963">
        <v>98.17964649835703</v>
      </c>
      <c r="E963">
        <v>291</v>
      </c>
      <c r="G963">
        <v>97.325411213130664</v>
      </c>
      <c r="H963">
        <v>367</v>
      </c>
      <c r="J963">
        <v>93.58014301347319</v>
      </c>
      <c r="K963">
        <v>367</v>
      </c>
      <c r="M963">
        <v>98.700575050758616</v>
      </c>
      <c r="N963">
        <v>242</v>
      </c>
      <c r="P963">
        <v>99.490035360646061</v>
      </c>
      <c r="Q963">
        <v>120</v>
      </c>
    </row>
    <row r="964" spans="4:17" x14ac:dyDescent="0.25">
      <c r="D964">
        <v>98.17461361389806</v>
      </c>
      <c r="E964">
        <v>291</v>
      </c>
      <c r="G964">
        <v>97.318279928967641</v>
      </c>
      <c r="H964">
        <v>368</v>
      </c>
      <c r="J964">
        <v>93.55788236529358</v>
      </c>
      <c r="K964">
        <v>368</v>
      </c>
      <c r="M964">
        <v>98.693312284472626</v>
      </c>
      <c r="N964">
        <v>243</v>
      </c>
      <c r="P964">
        <v>99.490035360646061</v>
      </c>
      <c r="Q964">
        <v>120</v>
      </c>
    </row>
    <row r="965" spans="4:17" x14ac:dyDescent="0.25">
      <c r="D965">
        <v>98.16911824816448</v>
      </c>
      <c r="E965">
        <v>292</v>
      </c>
      <c r="G965">
        <v>97.311598484621982</v>
      </c>
      <c r="H965">
        <v>368</v>
      </c>
      <c r="J965">
        <v>93.536293199188862</v>
      </c>
      <c r="K965">
        <v>368</v>
      </c>
      <c r="M965">
        <v>98.686468293837407</v>
      </c>
      <c r="N965">
        <v>243</v>
      </c>
      <c r="P965">
        <v>99.490035360646061</v>
      </c>
      <c r="Q965">
        <v>120</v>
      </c>
    </row>
    <row r="966" spans="4:17" x14ac:dyDescent="0.25">
      <c r="D966">
        <v>98.164071761315043</v>
      </c>
      <c r="E966">
        <v>292</v>
      </c>
      <c r="G966">
        <v>97.304467200458944</v>
      </c>
      <c r="H966">
        <v>369</v>
      </c>
      <c r="J966">
        <v>93.514704033084129</v>
      </c>
      <c r="K966">
        <v>368</v>
      </c>
      <c r="M966">
        <v>98.679217492570032</v>
      </c>
      <c r="N966">
        <v>243</v>
      </c>
      <c r="P966">
        <v>99.490035360646061</v>
      </c>
      <c r="Q966">
        <v>120</v>
      </c>
    </row>
    <row r="967" spans="4:17" x14ac:dyDescent="0.25">
      <c r="D967">
        <v>98.159038876856059</v>
      </c>
      <c r="E967">
        <v>293</v>
      </c>
      <c r="G967">
        <v>97.297785756113271</v>
      </c>
      <c r="H967">
        <v>369</v>
      </c>
      <c r="J967">
        <v>93.493125040950247</v>
      </c>
      <c r="K967">
        <v>369</v>
      </c>
      <c r="M967">
        <v>98.671966691302629</v>
      </c>
      <c r="N967">
        <v>244</v>
      </c>
      <c r="P967">
        <v>99.490035360646061</v>
      </c>
      <c r="Q967">
        <v>120</v>
      </c>
    </row>
    <row r="968" spans="4:17" x14ac:dyDescent="0.25">
      <c r="D968">
        <v>98.153992390006636</v>
      </c>
      <c r="E968">
        <v>293</v>
      </c>
      <c r="G968">
        <v>97.291104311767569</v>
      </c>
      <c r="H968">
        <v>370</v>
      </c>
      <c r="J968">
        <v>93.471881789853796</v>
      </c>
      <c r="K968">
        <v>369</v>
      </c>
      <c r="M968">
        <v>98.664715890035254</v>
      </c>
      <c r="N968">
        <v>244</v>
      </c>
      <c r="P968">
        <v>99.490035360646061</v>
      </c>
      <c r="Q968">
        <v>120</v>
      </c>
    </row>
    <row r="969" spans="4:17" x14ac:dyDescent="0.25">
      <c r="D969">
        <v>98.14895950554768</v>
      </c>
      <c r="E969">
        <v>294</v>
      </c>
      <c r="G969">
        <v>97.284422867421895</v>
      </c>
      <c r="H969">
        <v>370</v>
      </c>
      <c r="J969">
        <v>93.450638538757332</v>
      </c>
      <c r="K969">
        <v>370</v>
      </c>
      <c r="M969">
        <v>98.657453123749264</v>
      </c>
      <c r="N969">
        <v>245</v>
      </c>
      <c r="P969">
        <v>99.490035360646061</v>
      </c>
      <c r="Q969">
        <v>120</v>
      </c>
    </row>
    <row r="970" spans="4:17" x14ac:dyDescent="0.25">
      <c r="D970">
        <v>98.143464139814071</v>
      </c>
      <c r="E970">
        <v>294</v>
      </c>
      <c r="G970">
        <v>97.277291583258886</v>
      </c>
      <c r="H970">
        <v>370</v>
      </c>
      <c r="J970">
        <v>93.42939528766091</v>
      </c>
      <c r="K970">
        <v>370</v>
      </c>
      <c r="M970">
        <v>98.649807476868318</v>
      </c>
      <c r="N970">
        <v>245</v>
      </c>
      <c r="P970">
        <v>99.490035360646061</v>
      </c>
      <c r="Q970">
        <v>120</v>
      </c>
    </row>
    <row r="971" spans="4:17" x14ac:dyDescent="0.25">
      <c r="D971">
        <v>98.138417652964662</v>
      </c>
      <c r="E971">
        <v>294</v>
      </c>
      <c r="G971">
        <v>97.270610138913185</v>
      </c>
      <c r="H971">
        <v>371</v>
      </c>
      <c r="J971">
        <v>93.408497951572713</v>
      </c>
      <c r="K971">
        <v>370</v>
      </c>
      <c r="M971">
        <v>98.642149864968772</v>
      </c>
      <c r="N971">
        <v>246</v>
      </c>
      <c r="P971">
        <v>99.490035360646061</v>
      </c>
      <c r="Q971">
        <v>120</v>
      </c>
    </row>
    <row r="972" spans="4:17" x14ac:dyDescent="0.25">
      <c r="D972">
        <v>98.133384768505678</v>
      </c>
      <c r="E972">
        <v>295</v>
      </c>
      <c r="G972">
        <v>97.263928694567497</v>
      </c>
      <c r="H972">
        <v>371</v>
      </c>
      <c r="J972">
        <v>93.387254700476248</v>
      </c>
      <c r="K972">
        <v>371</v>
      </c>
      <c r="M972">
        <v>98.63449225306924</v>
      </c>
      <c r="N972">
        <v>246</v>
      </c>
      <c r="P972">
        <v>99.490035360646061</v>
      </c>
      <c r="Q972">
        <v>120</v>
      </c>
    </row>
    <row r="973" spans="4:17" x14ac:dyDescent="0.25">
      <c r="D973">
        <v>98.127889402772084</v>
      </c>
      <c r="E973">
        <v>295</v>
      </c>
      <c r="G973">
        <v>97.256797410404488</v>
      </c>
      <c r="H973">
        <v>372</v>
      </c>
      <c r="J973">
        <v>93.366357364388094</v>
      </c>
      <c r="K973">
        <v>371</v>
      </c>
      <c r="M973">
        <v>98.626427830537537</v>
      </c>
      <c r="N973">
        <v>246</v>
      </c>
      <c r="P973">
        <v>99.489317249329517</v>
      </c>
      <c r="Q973">
        <v>120</v>
      </c>
    </row>
    <row r="974" spans="4:17" x14ac:dyDescent="0.25">
      <c r="D974">
        <v>98.122842915922675</v>
      </c>
      <c r="E974">
        <v>296</v>
      </c>
      <c r="G974">
        <v>97.249666126241451</v>
      </c>
      <c r="H974">
        <v>372</v>
      </c>
      <c r="J974">
        <v>93.345805943308207</v>
      </c>
      <c r="K974">
        <v>372</v>
      </c>
      <c r="M974">
        <v>98.618782183656577</v>
      </c>
      <c r="N974">
        <v>247</v>
      </c>
      <c r="P974">
        <v>99.489317249329517</v>
      </c>
      <c r="Q974">
        <v>120</v>
      </c>
    </row>
    <row r="975" spans="4:17" x14ac:dyDescent="0.25">
      <c r="D975">
        <v>98.117810031463677</v>
      </c>
      <c r="E975">
        <v>296</v>
      </c>
      <c r="G975">
        <v>97.242984681895777</v>
      </c>
      <c r="H975">
        <v>372</v>
      </c>
      <c r="J975">
        <v>93.325244348257485</v>
      </c>
      <c r="K975">
        <v>372</v>
      </c>
      <c r="M975">
        <v>98.610717761124874</v>
      </c>
      <c r="N975">
        <v>247</v>
      </c>
      <c r="P975">
        <v>99.489317249329517</v>
      </c>
      <c r="Q975">
        <v>120</v>
      </c>
    </row>
    <row r="976" spans="4:17" x14ac:dyDescent="0.25">
      <c r="D976">
        <v>98.112314665730096</v>
      </c>
      <c r="E976">
        <v>296</v>
      </c>
      <c r="G976">
        <v>97.235853397732768</v>
      </c>
      <c r="H976">
        <v>373</v>
      </c>
      <c r="J976">
        <v>93.305028668215016</v>
      </c>
      <c r="K976">
        <v>373</v>
      </c>
      <c r="M976">
        <v>98.602258492979587</v>
      </c>
      <c r="N976">
        <v>248</v>
      </c>
      <c r="P976">
        <v>99.489317249329517</v>
      </c>
      <c r="Q976">
        <v>120</v>
      </c>
    </row>
    <row r="977" spans="4:17" x14ac:dyDescent="0.25">
      <c r="D977">
        <v>98.107268178880673</v>
      </c>
      <c r="E977">
        <v>297</v>
      </c>
      <c r="G977">
        <v>97.228722113569731</v>
      </c>
      <c r="H977">
        <v>373</v>
      </c>
      <c r="J977">
        <v>93.285158903180843</v>
      </c>
      <c r="K977">
        <v>373</v>
      </c>
      <c r="M977">
        <v>98.593799224834314</v>
      </c>
      <c r="N977">
        <v>248</v>
      </c>
      <c r="P977">
        <v>99.489317249329517</v>
      </c>
      <c r="Q977">
        <v>120</v>
      </c>
    </row>
    <row r="978" spans="4:17" x14ac:dyDescent="0.25">
      <c r="D978">
        <v>98.102235294421718</v>
      </c>
      <c r="E978">
        <v>297</v>
      </c>
      <c r="G978">
        <v>97.221590829406722</v>
      </c>
      <c r="H978">
        <v>374</v>
      </c>
      <c r="J978">
        <v>93.264607482100942</v>
      </c>
      <c r="K978">
        <v>373</v>
      </c>
      <c r="M978">
        <v>98.585339956689026</v>
      </c>
      <c r="N978">
        <v>248</v>
      </c>
      <c r="P978">
        <v>99.489317249329517</v>
      </c>
      <c r="Q978">
        <v>120</v>
      </c>
    </row>
    <row r="979" spans="4:17" x14ac:dyDescent="0.25">
      <c r="D979">
        <v>98.097202409962719</v>
      </c>
      <c r="E979">
        <v>298</v>
      </c>
      <c r="G979">
        <v>97.214472775826565</v>
      </c>
      <c r="H979">
        <v>374</v>
      </c>
      <c r="J979">
        <v>93.243699972041952</v>
      </c>
      <c r="K979">
        <v>374</v>
      </c>
      <c r="M979">
        <v>98.576868723525152</v>
      </c>
      <c r="N979">
        <v>249</v>
      </c>
      <c r="P979">
        <v>99.489317249329517</v>
      </c>
      <c r="Q979">
        <v>120</v>
      </c>
    </row>
    <row r="980" spans="4:17" x14ac:dyDescent="0.25">
      <c r="D980">
        <v>98.092155923113296</v>
      </c>
      <c r="E980">
        <v>298</v>
      </c>
      <c r="G980">
        <v>97.207341491663541</v>
      </c>
      <c r="H980">
        <v>375</v>
      </c>
      <c r="J980">
        <v>93.223484291999497</v>
      </c>
      <c r="K980">
        <v>374</v>
      </c>
      <c r="M980">
        <v>98.568002644747722</v>
      </c>
      <c r="N980">
        <v>249</v>
      </c>
      <c r="P980">
        <v>99.489317249329517</v>
      </c>
      <c r="Q980">
        <v>120</v>
      </c>
    </row>
    <row r="981" spans="4:17" x14ac:dyDescent="0.25">
      <c r="D981">
        <v>98.087123038654312</v>
      </c>
      <c r="E981">
        <v>299</v>
      </c>
      <c r="G981">
        <v>97.200210207500533</v>
      </c>
      <c r="H981">
        <v>375</v>
      </c>
      <c r="J981">
        <v>93.20327878592785</v>
      </c>
      <c r="K981">
        <v>375</v>
      </c>
      <c r="M981">
        <v>98.559148530988864</v>
      </c>
      <c r="N981">
        <v>250</v>
      </c>
      <c r="P981">
        <v>99.489317249329517</v>
      </c>
      <c r="Q981">
        <v>120</v>
      </c>
    </row>
    <row r="982" spans="4:17" x14ac:dyDescent="0.25">
      <c r="D982">
        <v>98.081627672920717</v>
      </c>
      <c r="E982">
        <v>299</v>
      </c>
      <c r="G982">
        <v>97.193078923337495</v>
      </c>
      <c r="H982">
        <v>375</v>
      </c>
      <c r="J982">
        <v>93.18306310588541</v>
      </c>
      <c r="K982">
        <v>375</v>
      </c>
      <c r="M982">
        <v>98.55028245221142</v>
      </c>
      <c r="N982">
        <v>250</v>
      </c>
      <c r="P982">
        <v>99.489317249329517</v>
      </c>
      <c r="Q982">
        <v>120</v>
      </c>
    </row>
    <row r="983" spans="4:17" x14ac:dyDescent="0.25">
      <c r="D983">
        <v>98.076118704796698</v>
      </c>
      <c r="E983">
        <v>299</v>
      </c>
      <c r="G983">
        <v>97.185947639174501</v>
      </c>
      <c r="H983">
        <v>376</v>
      </c>
      <c r="J983">
        <v>93.162847425842969</v>
      </c>
      <c r="K983">
        <v>375</v>
      </c>
      <c r="M983">
        <v>98.541009562801804</v>
      </c>
      <c r="N983">
        <v>251</v>
      </c>
      <c r="P983">
        <v>99.489317249329517</v>
      </c>
      <c r="Q983">
        <v>120</v>
      </c>
    </row>
    <row r="984" spans="4:17" x14ac:dyDescent="0.25">
      <c r="D984">
        <v>98.070174460178933</v>
      </c>
      <c r="E984">
        <v>300</v>
      </c>
      <c r="G984">
        <v>97.178829585594343</v>
      </c>
      <c r="H984">
        <v>376</v>
      </c>
      <c r="J984">
        <v>93.142285830792233</v>
      </c>
      <c r="K984">
        <v>376</v>
      </c>
      <c r="M984">
        <v>98.532143484024374</v>
      </c>
      <c r="N984">
        <v>251</v>
      </c>
      <c r="P984">
        <v>99.489317249329517</v>
      </c>
      <c r="Q984">
        <v>120</v>
      </c>
    </row>
    <row r="985" spans="4:17" x14ac:dyDescent="0.25">
      <c r="D985">
        <v>98.064679094445339</v>
      </c>
      <c r="E985">
        <v>300</v>
      </c>
      <c r="G985">
        <v>97.171698301431306</v>
      </c>
      <c r="H985">
        <v>377</v>
      </c>
      <c r="J985">
        <v>93.121734409712317</v>
      </c>
      <c r="K985">
        <v>376</v>
      </c>
      <c r="M985">
        <v>98.522882559633359</v>
      </c>
      <c r="N985">
        <v>251</v>
      </c>
      <c r="P985">
        <v>99.489317249329517</v>
      </c>
      <c r="Q985">
        <v>120</v>
      </c>
    </row>
    <row r="986" spans="4:17" x14ac:dyDescent="0.25">
      <c r="D986">
        <v>98.058721247437148</v>
      </c>
      <c r="E986">
        <v>301</v>
      </c>
      <c r="G986">
        <v>97.164567017268297</v>
      </c>
      <c r="H986">
        <v>377</v>
      </c>
      <c r="J986">
        <v>93.101518729669877</v>
      </c>
      <c r="K986">
        <v>377</v>
      </c>
      <c r="M986">
        <v>98.513214824610159</v>
      </c>
      <c r="N986">
        <v>252</v>
      </c>
      <c r="P986">
        <v>99.489317249329517</v>
      </c>
      <c r="Q986">
        <v>120</v>
      </c>
    </row>
    <row r="987" spans="4:17" x14ac:dyDescent="0.25">
      <c r="D987">
        <v>98.053225881703554</v>
      </c>
      <c r="E987">
        <v>301</v>
      </c>
      <c r="G987">
        <v>97.156999123870818</v>
      </c>
      <c r="H987">
        <v>377</v>
      </c>
      <c r="J987">
        <v>93.081303049627422</v>
      </c>
      <c r="K987">
        <v>377</v>
      </c>
      <c r="M987">
        <v>98.503535124568415</v>
      </c>
      <c r="N987">
        <v>252</v>
      </c>
      <c r="P987">
        <v>99.489317249329517</v>
      </c>
      <c r="Q987">
        <v>120</v>
      </c>
    </row>
    <row r="988" spans="4:17" x14ac:dyDescent="0.25">
      <c r="D988">
        <v>98.047268034695335</v>
      </c>
      <c r="E988">
        <v>301</v>
      </c>
      <c r="G988">
        <v>97.149867839707781</v>
      </c>
      <c r="H988">
        <v>378</v>
      </c>
      <c r="J988">
        <v>93.061433284593235</v>
      </c>
      <c r="K988">
        <v>378</v>
      </c>
      <c r="M988">
        <v>98.49386738954523</v>
      </c>
      <c r="N988">
        <v>253</v>
      </c>
      <c r="P988">
        <v>99.489317249329517</v>
      </c>
      <c r="Q988">
        <v>120</v>
      </c>
    </row>
    <row r="989" spans="4:17" x14ac:dyDescent="0.25">
      <c r="D989">
        <v>98.041772668961741</v>
      </c>
      <c r="E989">
        <v>302</v>
      </c>
      <c r="G989">
        <v>97.142736555544758</v>
      </c>
      <c r="H989">
        <v>378</v>
      </c>
      <c r="J989">
        <v>93.041217604550795</v>
      </c>
      <c r="K989">
        <v>378</v>
      </c>
      <c r="M989">
        <v>98.483792843889887</v>
      </c>
      <c r="N989">
        <v>253</v>
      </c>
      <c r="P989">
        <v>99.489317249329517</v>
      </c>
      <c r="Q989">
        <v>120</v>
      </c>
    </row>
    <row r="990" spans="4:17" x14ac:dyDescent="0.25">
      <c r="D990">
        <v>98.036277303228175</v>
      </c>
      <c r="E990">
        <v>302</v>
      </c>
      <c r="G990">
        <v>97.135605271381735</v>
      </c>
      <c r="H990">
        <v>379</v>
      </c>
      <c r="J990">
        <v>93.021001924508326</v>
      </c>
      <c r="K990">
        <v>378</v>
      </c>
      <c r="M990">
        <v>98.473718298234544</v>
      </c>
      <c r="N990">
        <v>253</v>
      </c>
      <c r="P990">
        <v>99.489317249329517</v>
      </c>
      <c r="Q990">
        <v>120</v>
      </c>
    </row>
    <row r="991" spans="4:17" x14ac:dyDescent="0.25">
      <c r="D991">
        <v>98.030781937494567</v>
      </c>
      <c r="E991">
        <v>303</v>
      </c>
      <c r="G991">
        <v>97.12847398721874</v>
      </c>
      <c r="H991">
        <v>379</v>
      </c>
      <c r="J991">
        <v>93.000796418436707</v>
      </c>
      <c r="K991">
        <v>379</v>
      </c>
      <c r="M991">
        <v>98.463248906965646</v>
      </c>
      <c r="N991">
        <v>254</v>
      </c>
      <c r="P991">
        <v>99.488620258934048</v>
      </c>
      <c r="Q991">
        <v>120</v>
      </c>
    </row>
    <row r="992" spans="4:17" x14ac:dyDescent="0.25">
      <c r="D992">
        <v>98.025286571760972</v>
      </c>
      <c r="E992">
        <v>303</v>
      </c>
      <c r="G992">
        <v>97.121355933638583</v>
      </c>
      <c r="H992">
        <v>380</v>
      </c>
      <c r="J992">
        <v>92.980916479431713</v>
      </c>
      <c r="K992">
        <v>379</v>
      </c>
      <c r="M992">
        <v>98.453174361310289</v>
      </c>
      <c r="N992">
        <v>254</v>
      </c>
      <c r="P992">
        <v>99.488620258934048</v>
      </c>
      <c r="Q992">
        <v>120</v>
      </c>
    </row>
    <row r="993" spans="4:17" x14ac:dyDescent="0.25">
      <c r="D993">
        <v>98.019328724752782</v>
      </c>
      <c r="E993">
        <v>304</v>
      </c>
      <c r="G993">
        <v>97.113774809658224</v>
      </c>
      <c r="H993">
        <v>380</v>
      </c>
      <c r="J993">
        <v>92.960710973360079</v>
      </c>
      <c r="K993">
        <v>380</v>
      </c>
      <c r="M993">
        <v>98.44269300502279</v>
      </c>
      <c r="N993">
        <v>255</v>
      </c>
      <c r="P993">
        <v>99.488620258934048</v>
      </c>
      <c r="Q993">
        <v>120</v>
      </c>
    </row>
    <row r="994" spans="4:17" x14ac:dyDescent="0.25">
      <c r="D994">
        <v>98.013833359019173</v>
      </c>
      <c r="E994">
        <v>304</v>
      </c>
      <c r="G994">
        <v>97.106643525495201</v>
      </c>
      <c r="H994">
        <v>380</v>
      </c>
      <c r="J994">
        <v>92.940495293317625</v>
      </c>
      <c r="K994">
        <v>380</v>
      </c>
      <c r="M994">
        <v>98.432223613753891</v>
      </c>
      <c r="N994">
        <v>255</v>
      </c>
      <c r="P994">
        <v>99.488620258934048</v>
      </c>
      <c r="Q994">
        <v>120</v>
      </c>
    </row>
    <row r="995" spans="4:17" x14ac:dyDescent="0.25">
      <c r="D995">
        <v>98.008337993285593</v>
      </c>
      <c r="E995">
        <v>304</v>
      </c>
      <c r="G995">
        <v>97.099075632097723</v>
      </c>
      <c r="H995">
        <v>381</v>
      </c>
      <c r="J995">
        <v>92.920279613275184</v>
      </c>
      <c r="K995">
        <v>380</v>
      </c>
      <c r="M995">
        <v>98.421742257466363</v>
      </c>
      <c r="N995">
        <v>256</v>
      </c>
      <c r="P995">
        <v>99.488620258934048</v>
      </c>
      <c r="Q995">
        <v>120</v>
      </c>
    </row>
    <row r="996" spans="4:17" x14ac:dyDescent="0.25">
      <c r="D996">
        <v>98.002829025161574</v>
      </c>
      <c r="E996">
        <v>305</v>
      </c>
      <c r="G996">
        <v>97.091944347934685</v>
      </c>
      <c r="H996">
        <v>381</v>
      </c>
      <c r="J996">
        <v>92.900409848240997</v>
      </c>
      <c r="K996">
        <v>381</v>
      </c>
      <c r="M996">
        <v>98.410866055565279</v>
      </c>
      <c r="N996">
        <v>256</v>
      </c>
      <c r="P996">
        <v>99.488620258934048</v>
      </c>
      <c r="Q996">
        <v>120</v>
      </c>
    </row>
    <row r="997" spans="4:17" x14ac:dyDescent="0.25">
      <c r="D997">
        <v>97.996884780543795</v>
      </c>
      <c r="E997">
        <v>305</v>
      </c>
      <c r="G997">
        <v>97.084363223954355</v>
      </c>
      <c r="H997">
        <v>382</v>
      </c>
      <c r="J997">
        <v>92.880194168198543</v>
      </c>
      <c r="K997">
        <v>381</v>
      </c>
      <c r="M997">
        <v>98.399989853664252</v>
      </c>
      <c r="N997">
        <v>256</v>
      </c>
      <c r="P997">
        <v>99.488620258934048</v>
      </c>
      <c r="Q997">
        <v>120</v>
      </c>
    </row>
    <row r="998" spans="4:17" x14ac:dyDescent="0.25">
      <c r="D998">
        <v>97.990926933535576</v>
      </c>
      <c r="E998">
        <v>306</v>
      </c>
      <c r="G998">
        <v>97.077245170374184</v>
      </c>
      <c r="H998">
        <v>382</v>
      </c>
      <c r="J998">
        <v>92.859632573147792</v>
      </c>
      <c r="K998">
        <v>382</v>
      </c>
      <c r="M998">
        <v>98.388706841130997</v>
      </c>
      <c r="N998">
        <v>257</v>
      </c>
      <c r="P998">
        <v>99.488620258934048</v>
      </c>
      <c r="Q998">
        <v>120</v>
      </c>
    </row>
    <row r="999" spans="4:17" x14ac:dyDescent="0.25">
      <c r="D999">
        <v>97.9849690865274</v>
      </c>
      <c r="E999">
        <v>306</v>
      </c>
      <c r="G999">
        <v>97.070113886211175</v>
      </c>
      <c r="H999">
        <v>382</v>
      </c>
      <c r="J999">
        <v>92.839081152067905</v>
      </c>
      <c r="K999">
        <v>382</v>
      </c>
      <c r="M999">
        <v>98.377423828597756</v>
      </c>
      <c r="N999">
        <v>257</v>
      </c>
      <c r="P999">
        <v>99.488620258934048</v>
      </c>
      <c r="Q999">
        <v>120</v>
      </c>
    </row>
    <row r="1000" spans="4:17" x14ac:dyDescent="0.25">
      <c r="D1000">
        <v>97.979473720793806</v>
      </c>
      <c r="E1000">
        <v>306</v>
      </c>
      <c r="G1000">
        <v>97.062532762230816</v>
      </c>
      <c r="H1000">
        <v>383</v>
      </c>
      <c r="J1000">
        <v>92.818519557017183</v>
      </c>
      <c r="K1000">
        <v>383</v>
      </c>
      <c r="M1000">
        <v>98.365734005432358</v>
      </c>
      <c r="N1000">
        <v>258</v>
      </c>
      <c r="P1000">
        <v>99.487902147617504</v>
      </c>
      <c r="Q1000">
        <v>120</v>
      </c>
    </row>
    <row r="1001" spans="4:17" x14ac:dyDescent="0.25">
      <c r="D1001">
        <v>97.973515873785601</v>
      </c>
      <c r="E1001">
        <v>307</v>
      </c>
      <c r="G1001">
        <v>97.055414708650659</v>
      </c>
      <c r="H1001">
        <v>383</v>
      </c>
      <c r="J1001">
        <v>92.797622220929</v>
      </c>
      <c r="K1001">
        <v>383</v>
      </c>
      <c r="M1001">
        <v>98.354462957917704</v>
      </c>
      <c r="N1001">
        <v>258</v>
      </c>
      <c r="P1001">
        <v>99.487902147617504</v>
      </c>
      <c r="Q1001">
        <v>120</v>
      </c>
    </row>
    <row r="1002" spans="4:17" x14ac:dyDescent="0.25">
      <c r="D1002">
        <v>97.967558026777397</v>
      </c>
      <c r="E1002">
        <v>307</v>
      </c>
      <c r="G1002">
        <v>97.0478335846703</v>
      </c>
      <c r="H1002">
        <v>384</v>
      </c>
      <c r="J1002">
        <v>92.777070799849099</v>
      </c>
      <c r="K1002">
        <v>383</v>
      </c>
      <c r="M1002">
        <v>98.342366324120135</v>
      </c>
      <c r="N1002">
        <v>258</v>
      </c>
      <c r="P1002">
        <v>99.487902147617504</v>
      </c>
      <c r="Q1002">
        <v>120</v>
      </c>
    </row>
    <row r="1003" spans="4:17" x14ac:dyDescent="0.25">
      <c r="D1003">
        <v>97.962062661043788</v>
      </c>
      <c r="E1003">
        <v>308</v>
      </c>
      <c r="G1003">
        <v>97.040265691272822</v>
      </c>
      <c r="H1003">
        <v>384</v>
      </c>
      <c r="J1003">
        <v>92.756509204798391</v>
      </c>
      <c r="K1003">
        <v>384</v>
      </c>
      <c r="M1003">
        <v>98.330688465973338</v>
      </c>
      <c r="N1003">
        <v>259</v>
      </c>
      <c r="P1003">
        <v>99.487902147617504</v>
      </c>
      <c r="Q1003">
        <v>120</v>
      </c>
    </row>
    <row r="1004" spans="4:17" x14ac:dyDescent="0.25">
      <c r="D1004">
        <v>97.956118416426037</v>
      </c>
      <c r="E1004">
        <v>308</v>
      </c>
      <c r="G1004">
        <v>97.032684567292478</v>
      </c>
      <c r="H1004">
        <v>385</v>
      </c>
      <c r="J1004">
        <v>92.736293524755922</v>
      </c>
      <c r="K1004">
        <v>384</v>
      </c>
      <c r="M1004">
        <v>98.31859183217577</v>
      </c>
      <c r="N1004">
        <v>259</v>
      </c>
      <c r="P1004">
        <v>99.487902147617504</v>
      </c>
      <c r="Q1004">
        <v>120</v>
      </c>
    </row>
    <row r="1005" spans="4:17" x14ac:dyDescent="0.25">
      <c r="D1005">
        <v>97.950609448302004</v>
      </c>
      <c r="E1005">
        <v>309</v>
      </c>
      <c r="G1005">
        <v>97.025116673894971</v>
      </c>
      <c r="H1005">
        <v>385</v>
      </c>
      <c r="J1005">
        <v>92.716077844713453</v>
      </c>
      <c r="K1005">
        <v>385</v>
      </c>
      <c r="M1005">
        <v>98.306507163396816</v>
      </c>
      <c r="N1005">
        <v>260</v>
      </c>
      <c r="P1005">
        <v>99.487902147617504</v>
      </c>
      <c r="Q1005">
        <v>120</v>
      </c>
    </row>
    <row r="1006" spans="4:17" x14ac:dyDescent="0.25">
      <c r="D1006">
        <v>97.944665203684238</v>
      </c>
      <c r="E1006">
        <v>309</v>
      </c>
      <c r="G1006">
        <v>97.017535549914612</v>
      </c>
      <c r="H1006">
        <v>385</v>
      </c>
      <c r="J1006">
        <v>92.695872338641863</v>
      </c>
      <c r="K1006">
        <v>385</v>
      </c>
      <c r="M1006">
        <v>98.294015683985663</v>
      </c>
      <c r="N1006">
        <v>260</v>
      </c>
      <c r="P1006">
        <v>99.487902147617504</v>
      </c>
      <c r="Q1006">
        <v>120</v>
      </c>
    </row>
    <row r="1007" spans="4:17" x14ac:dyDescent="0.25">
      <c r="D1007">
        <v>97.938707356676034</v>
      </c>
      <c r="E1007">
        <v>309</v>
      </c>
      <c r="G1007">
        <v>97.009967656517148</v>
      </c>
      <c r="H1007">
        <v>386</v>
      </c>
      <c r="J1007">
        <v>92.675310743591112</v>
      </c>
      <c r="K1007">
        <v>385</v>
      </c>
      <c r="M1007">
        <v>98.281129358960968</v>
      </c>
      <c r="N1007">
        <v>261</v>
      </c>
      <c r="P1007">
        <v>99.487902147617504</v>
      </c>
      <c r="Q1007">
        <v>120</v>
      </c>
    </row>
    <row r="1008" spans="4:17" x14ac:dyDescent="0.25">
      <c r="D1008">
        <v>97.933211990942453</v>
      </c>
      <c r="E1008">
        <v>310</v>
      </c>
      <c r="G1008">
        <v>97.001949923302305</v>
      </c>
      <c r="H1008">
        <v>386</v>
      </c>
      <c r="J1008">
        <v>92.655095063548671</v>
      </c>
      <c r="K1008">
        <v>386</v>
      </c>
      <c r="M1008">
        <v>98.268637879549814</v>
      </c>
      <c r="N1008">
        <v>261</v>
      </c>
      <c r="P1008">
        <v>99.487902147617504</v>
      </c>
      <c r="Q1008">
        <v>120</v>
      </c>
    </row>
    <row r="1009" spans="4:17" x14ac:dyDescent="0.25">
      <c r="D1009">
        <v>97.927254143934235</v>
      </c>
      <c r="E1009">
        <v>310</v>
      </c>
      <c r="G1009">
        <v>96.994368799321961</v>
      </c>
      <c r="H1009">
        <v>387</v>
      </c>
      <c r="J1009">
        <v>92.635225298514484</v>
      </c>
      <c r="K1009">
        <v>386</v>
      </c>
      <c r="M1009">
        <v>98.255739589506533</v>
      </c>
      <c r="N1009">
        <v>261</v>
      </c>
      <c r="P1009">
        <v>99.487902147617504</v>
      </c>
      <c r="Q1009">
        <v>120</v>
      </c>
    </row>
    <row r="1010" spans="4:17" x14ac:dyDescent="0.25">
      <c r="D1010">
        <v>97.922221259475251</v>
      </c>
      <c r="E1010">
        <v>311</v>
      </c>
      <c r="G1010">
        <v>96.986351066107133</v>
      </c>
      <c r="H1010">
        <v>387</v>
      </c>
      <c r="J1010">
        <v>92.615009618472016</v>
      </c>
      <c r="K1010">
        <v>387</v>
      </c>
      <c r="M1010">
        <v>98.242446453849681</v>
      </c>
      <c r="N1010">
        <v>262</v>
      </c>
      <c r="P1010">
        <v>99.487902147617504</v>
      </c>
      <c r="Q1010">
        <v>120</v>
      </c>
    </row>
    <row r="1011" spans="4:17" x14ac:dyDescent="0.25">
      <c r="D1011">
        <v>97.916725893741656</v>
      </c>
      <c r="E1011">
        <v>311</v>
      </c>
      <c r="G1011">
        <v>96.978769942126789</v>
      </c>
      <c r="H1011">
        <v>387</v>
      </c>
      <c r="J1011">
        <v>92.595139853437843</v>
      </c>
      <c r="K1011">
        <v>387</v>
      </c>
      <c r="M1011">
        <v>98.2291533181928</v>
      </c>
      <c r="N1011">
        <v>262</v>
      </c>
      <c r="P1011">
        <v>99.48718403630096</v>
      </c>
      <c r="Q1011">
        <v>120</v>
      </c>
    </row>
    <row r="1012" spans="4:17" x14ac:dyDescent="0.25">
      <c r="D1012">
        <v>97.911216925617651</v>
      </c>
      <c r="E1012">
        <v>311</v>
      </c>
      <c r="G1012">
        <v>96.970752208911961</v>
      </c>
      <c r="H1012">
        <v>388</v>
      </c>
      <c r="J1012">
        <v>92.575616003411938</v>
      </c>
      <c r="K1012">
        <v>388</v>
      </c>
      <c r="M1012">
        <v>98.215848217517348</v>
      </c>
      <c r="N1012">
        <v>263</v>
      </c>
      <c r="P1012">
        <v>99.48718403630096</v>
      </c>
      <c r="Q1012">
        <v>120</v>
      </c>
    </row>
    <row r="1013" spans="4:17" x14ac:dyDescent="0.25">
      <c r="D1013">
        <v>97.905272680999872</v>
      </c>
      <c r="E1013">
        <v>312</v>
      </c>
      <c r="G1013">
        <v>96.962734475697133</v>
      </c>
      <c r="H1013">
        <v>388</v>
      </c>
      <c r="J1013">
        <v>92.555736064406958</v>
      </c>
      <c r="K1013">
        <v>388</v>
      </c>
      <c r="M1013">
        <v>98.202148271228296</v>
      </c>
      <c r="N1013">
        <v>263</v>
      </c>
      <c r="P1013">
        <v>99.48718403630096</v>
      </c>
      <c r="Q1013">
        <v>120</v>
      </c>
    </row>
    <row r="1014" spans="4:17" x14ac:dyDescent="0.25">
      <c r="D1014">
        <v>97.899777315266277</v>
      </c>
      <c r="E1014">
        <v>312</v>
      </c>
      <c r="G1014">
        <v>96.954716742482333</v>
      </c>
      <c r="H1014">
        <v>389</v>
      </c>
      <c r="J1014">
        <v>92.536212214381024</v>
      </c>
      <c r="K1014">
        <v>388</v>
      </c>
      <c r="M1014">
        <v>98.188448324939273</v>
      </c>
      <c r="N1014">
        <v>263</v>
      </c>
      <c r="P1014">
        <v>99.48718403630096</v>
      </c>
      <c r="Q1014">
        <v>120</v>
      </c>
    </row>
    <row r="1015" spans="4:17" x14ac:dyDescent="0.25">
      <c r="D1015">
        <v>97.893819468258073</v>
      </c>
      <c r="E1015">
        <v>313</v>
      </c>
      <c r="G1015">
        <v>96.946249169450155</v>
      </c>
      <c r="H1015">
        <v>389</v>
      </c>
      <c r="J1015">
        <v>92.516678190384312</v>
      </c>
      <c r="K1015">
        <v>389</v>
      </c>
      <c r="M1015">
        <v>98.174353533036651</v>
      </c>
      <c r="N1015">
        <v>264</v>
      </c>
      <c r="P1015">
        <v>99.48718403630096</v>
      </c>
      <c r="Q1015">
        <v>120</v>
      </c>
    </row>
    <row r="1016" spans="4:17" x14ac:dyDescent="0.25">
      <c r="D1016">
        <v>97.887861621249868</v>
      </c>
      <c r="E1016">
        <v>313</v>
      </c>
      <c r="G1016">
        <v>96.938231436235341</v>
      </c>
      <c r="H1016">
        <v>390</v>
      </c>
      <c r="J1016">
        <v>92.497154340358406</v>
      </c>
      <c r="K1016">
        <v>389</v>
      </c>
      <c r="M1016">
        <v>98.160246776115486</v>
      </c>
      <c r="N1016">
        <v>264</v>
      </c>
      <c r="P1016">
        <v>99.486487045905463</v>
      </c>
      <c r="Q1016">
        <v>120</v>
      </c>
    </row>
    <row r="1017" spans="4:17" x14ac:dyDescent="0.25">
      <c r="D1017">
        <v>97.881903774241678</v>
      </c>
      <c r="E1017">
        <v>314</v>
      </c>
      <c r="G1017">
        <v>96.929763863203192</v>
      </c>
      <c r="H1017">
        <v>390</v>
      </c>
      <c r="J1017">
        <v>92.47762031636168</v>
      </c>
      <c r="K1017">
        <v>390</v>
      </c>
      <c r="M1017">
        <v>98.146140019194291</v>
      </c>
      <c r="N1017">
        <v>265</v>
      </c>
      <c r="P1017">
        <v>99.486487045905463</v>
      </c>
      <c r="Q1017">
        <v>120</v>
      </c>
    </row>
    <row r="1018" spans="4:17" x14ac:dyDescent="0.25">
      <c r="D1018">
        <v>97.875945927233474</v>
      </c>
      <c r="E1018">
        <v>314</v>
      </c>
      <c r="G1018">
        <v>96.921746129988378</v>
      </c>
      <c r="H1018">
        <v>390</v>
      </c>
      <c r="J1018">
        <v>92.458096466335746</v>
      </c>
      <c r="K1018">
        <v>390</v>
      </c>
      <c r="M1018">
        <v>98.131638416659513</v>
      </c>
      <c r="N1018">
        <v>265</v>
      </c>
      <c r="P1018">
        <v>99.486487045905463</v>
      </c>
      <c r="Q1018">
        <v>120</v>
      </c>
    </row>
    <row r="1019" spans="4:17" x14ac:dyDescent="0.25">
      <c r="D1019">
        <v>97.870001682615694</v>
      </c>
      <c r="E1019">
        <v>314</v>
      </c>
      <c r="G1019">
        <v>96.9132785569562</v>
      </c>
      <c r="H1019">
        <v>391</v>
      </c>
      <c r="J1019">
        <v>92.438908357347302</v>
      </c>
      <c r="K1019">
        <v>390</v>
      </c>
      <c r="M1019">
        <v>98.117136814124763</v>
      </c>
      <c r="N1019">
        <v>266</v>
      </c>
      <c r="P1019">
        <v>99.485768934588947</v>
      </c>
      <c r="Q1019">
        <v>120</v>
      </c>
    </row>
    <row r="1020" spans="4:17" x14ac:dyDescent="0.25">
      <c r="D1020">
        <v>97.86404383560749</v>
      </c>
      <c r="E1020">
        <v>315</v>
      </c>
      <c r="G1020">
        <v>96.905260823741372</v>
      </c>
      <c r="H1020">
        <v>391</v>
      </c>
      <c r="J1020">
        <v>92.419720248358843</v>
      </c>
      <c r="K1020">
        <v>391</v>
      </c>
      <c r="M1020">
        <v>98.102228400957827</v>
      </c>
      <c r="N1020">
        <v>266</v>
      </c>
      <c r="P1020">
        <v>99.485768934588947</v>
      </c>
      <c r="Q1020">
        <v>120</v>
      </c>
    </row>
    <row r="1021" spans="4:17" x14ac:dyDescent="0.25">
      <c r="D1021">
        <v>97.858085988599285</v>
      </c>
      <c r="E1021">
        <v>315</v>
      </c>
      <c r="G1021">
        <v>96.896793250709237</v>
      </c>
      <c r="H1021">
        <v>392</v>
      </c>
      <c r="J1021">
        <v>92.40053213937037</v>
      </c>
      <c r="K1021">
        <v>391</v>
      </c>
      <c r="M1021">
        <v>98.087319987790906</v>
      </c>
      <c r="N1021">
        <v>266</v>
      </c>
      <c r="P1021">
        <v>99.485768934588947</v>
      </c>
      <c r="Q1021">
        <v>120</v>
      </c>
    </row>
    <row r="1022" spans="4:17" x14ac:dyDescent="0.25">
      <c r="D1022">
        <v>97.852590622865705</v>
      </c>
      <c r="E1022">
        <v>316</v>
      </c>
      <c r="G1022">
        <v>96.888325677677059</v>
      </c>
      <c r="H1022">
        <v>392</v>
      </c>
      <c r="J1022">
        <v>92.382035860398474</v>
      </c>
      <c r="K1022">
        <v>392</v>
      </c>
      <c r="M1022">
        <v>98.07241157462397</v>
      </c>
      <c r="N1022">
        <v>267</v>
      </c>
      <c r="P1022">
        <v>99.485768934588947</v>
      </c>
      <c r="Q1022">
        <v>120</v>
      </c>
    </row>
    <row r="1023" spans="4:17" x14ac:dyDescent="0.25">
      <c r="D1023">
        <v>97.846632775857501</v>
      </c>
      <c r="E1023">
        <v>316</v>
      </c>
      <c r="G1023">
        <v>96.879421495410455</v>
      </c>
      <c r="H1023">
        <v>392</v>
      </c>
      <c r="J1023">
        <v>92.363875322464025</v>
      </c>
      <c r="K1023">
        <v>392</v>
      </c>
      <c r="M1023">
        <v>98.057096350824878</v>
      </c>
      <c r="N1023">
        <v>267</v>
      </c>
      <c r="P1023">
        <v>99.485050823272388</v>
      </c>
      <c r="Q1023">
        <v>120</v>
      </c>
    </row>
    <row r="1024" spans="4:17" x14ac:dyDescent="0.25">
      <c r="D1024">
        <v>97.840674928849296</v>
      </c>
      <c r="E1024">
        <v>316</v>
      </c>
      <c r="G1024">
        <v>96.870953922378291</v>
      </c>
      <c r="H1024">
        <v>393</v>
      </c>
      <c r="J1024">
        <v>92.345714784529548</v>
      </c>
      <c r="K1024">
        <v>393</v>
      </c>
      <c r="M1024">
        <v>98.041793092044372</v>
      </c>
      <c r="N1024">
        <v>268</v>
      </c>
      <c r="P1024">
        <v>99.485050823272388</v>
      </c>
      <c r="Q1024">
        <v>120</v>
      </c>
    </row>
    <row r="1025" spans="4:17" x14ac:dyDescent="0.25">
      <c r="D1025">
        <v>97.835179563115702</v>
      </c>
      <c r="E1025">
        <v>317</v>
      </c>
      <c r="G1025">
        <v>96.862486349346128</v>
      </c>
      <c r="H1025">
        <v>393</v>
      </c>
      <c r="J1025">
        <v>92.32756442056592</v>
      </c>
      <c r="K1025">
        <v>393</v>
      </c>
      <c r="M1025">
        <v>98.026071057613123</v>
      </c>
      <c r="N1025">
        <v>268</v>
      </c>
      <c r="P1025">
        <v>99.485050823272388</v>
      </c>
      <c r="Q1025">
        <v>120</v>
      </c>
    </row>
    <row r="1026" spans="4:17" x14ac:dyDescent="0.25">
      <c r="D1026">
        <v>97.829684197382122</v>
      </c>
      <c r="E1026">
        <v>317</v>
      </c>
      <c r="G1026">
        <v>96.854018776313993</v>
      </c>
      <c r="H1026">
        <v>394</v>
      </c>
      <c r="J1026">
        <v>92.309749797639711</v>
      </c>
      <c r="K1026">
        <v>393</v>
      </c>
      <c r="M1026">
        <v>98.01036098820046</v>
      </c>
      <c r="N1026">
        <v>268</v>
      </c>
      <c r="P1026">
        <v>99.485050823272388</v>
      </c>
      <c r="Q1026">
        <v>120</v>
      </c>
    </row>
    <row r="1027" spans="4:17" x14ac:dyDescent="0.25">
      <c r="D1027">
        <v>97.823726350373917</v>
      </c>
      <c r="E1027">
        <v>318</v>
      </c>
      <c r="G1027">
        <v>96.845564433864681</v>
      </c>
      <c r="H1027">
        <v>394</v>
      </c>
      <c r="J1027">
        <v>92.291589259705248</v>
      </c>
      <c r="K1027">
        <v>394</v>
      </c>
      <c r="M1027">
        <v>97.994244108155627</v>
      </c>
      <c r="N1027">
        <v>269</v>
      </c>
      <c r="P1027">
        <v>99.485050823272388</v>
      </c>
      <c r="Q1027">
        <v>120</v>
      </c>
    </row>
    <row r="1028" spans="4:17" x14ac:dyDescent="0.25">
      <c r="D1028">
        <v>97.818230984640309</v>
      </c>
      <c r="E1028">
        <v>318</v>
      </c>
      <c r="G1028">
        <v>96.836647021015196</v>
      </c>
      <c r="H1028">
        <v>395</v>
      </c>
      <c r="J1028">
        <v>92.274110377816513</v>
      </c>
      <c r="K1028">
        <v>394</v>
      </c>
      <c r="M1028">
        <v>97.978127228110807</v>
      </c>
      <c r="N1028">
        <v>269</v>
      </c>
      <c r="P1028">
        <v>99.485050823272388</v>
      </c>
      <c r="Q1028">
        <v>120</v>
      </c>
    </row>
    <row r="1029" spans="4:17" x14ac:dyDescent="0.25">
      <c r="D1029">
        <v>97.812286740022543</v>
      </c>
      <c r="E1029">
        <v>319</v>
      </c>
      <c r="G1029">
        <v>96.828179447983047</v>
      </c>
      <c r="H1029">
        <v>395</v>
      </c>
      <c r="J1029">
        <v>92.256295754890331</v>
      </c>
      <c r="K1029">
        <v>395</v>
      </c>
      <c r="M1029">
        <v>97.961603537433817</v>
      </c>
      <c r="N1029">
        <v>270</v>
      </c>
      <c r="P1029">
        <v>99.484353832876906</v>
      </c>
      <c r="Q1029">
        <v>120</v>
      </c>
    </row>
    <row r="1030" spans="4:17" x14ac:dyDescent="0.25">
      <c r="D1030">
        <v>97.806328893014339</v>
      </c>
      <c r="E1030">
        <v>319</v>
      </c>
      <c r="G1030">
        <v>96.819275265716414</v>
      </c>
      <c r="H1030">
        <v>395</v>
      </c>
      <c r="J1030">
        <v>92.238135216955868</v>
      </c>
      <c r="K1030">
        <v>395</v>
      </c>
      <c r="M1030">
        <v>97.945486657388997</v>
      </c>
      <c r="N1030">
        <v>270</v>
      </c>
      <c r="P1030">
        <v>99.484353832876906</v>
      </c>
      <c r="Q1030">
        <v>120</v>
      </c>
    </row>
    <row r="1031" spans="4:17" x14ac:dyDescent="0.25">
      <c r="D1031">
        <v>97.800371046006134</v>
      </c>
      <c r="E1031">
        <v>319</v>
      </c>
      <c r="G1031">
        <v>96.81080769268425</v>
      </c>
      <c r="H1031">
        <v>396</v>
      </c>
      <c r="J1031">
        <v>92.220320594029687</v>
      </c>
      <c r="K1031">
        <v>395</v>
      </c>
      <c r="M1031">
        <v>97.928568121098436</v>
      </c>
      <c r="N1031">
        <v>271</v>
      </c>
      <c r="P1031">
        <v>99.484353832876906</v>
      </c>
      <c r="Q1031">
        <v>120</v>
      </c>
    </row>
    <row r="1032" spans="4:17" x14ac:dyDescent="0.25">
      <c r="D1032">
        <v>97.794413198997944</v>
      </c>
      <c r="E1032">
        <v>320</v>
      </c>
      <c r="G1032">
        <v>96.80189027983478</v>
      </c>
      <c r="H1032">
        <v>396</v>
      </c>
      <c r="J1032">
        <v>92.202505971103491</v>
      </c>
      <c r="K1032">
        <v>396</v>
      </c>
      <c r="M1032">
        <v>97.911637619789289</v>
      </c>
      <c r="N1032">
        <v>271</v>
      </c>
      <c r="P1032">
        <v>99.483635721560375</v>
      </c>
      <c r="Q1032">
        <v>120</v>
      </c>
    </row>
    <row r="1033" spans="4:17" x14ac:dyDescent="0.25">
      <c r="D1033">
        <v>97.788455351989739</v>
      </c>
      <c r="E1033">
        <v>320</v>
      </c>
      <c r="G1033">
        <v>96.792986097568132</v>
      </c>
      <c r="H1033">
        <v>397</v>
      </c>
      <c r="J1033">
        <v>92.184691348177296</v>
      </c>
      <c r="K1033">
        <v>396</v>
      </c>
      <c r="M1033">
        <v>97.894719083498714</v>
      </c>
      <c r="N1033">
        <v>271</v>
      </c>
      <c r="P1033">
        <v>99.483635721560375</v>
      </c>
      <c r="Q1033">
        <v>120</v>
      </c>
    </row>
    <row r="1034" spans="4:17" x14ac:dyDescent="0.25">
      <c r="D1034">
        <v>97.782959986256131</v>
      </c>
      <c r="E1034">
        <v>321</v>
      </c>
      <c r="G1034">
        <v>96.784518524535983</v>
      </c>
      <c r="H1034">
        <v>397</v>
      </c>
      <c r="J1034">
        <v>92.167222640259396</v>
      </c>
      <c r="K1034">
        <v>397</v>
      </c>
      <c r="M1034">
        <v>97.877800547208153</v>
      </c>
      <c r="N1034">
        <v>272</v>
      </c>
      <c r="P1034">
        <v>99.483635721560375</v>
      </c>
      <c r="Q1034">
        <v>120</v>
      </c>
    </row>
    <row r="1035" spans="4:17" x14ac:dyDescent="0.25">
      <c r="D1035">
        <v>97.77701574163838</v>
      </c>
      <c r="E1035">
        <v>321</v>
      </c>
      <c r="G1035">
        <v>96.776050951503834</v>
      </c>
      <c r="H1035">
        <v>397</v>
      </c>
      <c r="J1035">
        <v>92.149743758370633</v>
      </c>
      <c r="K1035">
        <v>397</v>
      </c>
      <c r="M1035">
        <v>97.860475200285421</v>
      </c>
      <c r="N1035">
        <v>272</v>
      </c>
      <c r="P1035">
        <v>99.483635721560375</v>
      </c>
      <c r="Q1035">
        <v>120</v>
      </c>
    </row>
    <row r="1036" spans="4:17" x14ac:dyDescent="0.25">
      <c r="D1036">
        <v>97.771057894630161</v>
      </c>
      <c r="E1036">
        <v>321</v>
      </c>
      <c r="G1036">
        <v>96.767146769237215</v>
      </c>
      <c r="H1036">
        <v>398</v>
      </c>
      <c r="J1036">
        <v>92.131929135444452</v>
      </c>
      <c r="K1036">
        <v>398</v>
      </c>
      <c r="M1036">
        <v>97.843544698976288</v>
      </c>
      <c r="N1036">
        <v>273</v>
      </c>
      <c r="P1036">
        <v>99.482917610243831</v>
      </c>
      <c r="Q1036">
        <v>120</v>
      </c>
    </row>
    <row r="1037" spans="4:17" x14ac:dyDescent="0.25">
      <c r="D1037">
        <v>97.765100047621971</v>
      </c>
      <c r="E1037">
        <v>322</v>
      </c>
      <c r="G1037">
        <v>96.758679196205065</v>
      </c>
      <c r="H1037">
        <v>398</v>
      </c>
      <c r="J1037">
        <v>92.114460427526552</v>
      </c>
      <c r="K1037">
        <v>398</v>
      </c>
      <c r="M1037">
        <v>97.826219352053556</v>
      </c>
      <c r="N1037">
        <v>273</v>
      </c>
      <c r="P1037">
        <v>99.482917610243831</v>
      </c>
      <c r="Q1037">
        <v>120</v>
      </c>
    </row>
    <row r="1038" spans="4:17" x14ac:dyDescent="0.25">
      <c r="D1038">
        <v>97.759142200613766</v>
      </c>
      <c r="E1038">
        <v>322</v>
      </c>
      <c r="G1038">
        <v>96.750211623172888</v>
      </c>
      <c r="H1038">
        <v>399</v>
      </c>
      <c r="J1038">
        <v>92.097327460646071</v>
      </c>
      <c r="K1038">
        <v>398</v>
      </c>
      <c r="M1038">
        <v>97.808499159517254</v>
      </c>
      <c r="N1038">
        <v>273</v>
      </c>
      <c r="P1038">
        <v>99.482917610243831</v>
      </c>
      <c r="Q1038">
        <v>120</v>
      </c>
    </row>
    <row r="1039" spans="4:17" x14ac:dyDescent="0.25">
      <c r="D1039">
        <v>97.752735474721391</v>
      </c>
      <c r="E1039">
        <v>323</v>
      </c>
      <c r="G1039">
        <v>96.741294210323403</v>
      </c>
      <c r="H1039">
        <v>399</v>
      </c>
      <c r="J1039">
        <v>92.079848578757321</v>
      </c>
      <c r="K1039">
        <v>399</v>
      </c>
      <c r="M1039">
        <v>97.79117381259455</v>
      </c>
      <c r="N1039">
        <v>274</v>
      </c>
      <c r="P1039">
        <v>99.482220619848334</v>
      </c>
      <c r="Q1039">
        <v>120</v>
      </c>
    </row>
    <row r="1040" spans="4:17" x14ac:dyDescent="0.25">
      <c r="D1040">
        <v>97.746777627713172</v>
      </c>
      <c r="E1040">
        <v>323</v>
      </c>
      <c r="G1040">
        <v>96.732390028056784</v>
      </c>
      <c r="H1040">
        <v>400</v>
      </c>
      <c r="J1040">
        <v>92.06272578584769</v>
      </c>
      <c r="K1040">
        <v>399</v>
      </c>
      <c r="M1040">
        <v>97.773441655039662</v>
      </c>
      <c r="N1040">
        <v>274</v>
      </c>
      <c r="P1040">
        <v>99.482220619848334</v>
      </c>
      <c r="Q1040">
        <v>120</v>
      </c>
    </row>
    <row r="1041" spans="4:17" x14ac:dyDescent="0.25">
      <c r="D1041">
        <v>97.740819780704996</v>
      </c>
      <c r="E1041">
        <v>324</v>
      </c>
      <c r="G1041">
        <v>96.723472615207285</v>
      </c>
      <c r="H1041">
        <v>400</v>
      </c>
      <c r="J1041">
        <v>92.045592818967208</v>
      </c>
      <c r="K1041">
        <v>400</v>
      </c>
      <c r="M1041">
        <v>97.755709497484773</v>
      </c>
      <c r="N1041">
        <v>275</v>
      </c>
      <c r="P1041">
        <v>99.482220619848334</v>
      </c>
      <c r="Q1041">
        <v>120</v>
      </c>
    </row>
    <row r="1042" spans="4:17" x14ac:dyDescent="0.25">
      <c r="D1042">
        <v>97.734861933696777</v>
      </c>
      <c r="E1042">
        <v>324</v>
      </c>
      <c r="G1042">
        <v>96.714118593123345</v>
      </c>
      <c r="H1042">
        <v>400</v>
      </c>
      <c r="J1042">
        <v>92.028459852086741</v>
      </c>
      <c r="K1042">
        <v>400</v>
      </c>
      <c r="M1042">
        <v>97.737582494316328</v>
      </c>
      <c r="N1042">
        <v>275</v>
      </c>
      <c r="P1042">
        <v>99.482220619848334</v>
      </c>
      <c r="Q1042">
        <v>120</v>
      </c>
    </row>
    <row r="1043" spans="4:17" x14ac:dyDescent="0.25">
      <c r="D1043">
        <v>97.728455207804402</v>
      </c>
      <c r="E1043">
        <v>324</v>
      </c>
      <c r="G1043">
        <v>96.704764571039377</v>
      </c>
      <c r="H1043">
        <v>401</v>
      </c>
      <c r="J1043">
        <v>92.010991144168827</v>
      </c>
      <c r="K1043">
        <v>400</v>
      </c>
      <c r="M1043">
        <v>97.719850336761411</v>
      </c>
      <c r="N1043">
        <v>276</v>
      </c>
      <c r="P1043">
        <v>99.482220619848334</v>
      </c>
      <c r="Q1043">
        <v>120</v>
      </c>
    </row>
    <row r="1044" spans="4:17" x14ac:dyDescent="0.25">
      <c r="D1044">
        <v>97.722048481912026</v>
      </c>
      <c r="E1044">
        <v>325</v>
      </c>
      <c r="G1044">
        <v>96.695410548955408</v>
      </c>
      <c r="H1044">
        <v>401</v>
      </c>
      <c r="J1044">
        <v>91.993858177288374</v>
      </c>
      <c r="K1044">
        <v>401</v>
      </c>
      <c r="M1044">
        <v>97.701316522960795</v>
      </c>
      <c r="N1044">
        <v>276</v>
      </c>
      <c r="P1044">
        <v>99.482220619848334</v>
      </c>
      <c r="Q1044">
        <v>120</v>
      </c>
    </row>
    <row r="1045" spans="4:17" x14ac:dyDescent="0.25">
      <c r="D1045">
        <v>97.716090634903807</v>
      </c>
      <c r="E1045">
        <v>325</v>
      </c>
      <c r="G1045">
        <v>96.68605652687144</v>
      </c>
      <c r="H1045">
        <v>402</v>
      </c>
      <c r="J1045">
        <v>91.976043554362178</v>
      </c>
      <c r="K1045">
        <v>401</v>
      </c>
      <c r="M1045">
        <v>97.683189519792364</v>
      </c>
      <c r="N1045">
        <v>276</v>
      </c>
      <c r="P1045">
        <v>99.482220619848334</v>
      </c>
      <c r="Q1045">
        <v>120</v>
      </c>
    </row>
    <row r="1046" spans="4:17" x14ac:dyDescent="0.25">
      <c r="D1046">
        <v>97.710132787895617</v>
      </c>
      <c r="E1046">
        <v>326</v>
      </c>
      <c r="G1046">
        <v>96.676702504787499</v>
      </c>
      <c r="H1046">
        <v>402</v>
      </c>
      <c r="J1046">
        <v>91.958910587481697</v>
      </c>
      <c r="K1046">
        <v>402</v>
      </c>
      <c r="M1046">
        <v>97.665050551605304</v>
      </c>
      <c r="N1046">
        <v>277</v>
      </c>
      <c r="P1046">
        <v>99.482220619848334</v>
      </c>
      <c r="Q1046">
        <v>120</v>
      </c>
    </row>
    <row r="1047" spans="4:17" x14ac:dyDescent="0.25">
      <c r="D1047">
        <v>97.703726062003227</v>
      </c>
      <c r="E1047">
        <v>326</v>
      </c>
      <c r="G1047">
        <v>96.666898642886196</v>
      </c>
      <c r="H1047">
        <v>402</v>
      </c>
      <c r="J1047">
        <v>91.941777620601243</v>
      </c>
      <c r="K1047">
        <v>402</v>
      </c>
      <c r="M1047">
        <v>97.646516737804674</v>
      </c>
      <c r="N1047">
        <v>277</v>
      </c>
      <c r="P1047">
        <v>99.481502508531776</v>
      </c>
      <c r="Q1047">
        <v>120</v>
      </c>
    </row>
    <row r="1048" spans="4:17" x14ac:dyDescent="0.25">
      <c r="D1048">
        <v>97.697768214995023</v>
      </c>
      <c r="E1048">
        <v>326</v>
      </c>
      <c r="G1048">
        <v>96.657544620802241</v>
      </c>
      <c r="H1048">
        <v>403</v>
      </c>
      <c r="J1048">
        <v>91.924654827691597</v>
      </c>
      <c r="K1048">
        <v>403</v>
      </c>
      <c r="M1048">
        <v>97.627982924004058</v>
      </c>
      <c r="N1048">
        <v>278</v>
      </c>
      <c r="P1048">
        <v>99.481502508531776</v>
      </c>
      <c r="Q1048">
        <v>120</v>
      </c>
    </row>
    <row r="1049" spans="4:17" x14ac:dyDescent="0.25">
      <c r="D1049">
        <v>97.691810367986832</v>
      </c>
      <c r="E1049">
        <v>327</v>
      </c>
      <c r="G1049">
        <v>96.647740758900952</v>
      </c>
      <c r="H1049">
        <v>403</v>
      </c>
      <c r="J1049">
        <v>91.90752186081113</v>
      </c>
      <c r="K1049">
        <v>403</v>
      </c>
      <c r="M1049">
        <v>97.609449110203457</v>
      </c>
      <c r="N1049">
        <v>278</v>
      </c>
      <c r="P1049">
        <v>99.481502508531776</v>
      </c>
      <c r="Q1049">
        <v>120</v>
      </c>
    </row>
    <row r="1050" spans="4:17" x14ac:dyDescent="0.25">
      <c r="D1050">
        <v>97.685852520978628</v>
      </c>
      <c r="E1050">
        <v>327</v>
      </c>
      <c r="G1050">
        <v>96.637487057182312</v>
      </c>
      <c r="H1050">
        <v>404</v>
      </c>
      <c r="J1050">
        <v>91.890042978922409</v>
      </c>
      <c r="K1050">
        <v>403</v>
      </c>
      <c r="M1050">
        <v>97.590508485770656</v>
      </c>
      <c r="N1050">
        <v>278</v>
      </c>
      <c r="P1050">
        <v>99.481502508531776</v>
      </c>
      <c r="Q1050">
        <v>120</v>
      </c>
    </row>
    <row r="1051" spans="4:17" x14ac:dyDescent="0.25">
      <c r="D1051">
        <v>97.679445795086252</v>
      </c>
      <c r="E1051">
        <v>328</v>
      </c>
      <c r="G1051">
        <v>96.627246586046539</v>
      </c>
      <c r="H1051">
        <v>404</v>
      </c>
      <c r="J1051">
        <v>91.871892614958753</v>
      </c>
      <c r="K1051">
        <v>404</v>
      </c>
      <c r="M1051">
        <v>97.571974671970025</v>
      </c>
      <c r="N1051">
        <v>279</v>
      </c>
      <c r="P1051">
        <v>99.481502508531776</v>
      </c>
      <c r="Q1051">
        <v>120</v>
      </c>
    </row>
    <row r="1052" spans="4:17" x14ac:dyDescent="0.25">
      <c r="D1052">
        <v>97.673487948078048</v>
      </c>
      <c r="E1052">
        <v>328</v>
      </c>
      <c r="G1052">
        <v>96.617442724145278</v>
      </c>
      <c r="H1052">
        <v>405</v>
      </c>
      <c r="J1052">
        <v>91.85373207702429</v>
      </c>
      <c r="K1052">
        <v>404</v>
      </c>
      <c r="M1052">
        <v>97.553034047537267</v>
      </c>
      <c r="N1052">
        <v>279</v>
      </c>
      <c r="P1052">
        <v>99.481502508531776</v>
      </c>
      <c r="Q1052">
        <v>120</v>
      </c>
    </row>
    <row r="1053" spans="4:17" x14ac:dyDescent="0.25">
      <c r="D1053">
        <v>97.667530101069858</v>
      </c>
      <c r="E1053">
        <v>329</v>
      </c>
      <c r="G1053">
        <v>96.607189022426638</v>
      </c>
      <c r="H1053">
        <v>405</v>
      </c>
      <c r="J1053">
        <v>91.835571539089827</v>
      </c>
      <c r="K1053">
        <v>405</v>
      </c>
      <c r="M1053">
        <v>97.534105388123066</v>
      </c>
      <c r="N1053">
        <v>280</v>
      </c>
      <c r="P1053">
        <v>99.48078439721526</v>
      </c>
      <c r="Q1053">
        <v>120</v>
      </c>
    </row>
    <row r="1054" spans="4:17" x14ac:dyDescent="0.25">
      <c r="D1054">
        <v>97.661572254061639</v>
      </c>
      <c r="E1054">
        <v>329</v>
      </c>
      <c r="G1054">
        <v>96.597385160525349</v>
      </c>
      <c r="H1054">
        <v>405</v>
      </c>
      <c r="J1054">
        <v>91.817075260117932</v>
      </c>
      <c r="K1054">
        <v>405</v>
      </c>
      <c r="M1054">
        <v>97.514757953058123</v>
      </c>
      <c r="N1054">
        <v>280</v>
      </c>
      <c r="P1054">
        <v>99.48078439721526</v>
      </c>
      <c r="Q1054">
        <v>120</v>
      </c>
    </row>
    <row r="1055" spans="4:17" x14ac:dyDescent="0.25">
      <c r="D1055">
        <v>97.655628009443888</v>
      </c>
      <c r="E1055">
        <v>329</v>
      </c>
      <c r="G1055">
        <v>96.587144689389575</v>
      </c>
      <c r="H1055">
        <v>406</v>
      </c>
      <c r="J1055">
        <v>91.798914722183454</v>
      </c>
      <c r="K1055">
        <v>405</v>
      </c>
      <c r="M1055">
        <v>97.495422483011779</v>
      </c>
      <c r="N1055">
        <v>281</v>
      </c>
      <c r="P1055">
        <v>99.48078439721526</v>
      </c>
      <c r="Q1055">
        <v>120</v>
      </c>
    </row>
    <row r="1056" spans="4:17" x14ac:dyDescent="0.25">
      <c r="D1056">
        <v>97.649670162435669</v>
      </c>
      <c r="E1056">
        <v>330</v>
      </c>
      <c r="G1056">
        <v>96.57689098767095</v>
      </c>
      <c r="H1056">
        <v>406</v>
      </c>
      <c r="J1056">
        <v>91.781435840294705</v>
      </c>
      <c r="K1056">
        <v>406</v>
      </c>
      <c r="M1056">
        <v>97.476075047946821</v>
      </c>
      <c r="N1056">
        <v>281</v>
      </c>
      <c r="P1056">
        <v>99.48078439721526</v>
      </c>
      <c r="Q1056">
        <v>120</v>
      </c>
    </row>
    <row r="1057" spans="4:17" x14ac:dyDescent="0.25">
      <c r="D1057">
        <v>97.643712315427464</v>
      </c>
      <c r="E1057">
        <v>330</v>
      </c>
      <c r="G1057">
        <v>96.566200676717855</v>
      </c>
      <c r="H1057">
        <v>407</v>
      </c>
      <c r="J1057">
        <v>91.763967132376806</v>
      </c>
      <c r="K1057">
        <v>406</v>
      </c>
      <c r="M1057">
        <v>97.456739577900464</v>
      </c>
      <c r="N1057">
        <v>281</v>
      </c>
      <c r="P1057">
        <v>99.48078439721526</v>
      </c>
      <c r="Q1057">
        <v>120</v>
      </c>
    </row>
    <row r="1058" spans="4:17" x14ac:dyDescent="0.25">
      <c r="D1058">
        <v>97.637305589535075</v>
      </c>
      <c r="E1058">
        <v>331</v>
      </c>
      <c r="G1058">
        <v>96.555960205582096</v>
      </c>
      <c r="H1058">
        <v>407</v>
      </c>
      <c r="J1058">
        <v>91.746488250488042</v>
      </c>
      <c r="K1058">
        <v>407</v>
      </c>
      <c r="M1058">
        <v>97.43699729722195</v>
      </c>
      <c r="N1058">
        <v>282</v>
      </c>
      <c r="P1058">
        <v>99.48078439721526</v>
      </c>
      <c r="Q1058">
        <v>120</v>
      </c>
    </row>
    <row r="1059" spans="4:17" x14ac:dyDescent="0.25">
      <c r="D1059">
        <v>97.631347742526899</v>
      </c>
      <c r="E1059">
        <v>331</v>
      </c>
      <c r="G1059">
        <v>96.545256664046121</v>
      </c>
      <c r="H1059">
        <v>407</v>
      </c>
      <c r="J1059">
        <v>91.72936545757841</v>
      </c>
      <c r="K1059">
        <v>407</v>
      </c>
      <c r="M1059">
        <v>97.417255016543407</v>
      </c>
      <c r="N1059">
        <v>282</v>
      </c>
      <c r="P1059">
        <v>99.480087406819777</v>
      </c>
      <c r="Q1059">
        <v>120</v>
      </c>
    </row>
    <row r="1060" spans="4:17" x14ac:dyDescent="0.25">
      <c r="D1060">
        <v>97.62492741424407</v>
      </c>
      <c r="E1060">
        <v>331</v>
      </c>
      <c r="G1060">
        <v>96.534566353093027</v>
      </c>
      <c r="H1060">
        <v>408</v>
      </c>
      <c r="J1060">
        <v>91.712232490697943</v>
      </c>
      <c r="K1060">
        <v>408</v>
      </c>
      <c r="M1060">
        <v>97.397105925232736</v>
      </c>
      <c r="N1060">
        <v>283</v>
      </c>
      <c r="P1060">
        <v>99.480087406819777</v>
      </c>
      <c r="Q1060">
        <v>120</v>
      </c>
    </row>
    <row r="1061" spans="4:17" x14ac:dyDescent="0.25">
      <c r="D1061">
        <v>97.618520688351694</v>
      </c>
      <c r="E1061">
        <v>332</v>
      </c>
      <c r="G1061">
        <v>96.523876042139946</v>
      </c>
      <c r="H1061">
        <v>408</v>
      </c>
      <c r="J1061">
        <v>91.695781179863189</v>
      </c>
      <c r="K1061">
        <v>408</v>
      </c>
      <c r="M1061">
        <v>97.377770455186393</v>
      </c>
      <c r="N1061">
        <v>283</v>
      </c>
      <c r="P1061">
        <v>99.480087406819777</v>
      </c>
      <c r="Q1061">
        <v>120</v>
      </c>
    </row>
    <row r="1062" spans="4:17" x14ac:dyDescent="0.25">
      <c r="D1062">
        <v>97.61256284134349</v>
      </c>
      <c r="E1062">
        <v>332</v>
      </c>
      <c r="G1062">
        <v>96.513185731186852</v>
      </c>
      <c r="H1062">
        <v>409</v>
      </c>
      <c r="J1062">
        <v>91.679685958007568</v>
      </c>
      <c r="K1062">
        <v>408</v>
      </c>
      <c r="M1062">
        <v>97.35842302012145</v>
      </c>
      <c r="N1062">
        <v>283</v>
      </c>
      <c r="P1062">
        <v>99.480087406819777</v>
      </c>
      <c r="Q1062">
        <v>120</v>
      </c>
    </row>
    <row r="1063" spans="4:17" x14ac:dyDescent="0.25">
      <c r="D1063">
        <v>97.6061561154511</v>
      </c>
      <c r="E1063">
        <v>333</v>
      </c>
      <c r="G1063">
        <v>96.502045580416407</v>
      </c>
      <c r="H1063">
        <v>409</v>
      </c>
      <c r="J1063">
        <v>91.6632346471728</v>
      </c>
      <c r="K1063">
        <v>409</v>
      </c>
      <c r="M1063">
        <v>97.338680739442935</v>
      </c>
      <c r="N1063">
        <v>284</v>
      </c>
      <c r="P1063">
        <v>99.480087406819777</v>
      </c>
      <c r="Q1063">
        <v>120</v>
      </c>
    </row>
    <row r="1064" spans="4:17" x14ac:dyDescent="0.25">
      <c r="D1064">
        <v>97.599735787168299</v>
      </c>
      <c r="E1064">
        <v>333</v>
      </c>
      <c r="G1064">
        <v>96.490905429645977</v>
      </c>
      <c r="H1064">
        <v>410</v>
      </c>
      <c r="J1064">
        <v>91.646793510308896</v>
      </c>
      <c r="K1064">
        <v>409</v>
      </c>
      <c r="M1064">
        <v>97.319345269396578</v>
      </c>
      <c r="N1064">
        <v>284</v>
      </c>
      <c r="P1064">
        <v>99.480087406819777</v>
      </c>
      <c r="Q1064">
        <v>120</v>
      </c>
    </row>
    <row r="1065" spans="4:17" x14ac:dyDescent="0.25">
      <c r="D1065">
        <v>97.593777940160081</v>
      </c>
      <c r="E1065">
        <v>334</v>
      </c>
      <c r="G1065">
        <v>96.479765278875533</v>
      </c>
      <c r="H1065">
        <v>410</v>
      </c>
      <c r="J1065">
        <v>91.630006458436682</v>
      </c>
      <c r="K1065">
        <v>410</v>
      </c>
      <c r="M1065">
        <v>97.299997834331634</v>
      </c>
      <c r="N1065">
        <v>285</v>
      </c>
      <c r="P1065">
        <v>99.480087406819777</v>
      </c>
      <c r="Q1065">
        <v>120</v>
      </c>
    </row>
    <row r="1066" spans="4:17" x14ac:dyDescent="0.25">
      <c r="D1066">
        <v>97.587371214267705</v>
      </c>
      <c r="E1066">
        <v>334</v>
      </c>
      <c r="G1066">
        <v>96.468625128105131</v>
      </c>
      <c r="H1066">
        <v>410</v>
      </c>
      <c r="J1066">
        <v>91.613555147601943</v>
      </c>
      <c r="K1066">
        <v>410</v>
      </c>
      <c r="M1066">
        <v>97.280662364285291</v>
      </c>
      <c r="N1066">
        <v>285</v>
      </c>
      <c r="P1066">
        <v>99.480087406819777</v>
      </c>
      <c r="Q1066">
        <v>120</v>
      </c>
    </row>
    <row r="1067" spans="4:17" x14ac:dyDescent="0.25">
      <c r="D1067">
        <v>97.581413367259515</v>
      </c>
      <c r="E1067">
        <v>334</v>
      </c>
      <c r="G1067">
        <v>96.457048368100217</v>
      </c>
      <c r="H1067">
        <v>411</v>
      </c>
      <c r="J1067">
        <v>91.597114010738011</v>
      </c>
      <c r="K1067">
        <v>410</v>
      </c>
      <c r="M1067">
        <v>97.260920083606763</v>
      </c>
      <c r="N1067">
        <v>286</v>
      </c>
      <c r="P1067">
        <v>99.479369295503218</v>
      </c>
      <c r="Q1067">
        <v>120</v>
      </c>
    </row>
    <row r="1068" spans="4:17" x14ac:dyDescent="0.25">
      <c r="D1068">
        <v>97.575006641367125</v>
      </c>
      <c r="E1068">
        <v>335</v>
      </c>
      <c r="G1068">
        <v>96.445908217329787</v>
      </c>
      <c r="H1068">
        <v>411</v>
      </c>
      <c r="J1068">
        <v>91.581008614911553</v>
      </c>
      <c r="K1068">
        <v>411</v>
      </c>
      <c r="M1068">
        <v>97.241572648541819</v>
      </c>
      <c r="N1068">
        <v>286</v>
      </c>
      <c r="P1068">
        <v>99.479369295503218</v>
      </c>
      <c r="Q1068">
        <v>120</v>
      </c>
    </row>
    <row r="1069" spans="4:17" x14ac:dyDescent="0.25">
      <c r="D1069">
        <v>97.56904879435892</v>
      </c>
      <c r="E1069">
        <v>335</v>
      </c>
      <c r="G1069">
        <v>96.43431822674205</v>
      </c>
      <c r="H1069">
        <v>412</v>
      </c>
      <c r="J1069">
        <v>91.564913393055917</v>
      </c>
      <c r="K1069">
        <v>411</v>
      </c>
      <c r="M1069">
        <v>97.22143552224972</v>
      </c>
      <c r="N1069">
        <v>286</v>
      </c>
      <c r="P1069">
        <v>99.479369295503218</v>
      </c>
      <c r="Q1069">
        <v>120</v>
      </c>
    </row>
    <row r="1070" spans="4:17" x14ac:dyDescent="0.25">
      <c r="D1070">
        <v>97.562642068466545</v>
      </c>
      <c r="E1070">
        <v>336</v>
      </c>
      <c r="G1070">
        <v>96.422741466737122</v>
      </c>
      <c r="H1070">
        <v>412</v>
      </c>
      <c r="J1070">
        <v>91.548807997229446</v>
      </c>
      <c r="K1070">
        <v>412</v>
      </c>
      <c r="M1070">
        <v>97.201693241571206</v>
      </c>
      <c r="N1070">
        <v>287</v>
      </c>
      <c r="P1070">
        <v>99.479369295503218</v>
      </c>
      <c r="Q1070">
        <v>120</v>
      </c>
    </row>
    <row r="1071" spans="4:17" x14ac:dyDescent="0.25">
      <c r="D1071">
        <v>97.55622174018373</v>
      </c>
      <c r="E1071">
        <v>336</v>
      </c>
      <c r="G1071">
        <v>96.410701636332035</v>
      </c>
      <c r="H1071">
        <v>412</v>
      </c>
      <c r="J1071">
        <v>91.53270260140296</v>
      </c>
      <c r="K1071">
        <v>412</v>
      </c>
      <c r="M1071">
        <v>97.181544150260535</v>
      </c>
      <c r="N1071">
        <v>287</v>
      </c>
      <c r="P1071">
        <v>99.479369295503218</v>
      </c>
      <c r="Q1071">
        <v>120</v>
      </c>
    </row>
    <row r="1072" spans="4:17" x14ac:dyDescent="0.25">
      <c r="D1072">
        <v>97.549815014291369</v>
      </c>
      <c r="E1072">
        <v>336</v>
      </c>
      <c r="G1072">
        <v>96.3986750365098</v>
      </c>
      <c r="H1072">
        <v>413</v>
      </c>
      <c r="J1072">
        <v>91.516261464539028</v>
      </c>
      <c r="K1072">
        <v>413</v>
      </c>
      <c r="M1072">
        <v>97.161395058949836</v>
      </c>
      <c r="N1072">
        <v>288</v>
      </c>
      <c r="P1072">
        <v>99.479369295503218</v>
      </c>
      <c r="Q1072">
        <v>120</v>
      </c>
    </row>
    <row r="1073" spans="4:17" x14ac:dyDescent="0.25">
      <c r="D1073">
        <v>97.54339468600854</v>
      </c>
      <c r="E1073">
        <v>337</v>
      </c>
      <c r="G1073">
        <v>96.386648436687565</v>
      </c>
      <c r="H1073">
        <v>413</v>
      </c>
      <c r="J1073">
        <v>91.499810153704288</v>
      </c>
      <c r="K1073">
        <v>413</v>
      </c>
      <c r="M1073">
        <v>97.141245967639179</v>
      </c>
      <c r="N1073">
        <v>288</v>
      </c>
      <c r="P1073">
        <v>99.479369295503218</v>
      </c>
      <c r="Q1073">
        <v>120</v>
      </c>
    </row>
    <row r="1074" spans="4:17" x14ac:dyDescent="0.25">
      <c r="D1074">
        <v>97.536525478841554</v>
      </c>
      <c r="E1074">
        <v>337</v>
      </c>
      <c r="G1074">
        <v>96.374621836865344</v>
      </c>
      <c r="H1074">
        <v>414</v>
      </c>
      <c r="J1074">
        <v>91.483023101832103</v>
      </c>
      <c r="K1074">
        <v>413</v>
      </c>
      <c r="M1074">
        <v>97.121108841347095</v>
      </c>
      <c r="N1074">
        <v>288</v>
      </c>
      <c r="P1074">
        <v>99.479369295503218</v>
      </c>
      <c r="Q1074">
        <v>120</v>
      </c>
    </row>
    <row r="1075" spans="4:17" x14ac:dyDescent="0.25">
      <c r="D1075">
        <v>97.529656271674568</v>
      </c>
      <c r="E1075">
        <v>338</v>
      </c>
      <c r="G1075">
        <v>96.362595237043095</v>
      </c>
      <c r="H1075">
        <v>414</v>
      </c>
      <c r="J1075">
        <v>91.466236049959917</v>
      </c>
      <c r="K1075">
        <v>414</v>
      </c>
      <c r="M1075">
        <v>97.100959750036395</v>
      </c>
      <c r="N1075">
        <v>289</v>
      </c>
      <c r="P1075">
        <v>99.478651184186688</v>
      </c>
      <c r="Q1075">
        <v>120</v>
      </c>
    </row>
    <row r="1076" spans="4:17" x14ac:dyDescent="0.25">
      <c r="D1076">
        <v>97.52323594339174</v>
      </c>
      <c r="E1076">
        <v>338</v>
      </c>
      <c r="G1076">
        <v>96.350118797403525</v>
      </c>
      <c r="H1076">
        <v>415</v>
      </c>
      <c r="J1076">
        <v>91.449794913095985</v>
      </c>
      <c r="K1076">
        <v>414</v>
      </c>
      <c r="M1076">
        <v>97.080810658725738</v>
      </c>
      <c r="N1076">
        <v>289</v>
      </c>
      <c r="P1076">
        <v>99.478651184186688</v>
      </c>
      <c r="Q1076">
        <v>120</v>
      </c>
    </row>
    <row r="1077" spans="4:17" x14ac:dyDescent="0.25">
      <c r="D1077">
        <v>97.516829217499378</v>
      </c>
      <c r="E1077">
        <v>339</v>
      </c>
      <c r="G1077">
        <v>96.337642357763968</v>
      </c>
      <c r="H1077">
        <v>415</v>
      </c>
      <c r="J1077">
        <v>91.433689517269499</v>
      </c>
      <c r="K1077">
        <v>415</v>
      </c>
      <c r="M1077">
        <v>97.060661567415039</v>
      </c>
      <c r="N1077">
        <v>290</v>
      </c>
      <c r="P1077">
        <v>99.478651184186688</v>
      </c>
      <c r="Q1077">
        <v>120</v>
      </c>
    </row>
    <row r="1078" spans="4:17" x14ac:dyDescent="0.25">
      <c r="D1078">
        <v>97.509960010332378</v>
      </c>
      <c r="E1078">
        <v>339</v>
      </c>
      <c r="G1078">
        <v>96.324716078307048</v>
      </c>
      <c r="H1078">
        <v>415</v>
      </c>
      <c r="J1078">
        <v>91.417238206434774</v>
      </c>
      <c r="K1078">
        <v>415</v>
      </c>
      <c r="M1078">
        <v>97.040117630490784</v>
      </c>
      <c r="N1078">
        <v>290</v>
      </c>
      <c r="P1078">
        <v>99.478651184186688</v>
      </c>
      <c r="Q1078">
        <v>120</v>
      </c>
    </row>
    <row r="1079" spans="4:17" x14ac:dyDescent="0.25">
      <c r="D1079">
        <v>97.503090803165378</v>
      </c>
      <c r="E1079">
        <v>339</v>
      </c>
      <c r="G1079">
        <v>96.311803029433008</v>
      </c>
      <c r="H1079">
        <v>416</v>
      </c>
      <c r="J1079">
        <v>91.40147872561657</v>
      </c>
      <c r="K1079">
        <v>415</v>
      </c>
      <c r="M1079">
        <v>97.019968539180113</v>
      </c>
      <c r="N1079">
        <v>291</v>
      </c>
      <c r="P1079">
        <v>99.478651184186688</v>
      </c>
      <c r="Q1079">
        <v>120</v>
      </c>
    </row>
    <row r="1080" spans="4:17" x14ac:dyDescent="0.25">
      <c r="D1080">
        <v>97.496221595998392</v>
      </c>
      <c r="E1080">
        <v>340</v>
      </c>
      <c r="G1080">
        <v>96.298876749976131</v>
      </c>
      <c r="H1080">
        <v>416</v>
      </c>
      <c r="J1080">
        <v>91.38538350376092</v>
      </c>
      <c r="K1080">
        <v>416</v>
      </c>
      <c r="M1080">
        <v>96.999424602255857</v>
      </c>
      <c r="N1080">
        <v>291</v>
      </c>
      <c r="P1080">
        <v>99.478651184186688</v>
      </c>
      <c r="Q1080">
        <v>120</v>
      </c>
    </row>
    <row r="1081" spans="4:17" x14ac:dyDescent="0.25">
      <c r="D1081">
        <v>97.489801267715578</v>
      </c>
      <c r="E1081">
        <v>340</v>
      </c>
      <c r="G1081">
        <v>96.285513861284741</v>
      </c>
      <c r="H1081">
        <v>417</v>
      </c>
      <c r="J1081">
        <v>91.36962402294273</v>
      </c>
      <c r="K1081">
        <v>416</v>
      </c>
      <c r="M1081">
        <v>96.978868700313015</v>
      </c>
      <c r="N1081">
        <v>291</v>
      </c>
      <c r="P1081">
        <v>99.478651184186688</v>
      </c>
      <c r="Q1081">
        <v>120</v>
      </c>
    </row>
    <row r="1082" spans="4:17" x14ac:dyDescent="0.25">
      <c r="D1082">
        <v>97.482932060548606</v>
      </c>
      <c r="E1082">
        <v>341</v>
      </c>
      <c r="G1082">
        <v>96.272137742010514</v>
      </c>
      <c r="H1082">
        <v>417</v>
      </c>
      <c r="J1082">
        <v>91.353518627116244</v>
      </c>
      <c r="K1082">
        <v>417</v>
      </c>
      <c r="M1082">
        <v>96.958324763388788</v>
      </c>
      <c r="N1082">
        <v>292</v>
      </c>
      <c r="P1082">
        <v>99.478651184186688</v>
      </c>
      <c r="Q1082">
        <v>120</v>
      </c>
    </row>
    <row r="1083" spans="4:17" x14ac:dyDescent="0.25">
      <c r="D1083">
        <v>97.476525334656202</v>
      </c>
      <c r="E1083">
        <v>341</v>
      </c>
      <c r="G1083">
        <v>96.258774853319167</v>
      </c>
      <c r="H1083">
        <v>417</v>
      </c>
      <c r="J1083">
        <v>91.337413231289773</v>
      </c>
      <c r="K1083">
        <v>417</v>
      </c>
      <c r="M1083">
        <v>96.937768861445932</v>
      </c>
      <c r="N1083">
        <v>292</v>
      </c>
      <c r="P1083">
        <v>99.477954193791206</v>
      </c>
      <c r="Q1083">
        <v>120</v>
      </c>
    </row>
    <row r="1084" spans="4:17" x14ac:dyDescent="0.25">
      <c r="D1084">
        <v>97.470105006373402</v>
      </c>
      <c r="E1084">
        <v>341</v>
      </c>
      <c r="G1084">
        <v>96.245411964627763</v>
      </c>
      <c r="H1084">
        <v>418</v>
      </c>
      <c r="J1084">
        <v>91.321999665479851</v>
      </c>
      <c r="K1084">
        <v>418</v>
      </c>
      <c r="M1084">
        <v>96.917631735153847</v>
      </c>
      <c r="N1084">
        <v>293</v>
      </c>
      <c r="P1084">
        <v>99.477954193791206</v>
      </c>
      <c r="Q1084">
        <v>120</v>
      </c>
    </row>
    <row r="1085" spans="4:17" x14ac:dyDescent="0.25">
      <c r="D1085">
        <v>97.465072121914417</v>
      </c>
      <c r="E1085">
        <v>342</v>
      </c>
      <c r="G1085">
        <v>96.232049075936402</v>
      </c>
      <c r="H1085">
        <v>418</v>
      </c>
      <c r="J1085">
        <v>91.306575925699093</v>
      </c>
      <c r="K1085">
        <v>418</v>
      </c>
      <c r="M1085">
        <v>96.896669022578834</v>
      </c>
      <c r="N1085">
        <v>293</v>
      </c>
      <c r="P1085">
        <v>99.477954193791206</v>
      </c>
      <c r="Q1085">
        <v>120</v>
      </c>
    </row>
    <row r="1086" spans="4:17" x14ac:dyDescent="0.25">
      <c r="D1086">
        <v>97.458202914747432</v>
      </c>
      <c r="E1086">
        <v>342</v>
      </c>
      <c r="G1086">
        <v>96.218672956662175</v>
      </c>
      <c r="H1086">
        <v>419</v>
      </c>
      <c r="J1086">
        <v>91.291162359889171</v>
      </c>
      <c r="K1086">
        <v>418</v>
      </c>
      <c r="M1086">
        <v>96.876125085654564</v>
      </c>
      <c r="N1086">
        <v>293</v>
      </c>
      <c r="P1086">
        <v>99.478651184186688</v>
      </c>
      <c r="Q1086">
        <v>120</v>
      </c>
    </row>
    <row r="1087" spans="4:17" x14ac:dyDescent="0.25">
      <c r="D1087">
        <v>97.451320105190007</v>
      </c>
      <c r="E1087">
        <v>343</v>
      </c>
      <c r="G1087">
        <v>96.205759907788121</v>
      </c>
      <c r="H1087">
        <v>419</v>
      </c>
      <c r="J1087">
        <v>91.276084535116681</v>
      </c>
      <c r="K1087">
        <v>419</v>
      </c>
      <c r="M1087">
        <v>96.855581148730323</v>
      </c>
      <c r="N1087">
        <v>294</v>
      </c>
      <c r="P1087">
        <v>99.478651184186688</v>
      </c>
      <c r="Q1087">
        <v>120</v>
      </c>
    </row>
    <row r="1088" spans="4:17" x14ac:dyDescent="0.25">
      <c r="D1088">
        <v>97.445375860572227</v>
      </c>
      <c r="E1088">
        <v>343</v>
      </c>
      <c r="G1088">
        <v>96.191947179279438</v>
      </c>
      <c r="H1088">
        <v>420</v>
      </c>
      <c r="J1088">
        <v>91.261352625352487</v>
      </c>
      <c r="K1088">
        <v>419</v>
      </c>
      <c r="M1088">
        <v>96.834618436155324</v>
      </c>
      <c r="N1088">
        <v>294</v>
      </c>
      <c r="P1088">
        <v>99.478651184186688</v>
      </c>
      <c r="Q1088">
        <v>120</v>
      </c>
    </row>
    <row r="1089" spans="4:17" x14ac:dyDescent="0.25">
      <c r="D1089">
        <v>97.439418013564023</v>
      </c>
      <c r="E1089">
        <v>344</v>
      </c>
      <c r="G1089">
        <v>96.178134450770727</v>
      </c>
      <c r="H1089">
        <v>420</v>
      </c>
      <c r="J1089">
        <v>91.246284974550832</v>
      </c>
      <c r="K1089">
        <v>420</v>
      </c>
      <c r="M1089">
        <v>96.814074499231069</v>
      </c>
      <c r="N1089">
        <v>295</v>
      </c>
      <c r="P1089">
        <v>99.478651184186688</v>
      </c>
      <c r="Q1089">
        <v>120</v>
      </c>
    </row>
    <row r="1090" spans="4:17" x14ac:dyDescent="0.25">
      <c r="D1090">
        <v>97.433460166555832</v>
      </c>
      <c r="E1090">
        <v>344</v>
      </c>
      <c r="G1090">
        <v>96.163871882444681</v>
      </c>
      <c r="H1090">
        <v>420</v>
      </c>
      <c r="J1090">
        <v>91.231207149778356</v>
      </c>
      <c r="K1090">
        <v>420</v>
      </c>
      <c r="M1090">
        <v>96.793123751674656</v>
      </c>
      <c r="N1090">
        <v>295</v>
      </c>
      <c r="P1090">
        <v>99.478651184186688</v>
      </c>
      <c r="Q1090">
        <v>120</v>
      </c>
    </row>
    <row r="1091" spans="4:17" x14ac:dyDescent="0.25">
      <c r="D1091">
        <v>97.427502319547628</v>
      </c>
      <c r="E1091">
        <v>344</v>
      </c>
      <c r="G1091">
        <v>96.15005915393597</v>
      </c>
      <c r="H1091">
        <v>421</v>
      </c>
      <c r="J1091">
        <v>91.216475240014162</v>
      </c>
      <c r="K1091">
        <v>420</v>
      </c>
      <c r="M1091">
        <v>96.772173004118258</v>
      </c>
      <c r="N1091">
        <v>296</v>
      </c>
      <c r="P1091">
        <v>99.478651184186688</v>
      </c>
      <c r="Q1091">
        <v>120</v>
      </c>
    </row>
    <row r="1092" spans="4:17" x14ac:dyDescent="0.25">
      <c r="D1092">
        <v>97.421095593655238</v>
      </c>
      <c r="E1092">
        <v>345</v>
      </c>
      <c r="G1092">
        <v>96.135809816192804</v>
      </c>
      <c r="H1092">
        <v>421</v>
      </c>
      <c r="J1092">
        <v>91.201743330249954</v>
      </c>
      <c r="K1092">
        <v>421</v>
      </c>
      <c r="M1092">
        <v>96.751617102175402</v>
      </c>
      <c r="N1092">
        <v>296</v>
      </c>
      <c r="P1092">
        <v>99.478651184186688</v>
      </c>
      <c r="Q1092">
        <v>120</v>
      </c>
    </row>
    <row r="1093" spans="4:17" x14ac:dyDescent="0.25">
      <c r="D1093">
        <v>97.415137746647048</v>
      </c>
      <c r="E1093">
        <v>345</v>
      </c>
      <c r="G1093">
        <v>96.121547247866772</v>
      </c>
      <c r="H1093">
        <v>422</v>
      </c>
      <c r="J1093">
        <v>91.187347161523206</v>
      </c>
      <c r="K1093">
        <v>421</v>
      </c>
      <c r="M1093">
        <v>96.730666354618975</v>
      </c>
      <c r="N1093">
        <v>296</v>
      </c>
      <c r="P1093">
        <v>99.478651184186688</v>
      </c>
      <c r="Q1093">
        <v>120</v>
      </c>
    </row>
    <row r="1094" spans="4:17" x14ac:dyDescent="0.25">
      <c r="D1094">
        <v>97.408731020754658</v>
      </c>
      <c r="E1094">
        <v>346</v>
      </c>
      <c r="G1094">
        <v>96.106848070306256</v>
      </c>
      <c r="H1094">
        <v>422</v>
      </c>
      <c r="J1094">
        <v>91.172615251758998</v>
      </c>
      <c r="K1094">
        <v>422</v>
      </c>
      <c r="M1094">
        <v>96.71012241769472</v>
      </c>
      <c r="N1094">
        <v>297</v>
      </c>
      <c r="P1094">
        <v>99.478651184186688</v>
      </c>
      <c r="Q1094">
        <v>120</v>
      </c>
    </row>
    <row r="1095" spans="4:17" x14ac:dyDescent="0.25">
      <c r="D1095">
        <v>97.402310692471843</v>
      </c>
      <c r="E1095">
        <v>346</v>
      </c>
      <c r="G1095">
        <v>96.092148892745755</v>
      </c>
      <c r="H1095">
        <v>422</v>
      </c>
      <c r="J1095">
        <v>91.15788334199479</v>
      </c>
      <c r="K1095">
        <v>422</v>
      </c>
      <c r="M1095">
        <v>96.689566515751878</v>
      </c>
      <c r="N1095">
        <v>297</v>
      </c>
      <c r="P1095">
        <v>99.477954193791206</v>
      </c>
      <c r="Q1095">
        <v>120</v>
      </c>
    </row>
    <row r="1096" spans="4:17" x14ac:dyDescent="0.25">
      <c r="D1096">
        <v>97.395903966579482</v>
      </c>
      <c r="E1096">
        <v>346</v>
      </c>
      <c r="G1096">
        <v>96.077436484602401</v>
      </c>
      <c r="H1096">
        <v>423</v>
      </c>
      <c r="J1096">
        <v>91.143151432230582</v>
      </c>
      <c r="K1096">
        <v>423</v>
      </c>
      <c r="M1096">
        <v>96.668615768195465</v>
      </c>
      <c r="N1096">
        <v>298</v>
      </c>
      <c r="P1096">
        <v>99.477954193791206</v>
      </c>
      <c r="Q1096">
        <v>120</v>
      </c>
    </row>
    <row r="1097" spans="4:17" x14ac:dyDescent="0.25">
      <c r="D1097">
        <v>97.389946119571277</v>
      </c>
      <c r="E1097">
        <v>347</v>
      </c>
      <c r="G1097">
        <v>96.062287467224536</v>
      </c>
      <c r="H1097">
        <v>423</v>
      </c>
      <c r="J1097">
        <v>91.128419522466359</v>
      </c>
      <c r="K1097">
        <v>423</v>
      </c>
      <c r="M1097">
        <v>96.647665020639067</v>
      </c>
      <c r="N1097">
        <v>298</v>
      </c>
      <c r="P1097">
        <v>99.477954193791206</v>
      </c>
      <c r="Q1097">
        <v>120</v>
      </c>
    </row>
    <row r="1098" spans="4:17" x14ac:dyDescent="0.25">
      <c r="D1098">
        <v>97.383525791288463</v>
      </c>
      <c r="E1098">
        <v>347</v>
      </c>
      <c r="G1098">
        <v>96.046701840612229</v>
      </c>
      <c r="H1098">
        <v>424</v>
      </c>
      <c r="J1098">
        <v>91.113341697693897</v>
      </c>
      <c r="K1098">
        <v>423</v>
      </c>
      <c r="M1098">
        <v>96.626307462450484</v>
      </c>
      <c r="N1098">
        <v>298</v>
      </c>
      <c r="P1098">
        <v>99.477954193791206</v>
      </c>
      <c r="Q1098">
        <v>120</v>
      </c>
    </row>
    <row r="1099" spans="4:17" x14ac:dyDescent="0.25">
      <c r="D1099">
        <v>97.377581546670683</v>
      </c>
      <c r="E1099">
        <v>348</v>
      </c>
      <c r="G1099">
        <v>96.030653143599721</v>
      </c>
      <c r="H1099">
        <v>424</v>
      </c>
      <c r="J1099">
        <v>91.098609787929689</v>
      </c>
      <c r="K1099">
        <v>424</v>
      </c>
      <c r="M1099">
        <v>96.605356714894072</v>
      </c>
      <c r="N1099">
        <v>299</v>
      </c>
      <c r="P1099">
        <v>99.477236082474661</v>
      </c>
      <c r="Q1099">
        <v>120</v>
      </c>
    </row>
    <row r="1100" spans="4:17" x14ac:dyDescent="0.25">
      <c r="D1100">
        <v>97.371623699662479</v>
      </c>
      <c r="E1100">
        <v>348</v>
      </c>
      <c r="G1100">
        <v>96.014617677170065</v>
      </c>
      <c r="H1100">
        <v>425</v>
      </c>
      <c r="J1100">
        <v>91.083542137128035</v>
      </c>
      <c r="K1100">
        <v>424</v>
      </c>
      <c r="M1100">
        <v>96.584405967337645</v>
      </c>
      <c r="N1100">
        <v>299</v>
      </c>
      <c r="P1100">
        <v>99.477236082474661</v>
      </c>
      <c r="Q1100">
        <v>120</v>
      </c>
    </row>
    <row r="1101" spans="4:17" x14ac:dyDescent="0.25">
      <c r="D1101">
        <v>97.365203371379678</v>
      </c>
      <c r="E1101">
        <v>349</v>
      </c>
      <c r="G1101">
        <v>95.998582210740437</v>
      </c>
      <c r="H1101">
        <v>425</v>
      </c>
      <c r="J1101">
        <v>91.068464312355573</v>
      </c>
      <c r="K1101">
        <v>425</v>
      </c>
      <c r="M1101">
        <v>96.563048409149062</v>
      </c>
      <c r="N1101">
        <v>300</v>
      </c>
      <c r="P1101">
        <v>99.477236082474661</v>
      </c>
      <c r="Q1101">
        <v>120</v>
      </c>
    </row>
    <row r="1102" spans="4:17" x14ac:dyDescent="0.25">
      <c r="D1102">
        <v>97.358796645487303</v>
      </c>
      <c r="E1102">
        <v>349</v>
      </c>
      <c r="G1102">
        <v>95.982546744310795</v>
      </c>
      <c r="H1102">
        <v>425</v>
      </c>
      <c r="J1102">
        <v>91.053050746545622</v>
      </c>
      <c r="K1102">
        <v>425</v>
      </c>
      <c r="M1102">
        <v>96.542097661592649</v>
      </c>
      <c r="N1102">
        <v>300</v>
      </c>
      <c r="P1102">
        <v>99.477236082474661</v>
      </c>
      <c r="Q1102">
        <v>120</v>
      </c>
    </row>
    <row r="1103" spans="4:17" x14ac:dyDescent="0.25">
      <c r="D1103">
        <v>97.352389919594913</v>
      </c>
      <c r="E1103">
        <v>349</v>
      </c>
      <c r="G1103">
        <v>95.966061438063818</v>
      </c>
      <c r="H1103">
        <v>426</v>
      </c>
      <c r="J1103">
        <v>91.037972921773175</v>
      </c>
      <c r="K1103">
        <v>425</v>
      </c>
      <c r="M1103">
        <v>96.521146914036251</v>
      </c>
      <c r="N1103">
        <v>301</v>
      </c>
      <c r="P1103">
        <v>99.477236082474661</v>
      </c>
      <c r="Q1103">
        <v>120</v>
      </c>
    </row>
    <row r="1104" spans="4:17" x14ac:dyDescent="0.25">
      <c r="D1104">
        <v>97.345969591312098</v>
      </c>
      <c r="E1104">
        <v>350</v>
      </c>
      <c r="G1104">
        <v>95.949576131816841</v>
      </c>
      <c r="H1104">
        <v>426</v>
      </c>
      <c r="J1104">
        <v>91.022559355963239</v>
      </c>
      <c r="K1104">
        <v>426</v>
      </c>
      <c r="M1104">
        <v>96.500602977111996</v>
      </c>
      <c r="N1104">
        <v>301</v>
      </c>
      <c r="P1104">
        <v>99.477236082474661</v>
      </c>
      <c r="Q1104">
        <v>120</v>
      </c>
    </row>
    <row r="1105" spans="4:17" x14ac:dyDescent="0.25">
      <c r="D1105">
        <v>97.339562865419708</v>
      </c>
      <c r="E1105">
        <v>350</v>
      </c>
      <c r="G1105">
        <v>95.932640985752514</v>
      </c>
      <c r="H1105">
        <v>427</v>
      </c>
      <c r="J1105">
        <v>91.007135616182495</v>
      </c>
      <c r="K1105">
        <v>426</v>
      </c>
      <c r="M1105">
        <v>96.479245418923412</v>
      </c>
      <c r="N1105">
        <v>301</v>
      </c>
      <c r="P1105">
        <v>99.476517971158131</v>
      </c>
      <c r="Q1105">
        <v>120</v>
      </c>
    </row>
    <row r="1106" spans="4:17" x14ac:dyDescent="0.25">
      <c r="D1106">
        <v>97.333142537136908</v>
      </c>
      <c r="E1106">
        <v>351</v>
      </c>
      <c r="G1106">
        <v>95.915705839688201</v>
      </c>
      <c r="H1106">
        <v>427</v>
      </c>
      <c r="J1106">
        <v>90.992057791409991</v>
      </c>
      <c r="K1106">
        <v>427</v>
      </c>
      <c r="M1106">
        <v>96.457887860734829</v>
      </c>
      <c r="N1106">
        <v>302</v>
      </c>
      <c r="P1106">
        <v>99.476517971158131</v>
      </c>
      <c r="Q1106">
        <v>120</v>
      </c>
    </row>
    <row r="1107" spans="4:17" x14ac:dyDescent="0.25">
      <c r="D1107">
        <v>97.326735811244518</v>
      </c>
      <c r="E1107">
        <v>351</v>
      </c>
      <c r="G1107">
        <v>95.898783924206754</v>
      </c>
      <c r="H1107">
        <v>427</v>
      </c>
      <c r="J1107">
        <v>90.976990140608365</v>
      </c>
      <c r="K1107">
        <v>427</v>
      </c>
      <c r="M1107">
        <v>96.436530302546259</v>
      </c>
      <c r="N1107">
        <v>302</v>
      </c>
      <c r="P1107">
        <v>99.476517971158131</v>
      </c>
      <c r="Q1107">
        <v>120</v>
      </c>
    </row>
    <row r="1108" spans="4:17" x14ac:dyDescent="0.25">
      <c r="D1108">
        <v>97.319866604077518</v>
      </c>
      <c r="E1108">
        <v>351</v>
      </c>
      <c r="G1108">
        <v>95.880962329090636</v>
      </c>
      <c r="H1108">
        <v>428</v>
      </c>
      <c r="J1108">
        <v>90.961912315835875</v>
      </c>
      <c r="K1108">
        <v>428</v>
      </c>
      <c r="M1108">
        <v>96.415579554989833</v>
      </c>
      <c r="N1108">
        <v>303</v>
      </c>
      <c r="P1108">
        <v>99.476517971158131</v>
      </c>
      <c r="Q1108">
        <v>120</v>
      </c>
    </row>
    <row r="1109" spans="4:17" x14ac:dyDescent="0.25">
      <c r="D1109">
        <v>97.312983794520107</v>
      </c>
      <c r="E1109">
        <v>352</v>
      </c>
      <c r="G1109">
        <v>95.863140733974518</v>
      </c>
      <c r="H1109">
        <v>428</v>
      </c>
      <c r="J1109">
        <v>90.946834491063385</v>
      </c>
      <c r="K1109">
        <v>428</v>
      </c>
      <c r="M1109">
        <v>96.394221996801264</v>
      </c>
      <c r="N1109">
        <v>303</v>
      </c>
      <c r="P1109">
        <v>99.476517971158131</v>
      </c>
      <c r="Q1109">
        <v>120</v>
      </c>
    </row>
    <row r="1110" spans="4:17" x14ac:dyDescent="0.25">
      <c r="D1110">
        <v>97.30474074591973</v>
      </c>
      <c r="E1110">
        <v>352</v>
      </c>
      <c r="G1110">
        <v>95.844869299041065</v>
      </c>
      <c r="H1110">
        <v>429</v>
      </c>
      <c r="J1110">
        <v>90.931766840261758</v>
      </c>
      <c r="K1110">
        <v>428</v>
      </c>
      <c r="M1110">
        <v>96.373678059877022</v>
      </c>
      <c r="N1110">
        <v>303</v>
      </c>
      <c r="P1110">
        <v>99.476517971158131</v>
      </c>
      <c r="Q1110">
        <v>120</v>
      </c>
    </row>
    <row r="1111" spans="4:17" x14ac:dyDescent="0.25">
      <c r="D1111">
        <v>97.29833402002734</v>
      </c>
      <c r="E1111">
        <v>353</v>
      </c>
      <c r="G1111">
        <v>95.826597864107626</v>
      </c>
      <c r="H1111">
        <v>429</v>
      </c>
      <c r="J1111">
        <v>90.916689015489254</v>
      </c>
      <c r="K1111">
        <v>429</v>
      </c>
      <c r="M1111">
        <v>96.353134122952767</v>
      </c>
      <c r="N1111">
        <v>304</v>
      </c>
      <c r="P1111">
        <v>99.475820980762649</v>
      </c>
      <c r="Q1111">
        <v>120</v>
      </c>
    </row>
    <row r="1112" spans="4:17" x14ac:dyDescent="0.25">
      <c r="D1112">
        <v>97.29146481286034</v>
      </c>
      <c r="E1112">
        <v>353</v>
      </c>
      <c r="G1112">
        <v>95.807889819939703</v>
      </c>
      <c r="H1112">
        <v>430</v>
      </c>
      <c r="J1112">
        <v>90.901957105725046</v>
      </c>
      <c r="K1112">
        <v>429</v>
      </c>
      <c r="M1112">
        <v>96.332578221009911</v>
      </c>
      <c r="N1112">
        <v>304</v>
      </c>
      <c r="P1112">
        <v>99.475820980762649</v>
      </c>
      <c r="Q1112">
        <v>120</v>
      </c>
    </row>
    <row r="1113" spans="4:17" x14ac:dyDescent="0.25">
      <c r="D1113">
        <v>97.284133124418744</v>
      </c>
      <c r="E1113">
        <v>354</v>
      </c>
      <c r="G1113">
        <v>95.789168545188929</v>
      </c>
      <c r="H1113">
        <v>430</v>
      </c>
      <c r="J1113">
        <v>90.886879280952584</v>
      </c>
      <c r="K1113">
        <v>430</v>
      </c>
      <c r="M1113">
        <v>96.312034284085655</v>
      </c>
      <c r="N1113">
        <v>305</v>
      </c>
      <c r="P1113">
        <v>99.475820980762649</v>
      </c>
      <c r="Q1113">
        <v>120</v>
      </c>
    </row>
    <row r="1114" spans="4:17" x14ac:dyDescent="0.25">
      <c r="D1114">
        <v>97.276801435977163</v>
      </c>
      <c r="E1114">
        <v>354</v>
      </c>
      <c r="G1114">
        <v>95.770460501021006</v>
      </c>
      <c r="H1114">
        <v>430</v>
      </c>
      <c r="J1114">
        <v>90.872493286196658</v>
      </c>
      <c r="K1114">
        <v>430</v>
      </c>
      <c r="M1114">
        <v>96.291478382142841</v>
      </c>
      <c r="N1114">
        <v>305</v>
      </c>
      <c r="P1114">
        <v>99.475820980762649</v>
      </c>
      <c r="Q1114">
        <v>120</v>
      </c>
    </row>
    <row r="1115" spans="4:17" x14ac:dyDescent="0.25">
      <c r="D1115">
        <v>97.269469747535538</v>
      </c>
      <c r="E1115">
        <v>354</v>
      </c>
      <c r="G1115">
        <v>95.751302617035748</v>
      </c>
      <c r="H1115">
        <v>431</v>
      </c>
      <c r="J1115">
        <v>90.858443032478149</v>
      </c>
      <c r="K1115">
        <v>430</v>
      </c>
      <c r="M1115">
        <v>96.270934445218572</v>
      </c>
      <c r="N1115">
        <v>306</v>
      </c>
      <c r="P1115">
        <v>99.47510286944609</v>
      </c>
      <c r="Q1115">
        <v>120</v>
      </c>
    </row>
    <row r="1116" spans="4:17" x14ac:dyDescent="0.25">
      <c r="D1116">
        <v>97.262151661484381</v>
      </c>
      <c r="E1116">
        <v>355</v>
      </c>
      <c r="G1116">
        <v>95.731694893233168</v>
      </c>
      <c r="H1116">
        <v>431</v>
      </c>
      <c r="J1116">
        <v>90.843711122713955</v>
      </c>
      <c r="K1116">
        <v>431</v>
      </c>
      <c r="M1116">
        <v>96.249983697662174</v>
      </c>
      <c r="N1116">
        <v>306</v>
      </c>
      <c r="P1116">
        <v>99.47510286944609</v>
      </c>
      <c r="Q1116">
        <v>120</v>
      </c>
    </row>
    <row r="1117" spans="4:17" x14ac:dyDescent="0.25">
      <c r="D1117">
        <v>97.2548199730428</v>
      </c>
      <c r="E1117">
        <v>355</v>
      </c>
      <c r="G1117">
        <v>95.712100400013441</v>
      </c>
      <c r="H1117">
        <v>432</v>
      </c>
      <c r="J1117">
        <v>90.828979212949761</v>
      </c>
      <c r="K1117">
        <v>431</v>
      </c>
      <c r="M1117">
        <v>96.229032950105747</v>
      </c>
      <c r="N1117">
        <v>306</v>
      </c>
      <c r="P1117">
        <v>99.47510286944609</v>
      </c>
      <c r="Q1117">
        <v>120</v>
      </c>
    </row>
    <row r="1118" spans="4:17" x14ac:dyDescent="0.25">
      <c r="D1118">
        <v>97.247488284601189</v>
      </c>
      <c r="E1118">
        <v>356</v>
      </c>
      <c r="G1118">
        <v>95.692042836393526</v>
      </c>
      <c r="H1118">
        <v>432</v>
      </c>
      <c r="J1118">
        <v>90.814247303185553</v>
      </c>
      <c r="K1118">
        <v>432</v>
      </c>
      <c r="M1118">
        <v>96.208477048162905</v>
      </c>
      <c r="N1118">
        <v>307</v>
      </c>
      <c r="P1118">
        <v>99.475820980762649</v>
      </c>
      <c r="Q1118">
        <v>120</v>
      </c>
    </row>
    <row r="1119" spans="4:17" x14ac:dyDescent="0.25">
      <c r="D1119">
        <v>97.240619077434204</v>
      </c>
      <c r="E1119">
        <v>356</v>
      </c>
      <c r="G1119">
        <v>95.671548663539127</v>
      </c>
      <c r="H1119">
        <v>432</v>
      </c>
      <c r="J1119">
        <v>90.799515393421345</v>
      </c>
      <c r="K1119">
        <v>432</v>
      </c>
      <c r="M1119">
        <v>96.187933111238664</v>
      </c>
      <c r="N1119">
        <v>307</v>
      </c>
      <c r="P1119">
        <v>99.47510286944609</v>
      </c>
      <c r="Q1119">
        <v>120</v>
      </c>
    </row>
    <row r="1120" spans="4:17" x14ac:dyDescent="0.25">
      <c r="D1120">
        <v>97.233287388992579</v>
      </c>
      <c r="E1120">
        <v>356</v>
      </c>
      <c r="G1120">
        <v>95.651054490684743</v>
      </c>
      <c r="H1120">
        <v>433</v>
      </c>
      <c r="J1120">
        <v>90.784437568648883</v>
      </c>
      <c r="K1120">
        <v>433</v>
      </c>
      <c r="M1120">
        <v>96.167784019927964</v>
      </c>
      <c r="N1120">
        <v>308</v>
      </c>
      <c r="P1120">
        <v>99.47510286944609</v>
      </c>
      <c r="Q1120">
        <v>120</v>
      </c>
    </row>
    <row r="1121" spans="4:17" x14ac:dyDescent="0.25">
      <c r="D1121">
        <v>97.226418181825608</v>
      </c>
      <c r="E1121">
        <v>357</v>
      </c>
      <c r="G1121">
        <v>95.630560317830344</v>
      </c>
      <c r="H1121">
        <v>433</v>
      </c>
      <c r="J1121">
        <v>90.769369917847214</v>
      </c>
      <c r="K1121">
        <v>433</v>
      </c>
      <c r="M1121">
        <v>96.147228117985122</v>
      </c>
      <c r="N1121">
        <v>308</v>
      </c>
      <c r="P1121">
        <v>99.47510286944609</v>
      </c>
      <c r="Q1121">
        <v>120</v>
      </c>
    </row>
    <row r="1122" spans="4:17" x14ac:dyDescent="0.25">
      <c r="D1122">
        <v>97.219548974658622</v>
      </c>
      <c r="E1122">
        <v>357</v>
      </c>
      <c r="G1122">
        <v>95.608729856106834</v>
      </c>
      <c r="H1122">
        <v>434</v>
      </c>
      <c r="J1122">
        <v>90.754292093074739</v>
      </c>
      <c r="K1122">
        <v>433</v>
      </c>
      <c r="M1122">
        <v>96.126684181060881</v>
      </c>
      <c r="N1122">
        <v>308</v>
      </c>
      <c r="P1122">
        <v>99.47510286944609</v>
      </c>
      <c r="Q1122">
        <v>120</v>
      </c>
    </row>
    <row r="1123" spans="4:17" x14ac:dyDescent="0.25">
      <c r="D1123">
        <v>97.212217286217012</v>
      </c>
      <c r="E1123">
        <v>358</v>
      </c>
      <c r="G1123">
        <v>95.586899394383295</v>
      </c>
      <c r="H1123">
        <v>434</v>
      </c>
      <c r="J1123">
        <v>90.739560183310545</v>
      </c>
      <c r="K1123">
        <v>434</v>
      </c>
      <c r="M1123">
        <v>96.10614024413664</v>
      </c>
      <c r="N1123">
        <v>309</v>
      </c>
      <c r="P1123">
        <v>99.47510286944609</v>
      </c>
      <c r="Q1123">
        <v>120</v>
      </c>
    </row>
    <row r="1124" spans="4:17" x14ac:dyDescent="0.25">
      <c r="D1124">
        <v>97.205348079050026</v>
      </c>
      <c r="E1124">
        <v>358</v>
      </c>
      <c r="G1124">
        <v>95.56506893265977</v>
      </c>
      <c r="H1124">
        <v>435</v>
      </c>
      <c r="J1124">
        <v>90.724482358538054</v>
      </c>
      <c r="K1124">
        <v>434</v>
      </c>
      <c r="M1124">
        <v>96.08599115282594</v>
      </c>
      <c r="N1124">
        <v>309</v>
      </c>
      <c r="P1124">
        <v>99.47510286944609</v>
      </c>
      <c r="Q1124">
        <v>120</v>
      </c>
    </row>
    <row r="1125" spans="4:17" x14ac:dyDescent="0.25">
      <c r="D1125">
        <v>97.198478871883026</v>
      </c>
      <c r="E1125">
        <v>359</v>
      </c>
      <c r="G1125">
        <v>95.543238470936245</v>
      </c>
      <c r="H1125">
        <v>435</v>
      </c>
      <c r="J1125">
        <v>90.709404533765593</v>
      </c>
      <c r="K1125">
        <v>435</v>
      </c>
      <c r="M1125">
        <v>96.065435250883098</v>
      </c>
      <c r="N1125">
        <v>310</v>
      </c>
      <c r="P1125">
        <v>99.47510286944609</v>
      </c>
      <c r="Q1125">
        <v>120</v>
      </c>
    </row>
    <row r="1126" spans="4:17" x14ac:dyDescent="0.25">
      <c r="D1126">
        <v>97.19160966471604</v>
      </c>
      <c r="E1126">
        <v>359</v>
      </c>
      <c r="G1126">
        <v>95.52050832957805</v>
      </c>
      <c r="H1126">
        <v>435</v>
      </c>
      <c r="J1126">
        <v>90.694672624001399</v>
      </c>
      <c r="K1126">
        <v>435</v>
      </c>
      <c r="M1126">
        <v>96.044891313958857</v>
      </c>
      <c r="N1126">
        <v>310</v>
      </c>
      <c r="P1126">
        <v>99.47510286944609</v>
      </c>
      <c r="Q1126">
        <v>120</v>
      </c>
    </row>
    <row r="1127" spans="4:17" x14ac:dyDescent="0.25">
      <c r="D1127">
        <v>97.184277976274444</v>
      </c>
      <c r="E1127">
        <v>359</v>
      </c>
      <c r="G1127">
        <v>95.497791418802734</v>
      </c>
      <c r="H1127">
        <v>436</v>
      </c>
      <c r="J1127">
        <v>90.679604973199744</v>
      </c>
      <c r="K1127">
        <v>435</v>
      </c>
      <c r="M1127">
        <v>96.024335412016001</v>
      </c>
      <c r="N1127">
        <v>311</v>
      </c>
      <c r="P1127">
        <v>99.47510286944609</v>
      </c>
      <c r="Q1127">
        <v>120</v>
      </c>
    </row>
    <row r="1128" spans="4:17" x14ac:dyDescent="0.25">
      <c r="D1128">
        <v>97.177408769107458</v>
      </c>
      <c r="E1128">
        <v>360</v>
      </c>
      <c r="G1128">
        <v>95.475061277444539</v>
      </c>
      <c r="H1128">
        <v>436</v>
      </c>
      <c r="J1128">
        <v>90.664527148427254</v>
      </c>
      <c r="K1128">
        <v>436</v>
      </c>
      <c r="M1128">
        <v>96.003791475091774</v>
      </c>
      <c r="N1128">
        <v>311</v>
      </c>
      <c r="P1128">
        <v>99.474384758129546</v>
      </c>
      <c r="Q1128">
        <v>120</v>
      </c>
    </row>
    <row r="1129" spans="4:17" x14ac:dyDescent="0.25">
      <c r="D1129">
        <v>97.170525959550019</v>
      </c>
      <c r="E1129">
        <v>360</v>
      </c>
      <c r="G1129">
        <v>95.451894526851873</v>
      </c>
      <c r="H1129">
        <v>437</v>
      </c>
      <c r="J1129">
        <v>90.64979523866306</v>
      </c>
      <c r="K1129">
        <v>436</v>
      </c>
      <c r="M1129">
        <v>95.98324753816749</v>
      </c>
      <c r="N1129">
        <v>311</v>
      </c>
      <c r="P1129">
        <v>99.474384758129546</v>
      </c>
      <c r="Q1129">
        <v>120</v>
      </c>
    </row>
    <row r="1130" spans="4:17" x14ac:dyDescent="0.25">
      <c r="D1130">
        <v>97.163656752383048</v>
      </c>
      <c r="E1130">
        <v>361</v>
      </c>
      <c r="G1130">
        <v>95.428727776259208</v>
      </c>
      <c r="H1130">
        <v>437</v>
      </c>
      <c r="J1130">
        <v>90.635063328898852</v>
      </c>
      <c r="K1130">
        <v>437</v>
      </c>
      <c r="M1130">
        <v>95.962691636224648</v>
      </c>
      <c r="N1130">
        <v>312</v>
      </c>
      <c r="P1130">
        <v>99.474384758129546</v>
      </c>
      <c r="Q1130">
        <v>120</v>
      </c>
    </row>
    <row r="1131" spans="4:17" x14ac:dyDescent="0.25">
      <c r="D1131">
        <v>97.156338666331862</v>
      </c>
      <c r="E1131">
        <v>361</v>
      </c>
      <c r="G1131">
        <v>95.404674576614738</v>
      </c>
      <c r="H1131">
        <v>437</v>
      </c>
      <c r="J1131">
        <v>90.620331419134629</v>
      </c>
      <c r="K1131">
        <v>437</v>
      </c>
      <c r="M1131">
        <v>95.942542544913977</v>
      </c>
      <c r="N1131">
        <v>312</v>
      </c>
      <c r="P1131">
        <v>99.474384758129546</v>
      </c>
      <c r="Q1131">
        <v>120</v>
      </c>
    </row>
    <row r="1132" spans="4:17" x14ac:dyDescent="0.25">
      <c r="D1132">
        <v>97.149455856774452</v>
      </c>
      <c r="E1132">
        <v>361</v>
      </c>
      <c r="G1132">
        <v>95.380608146387416</v>
      </c>
      <c r="H1132">
        <v>438</v>
      </c>
      <c r="J1132">
        <v>90.60559950937045</v>
      </c>
      <c r="K1132">
        <v>438</v>
      </c>
      <c r="M1132">
        <v>95.92199860798975</v>
      </c>
      <c r="N1132">
        <v>313</v>
      </c>
      <c r="P1132">
        <v>99.474384758129546</v>
      </c>
      <c r="Q1132">
        <v>120</v>
      </c>
    </row>
    <row r="1133" spans="4:17" x14ac:dyDescent="0.25">
      <c r="D1133">
        <v>97.142586649607438</v>
      </c>
      <c r="E1133">
        <v>362</v>
      </c>
      <c r="G1133">
        <v>95.356554946742946</v>
      </c>
      <c r="H1133">
        <v>438</v>
      </c>
      <c r="J1133">
        <v>90.591203340643688</v>
      </c>
      <c r="K1133">
        <v>438</v>
      </c>
      <c r="M1133">
        <v>95.901454671065494</v>
      </c>
      <c r="N1133">
        <v>313</v>
      </c>
      <c r="P1133">
        <v>99.473687767734091</v>
      </c>
      <c r="Q1133">
        <v>120</v>
      </c>
    </row>
    <row r="1134" spans="4:17" x14ac:dyDescent="0.25">
      <c r="D1134">
        <v>97.135254961165856</v>
      </c>
      <c r="E1134">
        <v>362</v>
      </c>
      <c r="G1134">
        <v>95.331602067463805</v>
      </c>
      <c r="H1134">
        <v>439</v>
      </c>
      <c r="J1134">
        <v>90.577163260896015</v>
      </c>
      <c r="K1134">
        <v>438</v>
      </c>
      <c r="M1134">
        <v>95.881305579754809</v>
      </c>
      <c r="N1134">
        <v>313</v>
      </c>
      <c r="P1134">
        <v>99.473687767734091</v>
      </c>
      <c r="Q1134">
        <v>120</v>
      </c>
    </row>
    <row r="1135" spans="4:17" x14ac:dyDescent="0.25">
      <c r="D1135">
        <v>97.127936875114685</v>
      </c>
      <c r="E1135">
        <v>363</v>
      </c>
      <c r="G1135">
        <v>95.306649188184679</v>
      </c>
      <c r="H1135">
        <v>439</v>
      </c>
      <c r="J1135">
        <v>90.562767092169267</v>
      </c>
      <c r="K1135">
        <v>439</v>
      </c>
      <c r="M1135">
        <v>95.860749677811981</v>
      </c>
      <c r="N1135">
        <v>314</v>
      </c>
      <c r="P1135">
        <v>99.473687767734091</v>
      </c>
      <c r="Q1135">
        <v>120</v>
      </c>
    </row>
    <row r="1136" spans="4:17" x14ac:dyDescent="0.25">
      <c r="D1136">
        <v>97.121067667947685</v>
      </c>
      <c r="E1136">
        <v>363</v>
      </c>
      <c r="G1136">
        <v>95.281696308905524</v>
      </c>
      <c r="H1136">
        <v>440</v>
      </c>
      <c r="J1136">
        <v>90.548381097413326</v>
      </c>
      <c r="K1136">
        <v>439</v>
      </c>
      <c r="M1136">
        <v>95.840612551519882</v>
      </c>
      <c r="N1136">
        <v>314</v>
      </c>
      <c r="P1136">
        <v>99.472969656417533</v>
      </c>
      <c r="Q1136">
        <v>120</v>
      </c>
    </row>
    <row r="1137" spans="4:17" x14ac:dyDescent="0.25">
      <c r="D1137">
        <v>97.11418485839026</v>
      </c>
      <c r="E1137">
        <v>364</v>
      </c>
      <c r="G1137">
        <v>95.255856980574592</v>
      </c>
      <c r="H1137">
        <v>440</v>
      </c>
      <c r="J1137">
        <v>90.533649187649118</v>
      </c>
      <c r="K1137">
        <v>440</v>
      </c>
      <c r="M1137">
        <v>95.820463460209183</v>
      </c>
      <c r="N1137">
        <v>315</v>
      </c>
      <c r="P1137">
        <v>99.472969656417533</v>
      </c>
      <c r="Q1137">
        <v>120</v>
      </c>
    </row>
    <row r="1138" spans="4:17" x14ac:dyDescent="0.25">
      <c r="D1138">
        <v>97.106866772339103</v>
      </c>
      <c r="E1138">
        <v>364</v>
      </c>
      <c r="G1138">
        <v>95.230017652243646</v>
      </c>
      <c r="H1138">
        <v>440</v>
      </c>
      <c r="J1138">
        <v>90.519263192893192</v>
      </c>
      <c r="K1138">
        <v>440</v>
      </c>
      <c r="M1138">
        <v>95.799907558266341</v>
      </c>
      <c r="N1138">
        <v>315</v>
      </c>
      <c r="P1138">
        <v>99.472969656417533</v>
      </c>
      <c r="Q1138">
        <v>120</v>
      </c>
    </row>
    <row r="1139" spans="4:17" x14ac:dyDescent="0.25">
      <c r="D1139">
        <v>97.099535083897493</v>
      </c>
      <c r="E1139">
        <v>364</v>
      </c>
      <c r="G1139">
        <v>95.204178323912728</v>
      </c>
      <c r="H1139">
        <v>441</v>
      </c>
      <c r="J1139">
        <v>90.504867024166458</v>
      </c>
      <c r="K1139">
        <v>440</v>
      </c>
      <c r="M1139">
        <v>95.779770431974256</v>
      </c>
      <c r="N1139">
        <v>316</v>
      </c>
      <c r="P1139">
        <v>99.472251545100974</v>
      </c>
      <c r="Q1139">
        <v>120</v>
      </c>
    </row>
    <row r="1140" spans="4:17" x14ac:dyDescent="0.25">
      <c r="D1140">
        <v>97.092665876730507</v>
      </c>
      <c r="E1140">
        <v>365</v>
      </c>
      <c r="G1140">
        <v>95.177889155764461</v>
      </c>
      <c r="H1140">
        <v>441</v>
      </c>
      <c r="J1140">
        <v>90.490481029410518</v>
      </c>
      <c r="K1140">
        <v>441</v>
      </c>
      <c r="M1140">
        <v>95.759621340663585</v>
      </c>
      <c r="N1140">
        <v>316</v>
      </c>
      <c r="P1140">
        <v>99.472251545100974</v>
      </c>
      <c r="Q1140">
        <v>120</v>
      </c>
    </row>
    <row r="1141" spans="4:17" x14ac:dyDescent="0.25">
      <c r="D1141">
        <v>97.085334188288925</v>
      </c>
      <c r="E1141">
        <v>365</v>
      </c>
      <c r="G1141">
        <v>95.15159998761618</v>
      </c>
      <c r="H1141">
        <v>442</v>
      </c>
      <c r="J1141">
        <v>90.476084860683741</v>
      </c>
      <c r="K1141">
        <v>441</v>
      </c>
      <c r="M1141">
        <v>95.739472249352886</v>
      </c>
      <c r="N1141">
        <v>316</v>
      </c>
      <c r="P1141">
        <v>99.472251545100974</v>
      </c>
      <c r="Q1141">
        <v>120</v>
      </c>
    </row>
    <row r="1142" spans="4:17" x14ac:dyDescent="0.25">
      <c r="D1142">
        <v>97.078464981121911</v>
      </c>
      <c r="E1142">
        <v>366</v>
      </c>
      <c r="G1142">
        <v>95.124424370416108</v>
      </c>
      <c r="H1142">
        <v>442</v>
      </c>
      <c r="J1142">
        <v>90.462380521973543</v>
      </c>
      <c r="K1142">
        <v>442</v>
      </c>
      <c r="M1142">
        <v>95.719323158042215</v>
      </c>
      <c r="N1142">
        <v>317</v>
      </c>
      <c r="P1142">
        <v>99.472969656417533</v>
      </c>
      <c r="Q1142">
        <v>120</v>
      </c>
    </row>
    <row r="1143" spans="4:17" x14ac:dyDescent="0.25">
      <c r="D1143">
        <v>97.072044652839111</v>
      </c>
      <c r="E1143">
        <v>366</v>
      </c>
      <c r="G1143">
        <v>95.097248753216022</v>
      </c>
      <c r="H1143">
        <v>442</v>
      </c>
      <c r="J1143">
        <v>90.448676183263331</v>
      </c>
      <c r="K1143">
        <v>442</v>
      </c>
      <c r="M1143">
        <v>95.699186031750131</v>
      </c>
      <c r="N1143">
        <v>317</v>
      </c>
      <c r="P1143">
        <v>99.473687767734091</v>
      </c>
      <c r="Q1143">
        <v>120</v>
      </c>
    </row>
    <row r="1144" spans="4:17" x14ac:dyDescent="0.25">
      <c r="D1144">
        <v>97.065175445672125</v>
      </c>
      <c r="E1144">
        <v>366</v>
      </c>
      <c r="G1144">
        <v>95.069623296198628</v>
      </c>
      <c r="H1144">
        <v>443</v>
      </c>
      <c r="J1144">
        <v>90.434971844553118</v>
      </c>
      <c r="K1144">
        <v>443</v>
      </c>
      <c r="M1144">
        <v>95.67903694043946</v>
      </c>
      <c r="N1144">
        <v>318</v>
      </c>
      <c r="P1144">
        <v>99.47510286944609</v>
      </c>
      <c r="Q1144">
        <v>120</v>
      </c>
    </row>
    <row r="1145" spans="4:17" x14ac:dyDescent="0.25">
      <c r="D1145">
        <v>97.057843757230529</v>
      </c>
      <c r="E1145">
        <v>367</v>
      </c>
      <c r="G1145">
        <v>95.041547999363871</v>
      </c>
      <c r="H1145">
        <v>443</v>
      </c>
      <c r="J1145">
        <v>90.421267505842934</v>
      </c>
      <c r="K1145">
        <v>443</v>
      </c>
      <c r="M1145">
        <v>95.659294659760931</v>
      </c>
      <c r="N1145">
        <v>318</v>
      </c>
      <c r="P1145">
        <v>99.477236082474661</v>
      </c>
      <c r="Q1145">
        <v>120</v>
      </c>
    </row>
    <row r="1146" spans="4:17" x14ac:dyDescent="0.25">
      <c r="D1146">
        <v>97.050974550063529</v>
      </c>
      <c r="E1146">
        <v>367</v>
      </c>
      <c r="G1146">
        <v>95.012586253477323</v>
      </c>
      <c r="H1146">
        <v>444</v>
      </c>
      <c r="J1146">
        <v>90.407227426095247</v>
      </c>
      <c r="K1146">
        <v>443</v>
      </c>
      <c r="M1146">
        <v>95.639145568450246</v>
      </c>
      <c r="N1146">
        <v>318</v>
      </c>
      <c r="P1146">
        <v>99.478651184186688</v>
      </c>
      <c r="Q1146">
        <v>120</v>
      </c>
    </row>
    <row r="1147" spans="4:17" x14ac:dyDescent="0.25">
      <c r="D1147">
        <v>97.043642861621933</v>
      </c>
      <c r="E1147">
        <v>368</v>
      </c>
      <c r="G1147">
        <v>94.983637738173641</v>
      </c>
      <c r="H1147">
        <v>444</v>
      </c>
      <c r="J1147">
        <v>90.392831257368499</v>
      </c>
      <c r="K1147">
        <v>444</v>
      </c>
      <c r="M1147">
        <v>95.619403287771732</v>
      </c>
      <c r="N1147">
        <v>319</v>
      </c>
      <c r="P1147">
        <v>99.481502508531776</v>
      </c>
      <c r="Q1147">
        <v>120</v>
      </c>
    </row>
    <row r="1148" spans="4:17" x14ac:dyDescent="0.25">
      <c r="D1148">
        <v>97.036324775570762</v>
      </c>
      <c r="E1148">
        <v>368</v>
      </c>
      <c r="G1148">
        <v>94.954675992287093</v>
      </c>
      <c r="H1148">
        <v>445</v>
      </c>
      <c r="J1148">
        <v>90.379126918658301</v>
      </c>
      <c r="K1148">
        <v>444</v>
      </c>
      <c r="M1148">
        <v>95.599254196461075</v>
      </c>
      <c r="N1148">
        <v>319</v>
      </c>
      <c r="P1148">
        <v>99.483635721560375</v>
      </c>
      <c r="Q1148">
        <v>120</v>
      </c>
    </row>
    <row r="1149" spans="4:17" x14ac:dyDescent="0.25">
      <c r="D1149">
        <v>97.028993087129166</v>
      </c>
      <c r="E1149">
        <v>369</v>
      </c>
      <c r="G1149">
        <v>94.924814566765875</v>
      </c>
      <c r="H1149">
        <v>445</v>
      </c>
      <c r="J1149">
        <v>90.365422579948088</v>
      </c>
      <c r="K1149">
        <v>445</v>
      </c>
      <c r="M1149">
        <v>95.579511915782547</v>
      </c>
      <c r="N1149">
        <v>320</v>
      </c>
      <c r="P1149">
        <v>99.486487045905463</v>
      </c>
      <c r="Q1149">
        <v>120</v>
      </c>
    </row>
    <row r="1150" spans="4:17" x14ac:dyDescent="0.25">
      <c r="D1150">
        <v>97.021661398687556</v>
      </c>
      <c r="E1150">
        <v>369</v>
      </c>
      <c r="G1150">
        <v>94.894516532010215</v>
      </c>
      <c r="H1150">
        <v>445</v>
      </c>
      <c r="J1150">
        <v>90.352410071254425</v>
      </c>
      <c r="K1150">
        <v>445</v>
      </c>
      <c r="M1150">
        <v>95.559769635104004</v>
      </c>
      <c r="N1150">
        <v>320</v>
      </c>
      <c r="P1150">
        <v>99.490035360646061</v>
      </c>
      <c r="Q1150">
        <v>120</v>
      </c>
    </row>
    <row r="1151" spans="4:17" x14ac:dyDescent="0.25">
      <c r="D1151">
        <v>97.01479219152057</v>
      </c>
      <c r="E1151">
        <v>369</v>
      </c>
      <c r="G1151">
        <v>94.864231727837392</v>
      </c>
      <c r="H1151">
        <v>446</v>
      </c>
      <c r="J1151">
        <v>90.339387388589941</v>
      </c>
      <c r="K1151">
        <v>445</v>
      </c>
      <c r="M1151">
        <v>95.540027354425504</v>
      </c>
      <c r="N1151">
        <v>321</v>
      </c>
      <c r="P1151">
        <v>99.492886684991177</v>
      </c>
      <c r="Q1151">
        <v>120</v>
      </c>
    </row>
    <row r="1152" spans="4:17" x14ac:dyDescent="0.25">
      <c r="D1152">
        <v>97.007460503078974</v>
      </c>
      <c r="E1152">
        <v>370</v>
      </c>
      <c r="G1152">
        <v>94.833034013447033</v>
      </c>
      <c r="H1152">
        <v>446</v>
      </c>
      <c r="J1152">
        <v>90.326710620933724</v>
      </c>
      <c r="K1152">
        <v>446</v>
      </c>
      <c r="M1152">
        <v>95.520285073746976</v>
      </c>
      <c r="N1152">
        <v>321</v>
      </c>
      <c r="P1152">
        <v>99.496434999731761</v>
      </c>
      <c r="Q1152">
        <v>120</v>
      </c>
    </row>
    <row r="1153" spans="4:17" x14ac:dyDescent="0.25">
      <c r="D1153">
        <v>97.000128814637378</v>
      </c>
      <c r="E1153">
        <v>370</v>
      </c>
      <c r="G1153">
        <v>94.801849529639554</v>
      </c>
      <c r="H1153">
        <v>447</v>
      </c>
      <c r="J1153">
        <v>90.313352197231794</v>
      </c>
      <c r="K1153">
        <v>446</v>
      </c>
      <c r="M1153">
        <v>95.500542793068476</v>
      </c>
      <c r="N1153">
        <v>321</v>
      </c>
      <c r="P1153">
        <v>99.500004435393436</v>
      </c>
      <c r="Q1153">
        <v>120</v>
      </c>
    </row>
    <row r="1154" spans="4:17" x14ac:dyDescent="0.25">
      <c r="D1154">
        <v>96.992797126195768</v>
      </c>
      <c r="E1154">
        <v>371</v>
      </c>
      <c r="G1154">
        <v>94.770215206014711</v>
      </c>
      <c r="H1154">
        <v>447</v>
      </c>
      <c r="J1154">
        <v>90.299983599559027</v>
      </c>
      <c r="K1154">
        <v>447</v>
      </c>
      <c r="M1154">
        <v>95.480800512389948</v>
      </c>
      <c r="N1154">
        <v>322</v>
      </c>
      <c r="P1154">
        <v>99.503552750134006</v>
      </c>
      <c r="Q1154">
        <v>121</v>
      </c>
    </row>
    <row r="1155" spans="4:17" x14ac:dyDescent="0.25">
      <c r="D1155">
        <v>96.985016558869987</v>
      </c>
      <c r="E1155">
        <v>371</v>
      </c>
      <c r="G1155">
        <v>94.738580882389911</v>
      </c>
      <c r="H1155">
        <v>447</v>
      </c>
      <c r="J1155">
        <v>90.286279260848829</v>
      </c>
      <c r="K1155">
        <v>447</v>
      </c>
      <c r="M1155">
        <v>95.461453077325004</v>
      </c>
      <c r="N1155">
        <v>322</v>
      </c>
      <c r="P1155">
        <v>99.507101064874604</v>
      </c>
      <c r="Q1155">
        <v>121</v>
      </c>
    </row>
    <row r="1156" spans="4:17" x14ac:dyDescent="0.25">
      <c r="D1156">
        <v>96.977684870428376</v>
      </c>
      <c r="E1156">
        <v>371</v>
      </c>
      <c r="G1156">
        <v>94.706509949530627</v>
      </c>
      <c r="H1156">
        <v>448</v>
      </c>
      <c r="J1156">
        <v>90.27223918110117</v>
      </c>
      <c r="K1156">
        <v>448</v>
      </c>
      <c r="M1156">
        <v>95.441303986014319</v>
      </c>
      <c r="N1156">
        <v>323</v>
      </c>
      <c r="P1156">
        <v>99.511367490931733</v>
      </c>
      <c r="Q1156">
        <v>121</v>
      </c>
    </row>
    <row r="1157" spans="4:17" x14ac:dyDescent="0.25">
      <c r="D1157">
        <v>96.970353181986781</v>
      </c>
      <c r="E1157">
        <v>372</v>
      </c>
      <c r="G1157">
        <v>94.673975946271142</v>
      </c>
      <c r="H1157">
        <v>448</v>
      </c>
      <c r="J1157">
        <v>90.257843012374394</v>
      </c>
      <c r="K1157">
        <v>448</v>
      </c>
      <c r="M1157">
        <v>95.421561705335805</v>
      </c>
      <c r="N1157">
        <v>323</v>
      </c>
      <c r="P1157">
        <v>99.514936926593393</v>
      </c>
      <c r="Q1157">
        <v>122</v>
      </c>
    </row>
    <row r="1158" spans="4:17" x14ac:dyDescent="0.25">
      <c r="D1158">
        <v>96.963483974819809</v>
      </c>
      <c r="E1158">
        <v>372</v>
      </c>
      <c r="G1158">
        <v>94.641005333777187</v>
      </c>
      <c r="H1158">
        <v>449</v>
      </c>
      <c r="J1158">
        <v>90.244138673664196</v>
      </c>
      <c r="K1158">
        <v>448</v>
      </c>
      <c r="M1158">
        <v>95.40181942465729</v>
      </c>
      <c r="N1158">
        <v>323</v>
      </c>
      <c r="P1158">
        <v>99.518485241333977</v>
      </c>
      <c r="Q1158">
        <v>122</v>
      </c>
    </row>
    <row r="1159" spans="4:17" x14ac:dyDescent="0.25">
      <c r="D1159">
        <v>96.956152286378199</v>
      </c>
      <c r="E1159">
        <v>373</v>
      </c>
      <c r="G1159">
        <v>94.608484561100553</v>
      </c>
      <c r="H1159">
        <v>449</v>
      </c>
      <c r="J1159">
        <v>90.230434334953998</v>
      </c>
      <c r="K1159">
        <v>449</v>
      </c>
      <c r="M1159">
        <v>95.382077143978776</v>
      </c>
      <c r="N1159">
        <v>324</v>
      </c>
      <c r="P1159">
        <v>99.522751667391105</v>
      </c>
      <c r="Q1159">
        <v>122</v>
      </c>
    </row>
    <row r="1160" spans="4:17" x14ac:dyDescent="0.25">
      <c r="D1160">
        <v>96.949283079211213</v>
      </c>
      <c r="E1160">
        <v>373</v>
      </c>
      <c r="G1160">
        <v>94.575513948606599</v>
      </c>
      <c r="H1160">
        <v>450</v>
      </c>
      <c r="J1160">
        <v>90.217075911252053</v>
      </c>
      <c r="K1160">
        <v>449</v>
      </c>
      <c r="M1160">
        <v>95.362741673932419</v>
      </c>
      <c r="N1160">
        <v>324</v>
      </c>
      <c r="P1160">
        <v>99.526299982131718</v>
      </c>
      <c r="Q1160">
        <v>123</v>
      </c>
    </row>
    <row r="1161" spans="4:17" x14ac:dyDescent="0.25">
      <c r="D1161">
        <v>96.941964993160042</v>
      </c>
      <c r="E1161">
        <v>374</v>
      </c>
      <c r="G1161">
        <v>94.542093496295308</v>
      </c>
      <c r="H1161">
        <v>450</v>
      </c>
      <c r="J1161">
        <v>90.203717487550122</v>
      </c>
      <c r="K1161">
        <v>450</v>
      </c>
      <c r="M1161">
        <v>95.343801049499646</v>
      </c>
      <c r="N1161">
        <v>325</v>
      </c>
      <c r="P1161">
        <v>99.530587529109923</v>
      </c>
      <c r="Q1161">
        <v>123</v>
      </c>
    </row>
    <row r="1162" spans="4:17" x14ac:dyDescent="0.25">
      <c r="D1162">
        <v>96.934170823443822</v>
      </c>
      <c r="E1162">
        <v>374</v>
      </c>
      <c r="G1162">
        <v>94.508686274566884</v>
      </c>
      <c r="H1162">
        <v>450</v>
      </c>
      <c r="J1162">
        <v>90.190348889877342</v>
      </c>
      <c r="K1162">
        <v>450</v>
      </c>
      <c r="M1162">
        <v>95.324465579453275</v>
      </c>
      <c r="N1162">
        <v>325</v>
      </c>
      <c r="P1162">
        <v>99.534135843850478</v>
      </c>
      <c r="Q1162">
        <v>123</v>
      </c>
    </row>
    <row r="1163" spans="4:17" x14ac:dyDescent="0.25">
      <c r="D1163">
        <v>96.927301616276836</v>
      </c>
      <c r="E1163">
        <v>374</v>
      </c>
      <c r="G1163">
        <v>94.474815982438258</v>
      </c>
      <c r="H1163">
        <v>451</v>
      </c>
      <c r="J1163">
        <v>90.176644551167158</v>
      </c>
      <c r="K1163">
        <v>450</v>
      </c>
      <c r="M1163">
        <v>95.305524955020502</v>
      </c>
      <c r="N1163">
        <v>326</v>
      </c>
      <c r="P1163">
        <v>99.537684158591091</v>
      </c>
      <c r="Q1163">
        <v>124</v>
      </c>
    </row>
    <row r="1164" spans="4:17" x14ac:dyDescent="0.25">
      <c r="D1164">
        <v>96.919507446560615</v>
      </c>
      <c r="E1164">
        <v>375</v>
      </c>
      <c r="G1164">
        <v>94.440509081075149</v>
      </c>
      <c r="H1164">
        <v>451</v>
      </c>
      <c r="J1164">
        <v>90.162604471419499</v>
      </c>
      <c r="K1164">
        <v>451</v>
      </c>
      <c r="M1164">
        <v>95.286584330587715</v>
      </c>
      <c r="N1164">
        <v>326</v>
      </c>
      <c r="P1164">
        <v>99.54195058464822</v>
      </c>
      <c r="Q1164">
        <v>124</v>
      </c>
    </row>
    <row r="1165" spans="4:17" x14ac:dyDescent="0.25">
      <c r="D1165">
        <v>96.912638239393644</v>
      </c>
      <c r="E1165">
        <v>375</v>
      </c>
      <c r="G1165">
        <v>94.405765570477612</v>
      </c>
      <c r="H1165">
        <v>452</v>
      </c>
      <c r="J1165">
        <v>90.148208302692723</v>
      </c>
      <c r="K1165">
        <v>451</v>
      </c>
      <c r="M1165">
        <v>95.268050516787099</v>
      </c>
      <c r="N1165">
        <v>326</v>
      </c>
      <c r="P1165">
        <v>99.54552002030988</v>
      </c>
      <c r="Q1165">
        <v>124</v>
      </c>
    </row>
    <row r="1166" spans="4:17" x14ac:dyDescent="0.25">
      <c r="D1166">
        <v>96.904857672067862</v>
      </c>
      <c r="E1166">
        <v>376</v>
      </c>
      <c r="G1166">
        <v>94.371008829297182</v>
      </c>
      <c r="H1166">
        <v>452</v>
      </c>
      <c r="J1166">
        <v>90.133476392928529</v>
      </c>
      <c r="K1166">
        <v>452</v>
      </c>
      <c r="M1166">
        <v>95.249109892354326</v>
      </c>
      <c r="N1166">
        <v>327</v>
      </c>
      <c r="P1166">
        <v>99.549068335050478</v>
      </c>
      <c r="Q1166">
        <v>125</v>
      </c>
    </row>
    <row r="1167" spans="4:17" x14ac:dyDescent="0.25">
      <c r="D1167">
        <v>96.897525983626267</v>
      </c>
      <c r="E1167">
        <v>376</v>
      </c>
      <c r="G1167">
        <v>94.336252088116737</v>
      </c>
      <c r="H1167">
        <v>452</v>
      </c>
      <c r="J1167">
        <v>90.119090398172602</v>
      </c>
      <c r="K1167">
        <v>452</v>
      </c>
      <c r="M1167">
        <v>95.230181232940126</v>
      </c>
      <c r="N1167">
        <v>327</v>
      </c>
      <c r="P1167">
        <v>99.551919659395566</v>
      </c>
      <c r="Q1167">
        <v>125</v>
      </c>
    </row>
    <row r="1168" spans="4:17" x14ac:dyDescent="0.25">
      <c r="D1168">
        <v>96.889282935025875</v>
      </c>
      <c r="E1168">
        <v>376</v>
      </c>
      <c r="G1168">
        <v>94.300608897884501</v>
      </c>
      <c r="H1168">
        <v>453</v>
      </c>
      <c r="J1168">
        <v>90.105040144454108</v>
      </c>
      <c r="K1168">
        <v>453</v>
      </c>
      <c r="M1168">
        <v>95.211635454120909</v>
      </c>
      <c r="N1168">
        <v>328</v>
      </c>
      <c r="P1168">
        <v>99.554770983740681</v>
      </c>
      <c r="Q1168">
        <v>125</v>
      </c>
    </row>
    <row r="1169" spans="4:17" x14ac:dyDescent="0.25">
      <c r="D1169">
        <v>96.881951246584279</v>
      </c>
      <c r="E1169">
        <v>377</v>
      </c>
      <c r="G1169">
        <v>94.265415547469615</v>
      </c>
      <c r="H1169">
        <v>453</v>
      </c>
      <c r="J1169">
        <v>90.09133580574391</v>
      </c>
      <c r="K1169">
        <v>453</v>
      </c>
      <c r="M1169">
        <v>95.192706794706723</v>
      </c>
      <c r="N1169">
        <v>328</v>
      </c>
      <c r="P1169">
        <v>99.556904196769267</v>
      </c>
      <c r="Q1169">
        <v>126</v>
      </c>
    </row>
    <row r="1170" spans="4:17" x14ac:dyDescent="0.25">
      <c r="D1170">
        <v>96.874170679258498</v>
      </c>
      <c r="E1170">
        <v>377</v>
      </c>
      <c r="G1170">
        <v>94.229322517420059</v>
      </c>
      <c r="H1170">
        <v>454</v>
      </c>
      <c r="J1170">
        <v>90.077631467033697</v>
      </c>
      <c r="K1170">
        <v>453</v>
      </c>
      <c r="M1170">
        <v>95.17376617027395</v>
      </c>
      <c r="N1170">
        <v>328</v>
      </c>
      <c r="P1170">
        <v>99.55831929848128</v>
      </c>
      <c r="Q1170">
        <v>126</v>
      </c>
    </row>
    <row r="1171" spans="4:17" x14ac:dyDescent="0.25">
      <c r="D1171">
        <v>96.866376509542278</v>
      </c>
      <c r="E1171">
        <v>378</v>
      </c>
      <c r="G1171">
        <v>94.193242717953353</v>
      </c>
      <c r="H1171">
        <v>454</v>
      </c>
      <c r="J1171">
        <v>90.063927128323485</v>
      </c>
      <c r="K1171">
        <v>454</v>
      </c>
      <c r="M1171">
        <v>95.155232356473306</v>
      </c>
      <c r="N1171">
        <v>329</v>
      </c>
      <c r="P1171">
        <v>99.559734400193307</v>
      </c>
      <c r="Q1171">
        <v>126</v>
      </c>
    </row>
    <row r="1172" spans="4:17" x14ac:dyDescent="0.25">
      <c r="D1172">
        <v>96.85859594221651</v>
      </c>
      <c r="E1172">
        <v>378</v>
      </c>
      <c r="G1172">
        <v>94.156263238851977</v>
      </c>
      <c r="H1172">
        <v>455</v>
      </c>
      <c r="J1172">
        <v>90.050568704621554</v>
      </c>
      <c r="K1172">
        <v>454</v>
      </c>
      <c r="M1172">
        <v>95.136291732040533</v>
      </c>
      <c r="N1172">
        <v>329</v>
      </c>
      <c r="P1172">
        <v>99.560452511509851</v>
      </c>
      <c r="Q1172">
        <v>127</v>
      </c>
    </row>
    <row r="1173" spans="4:17" x14ac:dyDescent="0.25">
      <c r="D1173">
        <v>96.8512642537749</v>
      </c>
      <c r="E1173">
        <v>379</v>
      </c>
      <c r="G1173">
        <v>94.119720368985085</v>
      </c>
      <c r="H1173">
        <v>455</v>
      </c>
      <c r="J1173">
        <v>90.037546021957056</v>
      </c>
      <c r="K1173">
        <v>455</v>
      </c>
      <c r="M1173">
        <v>95.117757918239903</v>
      </c>
      <c r="N1173">
        <v>330</v>
      </c>
      <c r="P1173">
        <v>99.561867613221864</v>
      </c>
      <c r="Q1173">
        <v>127</v>
      </c>
    </row>
    <row r="1174" spans="4:17" x14ac:dyDescent="0.25">
      <c r="D1174">
        <v>96.843021205174523</v>
      </c>
      <c r="E1174">
        <v>379</v>
      </c>
      <c r="G1174">
        <v>94.082740889883695</v>
      </c>
      <c r="H1174">
        <v>455</v>
      </c>
      <c r="J1174">
        <v>90.023841683246857</v>
      </c>
      <c r="K1174">
        <v>455</v>
      </c>
      <c r="M1174">
        <v>95.098817293807116</v>
      </c>
      <c r="N1174">
        <v>330</v>
      </c>
      <c r="P1174">
        <v>99.561867613221864</v>
      </c>
      <c r="Q1174">
        <v>127</v>
      </c>
    </row>
    <row r="1175" spans="4:17" x14ac:dyDescent="0.25">
      <c r="D1175">
        <v>96.835227035458288</v>
      </c>
      <c r="E1175">
        <v>379</v>
      </c>
      <c r="G1175">
        <v>94.045761410782347</v>
      </c>
      <c r="H1175">
        <v>456</v>
      </c>
      <c r="J1175">
        <v>90.009791429528363</v>
      </c>
      <c r="K1175">
        <v>455</v>
      </c>
      <c r="M1175">
        <v>95.080283480006514</v>
      </c>
      <c r="N1175">
        <v>331</v>
      </c>
      <c r="P1175">
        <v>99.562585724538408</v>
      </c>
      <c r="Q1175">
        <v>128</v>
      </c>
    </row>
    <row r="1176" spans="4:17" x14ac:dyDescent="0.25">
      <c r="D1176">
        <v>96.826983986857911</v>
      </c>
      <c r="E1176">
        <v>380</v>
      </c>
      <c r="G1176">
        <v>94.00833209186365</v>
      </c>
      <c r="H1176">
        <v>456</v>
      </c>
      <c r="J1176">
        <v>89.995405434772437</v>
      </c>
      <c r="K1176">
        <v>456</v>
      </c>
      <c r="M1176">
        <v>95.062156476838055</v>
      </c>
      <c r="N1176">
        <v>331</v>
      </c>
      <c r="P1176">
        <v>99.562585724538408</v>
      </c>
      <c r="Q1176">
        <v>128</v>
      </c>
    </row>
    <row r="1177" spans="4:17" x14ac:dyDescent="0.25">
      <c r="D1177">
        <v>96.81874093825752</v>
      </c>
      <c r="E1177">
        <v>380</v>
      </c>
      <c r="G1177">
        <v>93.970916003527819</v>
      </c>
      <c r="H1177">
        <v>457</v>
      </c>
      <c r="J1177">
        <v>89.981355181053971</v>
      </c>
      <c r="K1177">
        <v>456</v>
      </c>
      <c r="M1177">
        <v>95.043622663037425</v>
      </c>
      <c r="N1177">
        <v>331</v>
      </c>
      <c r="P1177">
        <v>99.562585724538408</v>
      </c>
      <c r="Q1177">
        <v>128</v>
      </c>
    </row>
    <row r="1178" spans="4:17" x14ac:dyDescent="0.25">
      <c r="D1178">
        <v>96.810946768541314</v>
      </c>
      <c r="E1178">
        <v>381</v>
      </c>
      <c r="G1178">
        <v>93.933486684609107</v>
      </c>
      <c r="H1178">
        <v>457</v>
      </c>
      <c r="J1178">
        <v>89.96696918629803</v>
      </c>
      <c r="K1178">
        <v>457</v>
      </c>
      <c r="M1178">
        <v>95.025483694850379</v>
      </c>
      <c r="N1178">
        <v>332</v>
      </c>
      <c r="P1178">
        <v>99.562585724538408</v>
      </c>
      <c r="Q1178">
        <v>129</v>
      </c>
    </row>
    <row r="1179" spans="4:17" x14ac:dyDescent="0.25">
      <c r="D1179">
        <v>96.803166201215532</v>
      </c>
      <c r="E1179">
        <v>381</v>
      </c>
      <c r="G1179">
        <v>93.895620756455912</v>
      </c>
      <c r="H1179">
        <v>457</v>
      </c>
      <c r="J1179">
        <v>89.953610762596099</v>
      </c>
      <c r="K1179">
        <v>457</v>
      </c>
      <c r="M1179">
        <v>95.00735669168192</v>
      </c>
      <c r="N1179">
        <v>332</v>
      </c>
      <c r="P1179">
        <v>99.562585724538408</v>
      </c>
      <c r="Q1179">
        <v>129</v>
      </c>
    </row>
    <row r="1180" spans="4:17" x14ac:dyDescent="0.25">
      <c r="D1180">
        <v>96.794923152615155</v>
      </c>
      <c r="E1180">
        <v>381</v>
      </c>
      <c r="G1180">
        <v>93.857741597719894</v>
      </c>
      <c r="H1180">
        <v>458</v>
      </c>
      <c r="J1180">
        <v>89.939906423885887</v>
      </c>
      <c r="K1180">
        <v>458</v>
      </c>
      <c r="M1180">
        <v>94.988822877881319</v>
      </c>
      <c r="N1180">
        <v>333</v>
      </c>
      <c r="P1180">
        <v>99.561867613221864</v>
      </c>
      <c r="Q1180">
        <v>129</v>
      </c>
    </row>
    <row r="1181" spans="4:17" x14ac:dyDescent="0.25">
      <c r="D1181">
        <v>96.787128982898935</v>
      </c>
      <c r="E1181">
        <v>382</v>
      </c>
      <c r="G1181">
        <v>93.819875669566727</v>
      </c>
      <c r="H1181">
        <v>458</v>
      </c>
      <c r="J1181">
        <v>89.926202085175689</v>
      </c>
      <c r="K1181">
        <v>458</v>
      </c>
      <c r="M1181">
        <v>94.970695874712845</v>
      </c>
      <c r="N1181">
        <v>333</v>
      </c>
      <c r="P1181">
        <v>99.561170622826396</v>
      </c>
      <c r="Q1181">
        <v>130</v>
      </c>
    </row>
    <row r="1182" spans="4:17" x14ac:dyDescent="0.25">
      <c r="D1182">
        <v>96.779348415573168</v>
      </c>
      <c r="E1182">
        <v>382</v>
      </c>
      <c r="G1182">
        <v>93.781559901596225</v>
      </c>
      <c r="H1182">
        <v>459</v>
      </c>
      <c r="J1182">
        <v>89.912497746465462</v>
      </c>
      <c r="K1182">
        <v>458</v>
      </c>
      <c r="M1182">
        <v>94.952556906525814</v>
      </c>
      <c r="N1182">
        <v>333</v>
      </c>
      <c r="P1182">
        <v>99.561170622826396</v>
      </c>
      <c r="Q1182">
        <v>130</v>
      </c>
    </row>
    <row r="1183" spans="4:17" x14ac:dyDescent="0.25">
      <c r="D1183">
        <v>96.771105366972776</v>
      </c>
      <c r="E1183">
        <v>383</v>
      </c>
      <c r="G1183">
        <v>93.743244133625709</v>
      </c>
      <c r="H1183">
        <v>459</v>
      </c>
      <c r="J1183">
        <v>89.898793407755278</v>
      </c>
      <c r="K1183">
        <v>459</v>
      </c>
      <c r="M1183">
        <v>94.934836713989498</v>
      </c>
      <c r="N1183">
        <v>334</v>
      </c>
      <c r="P1183">
        <v>99.560452511509851</v>
      </c>
      <c r="Q1183">
        <v>130</v>
      </c>
    </row>
    <row r="1184" spans="4:17" x14ac:dyDescent="0.25">
      <c r="D1184">
        <v>96.76284871598196</v>
      </c>
      <c r="E1184">
        <v>383</v>
      </c>
      <c r="G1184">
        <v>93.704928365655221</v>
      </c>
      <c r="H1184">
        <v>460</v>
      </c>
      <c r="J1184">
        <v>89.885424810082498</v>
      </c>
      <c r="K1184">
        <v>459</v>
      </c>
      <c r="M1184">
        <v>94.916697745802466</v>
      </c>
      <c r="N1184">
        <v>334</v>
      </c>
      <c r="P1184">
        <v>99.559734400193307</v>
      </c>
      <c r="Q1184">
        <v>131</v>
      </c>
    </row>
    <row r="1185" spans="4:17" x14ac:dyDescent="0.25">
      <c r="D1185">
        <v>96.754605667381568</v>
      </c>
      <c r="E1185">
        <v>384</v>
      </c>
      <c r="G1185">
        <v>93.666162757867383</v>
      </c>
      <c r="H1185">
        <v>460</v>
      </c>
      <c r="J1185">
        <v>89.872066386380553</v>
      </c>
      <c r="K1185">
        <v>460</v>
      </c>
      <c r="M1185">
        <v>94.898965588247577</v>
      </c>
      <c r="N1185">
        <v>335</v>
      </c>
      <c r="P1185">
        <v>99.559037409797838</v>
      </c>
      <c r="Q1185">
        <v>131</v>
      </c>
    </row>
    <row r="1186" spans="4:17" x14ac:dyDescent="0.25">
      <c r="D1186">
        <v>96.746825100055773</v>
      </c>
      <c r="E1186">
        <v>384</v>
      </c>
      <c r="G1186">
        <v>93.627397150079545</v>
      </c>
      <c r="H1186">
        <v>460</v>
      </c>
      <c r="J1186">
        <v>89.859043703716068</v>
      </c>
      <c r="K1186">
        <v>460</v>
      </c>
      <c r="M1186">
        <v>94.881245395711261</v>
      </c>
      <c r="N1186">
        <v>335</v>
      </c>
      <c r="P1186">
        <v>99.55831929848128</v>
      </c>
      <c r="Q1186">
        <v>131</v>
      </c>
    </row>
    <row r="1187" spans="4:17" x14ac:dyDescent="0.25">
      <c r="D1187">
        <v>96.739030930339567</v>
      </c>
      <c r="E1187">
        <v>384</v>
      </c>
      <c r="G1187">
        <v>93.588631542291694</v>
      </c>
      <c r="H1187">
        <v>461</v>
      </c>
      <c r="J1187">
        <v>89.846712851068133</v>
      </c>
      <c r="K1187">
        <v>460</v>
      </c>
      <c r="M1187">
        <v>94.863513238156401</v>
      </c>
      <c r="N1187">
        <v>336</v>
      </c>
      <c r="P1187">
        <v>99.557601187164735</v>
      </c>
      <c r="Q1187">
        <v>132</v>
      </c>
    </row>
    <row r="1188" spans="4:17" x14ac:dyDescent="0.25">
      <c r="D1188">
        <v>96.730787881739175</v>
      </c>
      <c r="E1188">
        <v>385</v>
      </c>
      <c r="G1188">
        <v>93.549879165086722</v>
      </c>
      <c r="H1188">
        <v>461</v>
      </c>
      <c r="J1188">
        <v>89.834381998420184</v>
      </c>
      <c r="K1188">
        <v>461</v>
      </c>
      <c r="M1188">
        <v>94.845781080601512</v>
      </c>
      <c r="N1188">
        <v>336</v>
      </c>
      <c r="P1188">
        <v>99.556904196769267</v>
      </c>
      <c r="Q1188">
        <v>132</v>
      </c>
    </row>
    <row r="1189" spans="4:17" x14ac:dyDescent="0.25">
      <c r="D1189">
        <v>96.722544833138784</v>
      </c>
      <c r="E1189">
        <v>385</v>
      </c>
      <c r="G1189">
        <v>93.510663717481535</v>
      </c>
      <c r="H1189">
        <v>462</v>
      </c>
      <c r="J1189">
        <v>89.822040971801414</v>
      </c>
      <c r="K1189">
        <v>461</v>
      </c>
      <c r="M1189">
        <v>94.82845573367878</v>
      </c>
      <c r="N1189">
        <v>336</v>
      </c>
      <c r="P1189">
        <v>99.556186085452708</v>
      </c>
      <c r="Q1189">
        <v>132</v>
      </c>
    </row>
    <row r="1190" spans="4:17" x14ac:dyDescent="0.25">
      <c r="D1190">
        <v>96.714764265813017</v>
      </c>
      <c r="E1190">
        <v>386</v>
      </c>
      <c r="G1190">
        <v>93.471011660641906</v>
      </c>
      <c r="H1190">
        <v>462</v>
      </c>
      <c r="J1190">
        <v>89.810056034161761</v>
      </c>
      <c r="K1190">
        <v>462</v>
      </c>
      <c r="M1190">
        <v>94.810735541142492</v>
      </c>
      <c r="N1190">
        <v>337</v>
      </c>
      <c r="P1190">
        <v>99.555467974136164</v>
      </c>
      <c r="Q1190">
        <v>133</v>
      </c>
    </row>
    <row r="1191" spans="4:17" x14ac:dyDescent="0.25">
      <c r="D1191">
        <v>96.7065076148222</v>
      </c>
      <c r="E1191">
        <v>386</v>
      </c>
      <c r="G1191">
        <v>93.431809443619613</v>
      </c>
      <c r="H1191">
        <v>462</v>
      </c>
      <c r="J1191">
        <v>89.79771500754299</v>
      </c>
      <c r="K1191">
        <v>462</v>
      </c>
      <c r="M1191">
        <v>94.793003383587617</v>
      </c>
      <c r="N1191">
        <v>337</v>
      </c>
      <c r="P1191">
        <v>99.554770983740681</v>
      </c>
      <c r="Q1191">
        <v>133</v>
      </c>
    </row>
    <row r="1192" spans="4:17" x14ac:dyDescent="0.25">
      <c r="D1192">
        <v>96.698264566221809</v>
      </c>
      <c r="E1192">
        <v>386</v>
      </c>
      <c r="G1192">
        <v>93.392593996014426</v>
      </c>
      <c r="H1192">
        <v>463</v>
      </c>
      <c r="J1192">
        <v>89.785730069903337</v>
      </c>
      <c r="K1192">
        <v>463</v>
      </c>
      <c r="M1192">
        <v>94.775678036664885</v>
      </c>
      <c r="N1192">
        <v>338</v>
      </c>
      <c r="P1192">
        <v>99.554052872424137</v>
      </c>
      <c r="Q1192">
        <v>133</v>
      </c>
    </row>
    <row r="1193" spans="4:17" x14ac:dyDescent="0.25">
      <c r="D1193">
        <v>96.690021517621418</v>
      </c>
      <c r="E1193">
        <v>387</v>
      </c>
      <c r="G1193">
        <v>93.352941939174784</v>
      </c>
      <c r="H1193">
        <v>463</v>
      </c>
      <c r="J1193">
        <v>89.773734958292835</v>
      </c>
      <c r="K1193">
        <v>463</v>
      </c>
      <c r="M1193">
        <v>94.757945879109997</v>
      </c>
      <c r="N1193">
        <v>338</v>
      </c>
      <c r="P1193">
        <v>99.553334761107607</v>
      </c>
      <c r="Q1193">
        <v>134</v>
      </c>
    </row>
    <row r="1194" spans="4:17" x14ac:dyDescent="0.25">
      <c r="D1194">
        <v>96.68177846902104</v>
      </c>
      <c r="E1194">
        <v>387</v>
      </c>
      <c r="G1194">
        <v>93.313739722152476</v>
      </c>
      <c r="H1194">
        <v>464</v>
      </c>
      <c r="J1194">
        <v>89.7614041056449</v>
      </c>
      <c r="K1194">
        <v>463</v>
      </c>
      <c r="M1194">
        <v>94.740620532187265</v>
      </c>
      <c r="N1194">
        <v>338</v>
      </c>
      <c r="P1194">
        <v>99.552616649791062</v>
      </c>
      <c r="Q1194">
        <v>134</v>
      </c>
    </row>
    <row r="1195" spans="4:17" x14ac:dyDescent="0.25">
      <c r="D1195">
        <v>96.673535420420649</v>
      </c>
      <c r="E1195">
        <v>388</v>
      </c>
      <c r="G1195">
        <v>93.274524274547304</v>
      </c>
      <c r="H1195">
        <v>464</v>
      </c>
      <c r="J1195">
        <v>89.749408994034383</v>
      </c>
      <c r="K1195">
        <v>464</v>
      </c>
      <c r="M1195">
        <v>94.723295185264547</v>
      </c>
      <c r="N1195">
        <v>339</v>
      </c>
      <c r="P1195">
        <v>99.552616649791062</v>
      </c>
      <c r="Q1195">
        <v>134</v>
      </c>
    </row>
    <row r="1196" spans="4:17" x14ac:dyDescent="0.25">
      <c r="D1196">
        <v>96.665292371820271</v>
      </c>
      <c r="E1196">
        <v>388</v>
      </c>
      <c r="G1196">
        <v>93.235322057524982</v>
      </c>
      <c r="H1196">
        <v>465</v>
      </c>
      <c r="J1196">
        <v>89.73673222637818</v>
      </c>
      <c r="K1196">
        <v>464</v>
      </c>
      <c r="M1196">
        <v>94.706376648974</v>
      </c>
      <c r="N1196">
        <v>339</v>
      </c>
      <c r="P1196">
        <v>99.551919659395566</v>
      </c>
      <c r="Q1196">
        <v>135</v>
      </c>
    </row>
    <row r="1197" spans="4:17" x14ac:dyDescent="0.25">
      <c r="D1197">
        <v>96.656586841945241</v>
      </c>
      <c r="E1197">
        <v>389</v>
      </c>
      <c r="G1197">
        <v>93.196106609919809</v>
      </c>
      <c r="H1197">
        <v>465</v>
      </c>
      <c r="J1197">
        <v>89.724055458721992</v>
      </c>
      <c r="K1197">
        <v>465</v>
      </c>
      <c r="M1197">
        <v>94.689051302051269</v>
      </c>
      <c r="N1197">
        <v>340</v>
      </c>
      <c r="P1197">
        <v>99.551201548079035</v>
      </c>
      <c r="Q1197">
        <v>135</v>
      </c>
    </row>
    <row r="1198" spans="4:17" x14ac:dyDescent="0.25">
      <c r="D1198">
        <v>96.648343793344864</v>
      </c>
      <c r="E1198">
        <v>389</v>
      </c>
      <c r="G1198">
        <v>93.156904392897502</v>
      </c>
      <c r="H1198">
        <v>465</v>
      </c>
      <c r="J1198">
        <v>89.711378691065775</v>
      </c>
      <c r="K1198">
        <v>465</v>
      </c>
      <c r="M1198">
        <v>94.672120800742121</v>
      </c>
      <c r="N1198">
        <v>340</v>
      </c>
      <c r="P1198">
        <v>99.550483436762477</v>
      </c>
      <c r="Q1198">
        <v>135</v>
      </c>
    </row>
    <row r="1199" spans="4:17" x14ac:dyDescent="0.25">
      <c r="D1199">
        <v>96.640100744744487</v>
      </c>
      <c r="E1199">
        <v>389</v>
      </c>
      <c r="G1199">
        <v>93.117702175875195</v>
      </c>
      <c r="H1199">
        <v>466</v>
      </c>
      <c r="J1199">
        <v>89.698701923409558</v>
      </c>
      <c r="K1199">
        <v>465</v>
      </c>
      <c r="M1199">
        <v>94.655202264451546</v>
      </c>
      <c r="N1199">
        <v>341</v>
      </c>
      <c r="P1199">
        <v>99.549786446367008</v>
      </c>
      <c r="Q1199">
        <v>136</v>
      </c>
    </row>
    <row r="1200" spans="4:17" x14ac:dyDescent="0.25">
      <c r="D1200">
        <v>96.631395214869499</v>
      </c>
      <c r="E1200">
        <v>390</v>
      </c>
      <c r="G1200">
        <v>93.078486728270036</v>
      </c>
      <c r="H1200">
        <v>466</v>
      </c>
      <c r="J1200">
        <v>89.685689414715895</v>
      </c>
      <c r="K1200">
        <v>466</v>
      </c>
      <c r="M1200">
        <v>94.638283728160999</v>
      </c>
      <c r="N1200">
        <v>341</v>
      </c>
      <c r="P1200">
        <v>99.549068335050478</v>
      </c>
      <c r="Q1200">
        <v>136</v>
      </c>
    </row>
    <row r="1201" spans="4:17" x14ac:dyDescent="0.25">
      <c r="D1201">
        <v>96.622689684994484</v>
      </c>
      <c r="E1201">
        <v>390</v>
      </c>
      <c r="G1201">
        <v>93.039284511247729</v>
      </c>
      <c r="H1201">
        <v>467</v>
      </c>
      <c r="J1201">
        <v>89.673012647059664</v>
      </c>
      <c r="K1201">
        <v>466</v>
      </c>
      <c r="M1201">
        <v>94.621353226851852</v>
      </c>
      <c r="N1201">
        <v>341</v>
      </c>
      <c r="P1201">
        <v>99.548350223733905</v>
      </c>
      <c r="Q1201">
        <v>136</v>
      </c>
    </row>
    <row r="1202" spans="4:17" x14ac:dyDescent="0.25">
      <c r="D1202">
        <v>96.613984155119468</v>
      </c>
      <c r="E1202">
        <v>391</v>
      </c>
      <c r="G1202">
        <v>93.000069063642542</v>
      </c>
      <c r="H1202">
        <v>467</v>
      </c>
      <c r="J1202">
        <v>89.659644049386898</v>
      </c>
      <c r="K1202">
        <v>467</v>
      </c>
      <c r="M1202">
        <v>94.60402787992912</v>
      </c>
      <c r="N1202">
        <v>342</v>
      </c>
      <c r="P1202">
        <v>99.547653233338437</v>
      </c>
      <c r="Q1202">
        <v>137</v>
      </c>
    </row>
    <row r="1203" spans="4:17" x14ac:dyDescent="0.25">
      <c r="D1203">
        <v>96.60527862524448</v>
      </c>
      <c r="E1203">
        <v>391</v>
      </c>
      <c r="G1203">
        <v>92.96086684662022</v>
      </c>
      <c r="H1203">
        <v>467</v>
      </c>
      <c r="J1203">
        <v>89.646631540693249</v>
      </c>
      <c r="K1203">
        <v>467</v>
      </c>
      <c r="M1203">
        <v>94.587109343638573</v>
      </c>
      <c r="N1203">
        <v>342</v>
      </c>
      <c r="P1203">
        <v>99.546935122021893</v>
      </c>
      <c r="Q1203">
        <v>137</v>
      </c>
    </row>
    <row r="1204" spans="4:17" x14ac:dyDescent="0.25">
      <c r="D1204">
        <v>96.596124216485322</v>
      </c>
      <c r="E1204">
        <v>391</v>
      </c>
      <c r="G1204">
        <v>92.921651399015062</v>
      </c>
      <c r="H1204">
        <v>468</v>
      </c>
      <c r="J1204">
        <v>89.633608858028751</v>
      </c>
      <c r="K1204">
        <v>468</v>
      </c>
      <c r="M1204">
        <v>94.570178842329412</v>
      </c>
      <c r="N1204">
        <v>343</v>
      </c>
      <c r="P1204">
        <v>99.546217010705334</v>
      </c>
      <c r="Q1204">
        <v>137</v>
      </c>
    </row>
    <row r="1205" spans="4:17" x14ac:dyDescent="0.25">
      <c r="D1205">
        <v>96.58741868661032</v>
      </c>
      <c r="E1205">
        <v>392</v>
      </c>
      <c r="G1205">
        <v>92.882899021810076</v>
      </c>
      <c r="H1205">
        <v>468</v>
      </c>
      <c r="J1205">
        <v>89.620586175364267</v>
      </c>
      <c r="K1205">
        <v>468</v>
      </c>
      <c r="M1205">
        <v>94.55285349540668</v>
      </c>
      <c r="N1205">
        <v>343</v>
      </c>
      <c r="P1205">
        <v>99.54552002030988</v>
      </c>
      <c r="Q1205">
        <v>138</v>
      </c>
    </row>
    <row r="1206" spans="4:17" x14ac:dyDescent="0.25">
      <c r="D1206">
        <v>96.578250675460708</v>
      </c>
      <c r="E1206">
        <v>392</v>
      </c>
      <c r="G1206">
        <v>92.843683574204917</v>
      </c>
      <c r="H1206">
        <v>469</v>
      </c>
      <c r="J1206">
        <v>89.607573666670618</v>
      </c>
      <c r="K1206">
        <v>468</v>
      </c>
      <c r="M1206">
        <v>94.535934959116133</v>
      </c>
      <c r="N1206">
        <v>343</v>
      </c>
      <c r="P1206">
        <v>99.544801908993335</v>
      </c>
      <c r="Q1206">
        <v>138</v>
      </c>
    </row>
    <row r="1207" spans="4:17" x14ac:dyDescent="0.25">
      <c r="D1207">
        <v>96.569096266701521</v>
      </c>
      <c r="E1207">
        <v>393</v>
      </c>
      <c r="G1207">
        <v>92.804917966417079</v>
      </c>
      <c r="H1207">
        <v>469</v>
      </c>
      <c r="J1207">
        <v>89.594550984006119</v>
      </c>
      <c r="K1207">
        <v>469</v>
      </c>
      <c r="M1207">
        <v>94.519016422825558</v>
      </c>
      <c r="N1207">
        <v>344</v>
      </c>
      <c r="P1207">
        <v>99.544083797676777</v>
      </c>
      <c r="Q1207">
        <v>138</v>
      </c>
    </row>
    <row r="1208" spans="4:17" x14ac:dyDescent="0.25">
      <c r="D1208">
        <v>96.559479376667738</v>
      </c>
      <c r="E1208">
        <v>393</v>
      </c>
      <c r="G1208">
        <v>92.766165589212108</v>
      </c>
      <c r="H1208">
        <v>470</v>
      </c>
      <c r="J1208">
        <v>89.581874216349917</v>
      </c>
      <c r="K1208">
        <v>469</v>
      </c>
      <c r="M1208">
        <v>94.502492732148582</v>
      </c>
      <c r="N1208">
        <v>344</v>
      </c>
      <c r="P1208">
        <v>99.544083797676777</v>
      </c>
      <c r="Q1208">
        <v>139</v>
      </c>
    </row>
    <row r="1209" spans="4:17" x14ac:dyDescent="0.25">
      <c r="D1209">
        <v>96.550311365518127</v>
      </c>
      <c r="E1209">
        <v>394</v>
      </c>
      <c r="G1209">
        <v>92.727849821241591</v>
      </c>
      <c r="H1209">
        <v>470</v>
      </c>
      <c r="J1209">
        <v>89.5691974486937</v>
      </c>
      <c r="K1209">
        <v>470</v>
      </c>
      <c r="M1209">
        <v>94.485574195858021</v>
      </c>
      <c r="N1209">
        <v>345</v>
      </c>
      <c r="P1209">
        <v>99.543386807281308</v>
      </c>
      <c r="Q1209">
        <v>139</v>
      </c>
    </row>
    <row r="1210" spans="4:17" x14ac:dyDescent="0.25">
      <c r="D1210">
        <v>96.540694475484358</v>
      </c>
      <c r="E1210">
        <v>394</v>
      </c>
      <c r="G1210">
        <v>92.689084213453754</v>
      </c>
      <c r="H1210">
        <v>470</v>
      </c>
      <c r="J1210">
        <v>89.556520681037483</v>
      </c>
      <c r="K1210">
        <v>470</v>
      </c>
      <c r="M1210">
        <v>94.469457315813173</v>
      </c>
      <c r="N1210">
        <v>345</v>
      </c>
      <c r="P1210">
        <v>99.542668695964792</v>
      </c>
      <c r="Q1210">
        <v>139</v>
      </c>
    </row>
    <row r="1211" spans="4:17" x14ac:dyDescent="0.25">
      <c r="D1211">
        <v>96.531526464334732</v>
      </c>
      <c r="E1211">
        <v>394</v>
      </c>
      <c r="G1211">
        <v>92.65031860566593</v>
      </c>
      <c r="H1211">
        <v>471</v>
      </c>
      <c r="J1211">
        <v>89.543497998372985</v>
      </c>
      <c r="K1211">
        <v>470</v>
      </c>
      <c r="M1211">
        <v>94.453735281381938</v>
      </c>
      <c r="N1211">
        <v>346</v>
      </c>
      <c r="P1211">
        <v>99.54195058464822</v>
      </c>
      <c r="Q1211">
        <v>140</v>
      </c>
    </row>
    <row r="1212" spans="4:17" x14ac:dyDescent="0.25">
      <c r="D1212">
        <v>96.521909574300949</v>
      </c>
      <c r="E1212">
        <v>395</v>
      </c>
      <c r="G1212">
        <v>92.612002837695414</v>
      </c>
      <c r="H1212">
        <v>471</v>
      </c>
      <c r="J1212">
        <v>89.530485489679336</v>
      </c>
      <c r="K1212">
        <v>471</v>
      </c>
      <c r="M1212">
        <v>94.438025211969276</v>
      </c>
      <c r="N1212">
        <v>346</v>
      </c>
      <c r="P1212">
        <v>99.541253594252737</v>
      </c>
      <c r="Q1212">
        <v>140</v>
      </c>
    </row>
    <row r="1213" spans="4:17" x14ac:dyDescent="0.25">
      <c r="D1213">
        <v>96.512292684267166</v>
      </c>
      <c r="E1213">
        <v>395</v>
      </c>
      <c r="G1213">
        <v>92.573687069724912</v>
      </c>
      <c r="H1213">
        <v>472</v>
      </c>
      <c r="J1213">
        <v>89.51711689200657</v>
      </c>
      <c r="K1213">
        <v>471</v>
      </c>
      <c r="M1213">
        <v>94.422315142556613</v>
      </c>
      <c r="N1213">
        <v>346</v>
      </c>
      <c r="P1213">
        <v>99.540535482936207</v>
      </c>
      <c r="Q1213">
        <v>140</v>
      </c>
    </row>
    <row r="1214" spans="4:17" x14ac:dyDescent="0.25">
      <c r="D1214">
        <v>96.502675794233369</v>
      </c>
      <c r="E1214">
        <v>396</v>
      </c>
      <c r="G1214">
        <v>92.535821141571745</v>
      </c>
      <c r="H1214">
        <v>472</v>
      </c>
      <c r="J1214">
        <v>89.503758468304625</v>
      </c>
      <c r="K1214">
        <v>472</v>
      </c>
      <c r="M1214">
        <v>94.406593108125364</v>
      </c>
      <c r="N1214">
        <v>347</v>
      </c>
      <c r="P1214">
        <v>99.539817371619648</v>
      </c>
      <c r="Q1214">
        <v>141</v>
      </c>
    </row>
    <row r="1215" spans="4:17" x14ac:dyDescent="0.25">
      <c r="D1215">
        <v>96.493058904199586</v>
      </c>
      <c r="E1215">
        <v>396</v>
      </c>
      <c r="G1215">
        <v>92.497505373601243</v>
      </c>
      <c r="H1215">
        <v>472</v>
      </c>
      <c r="J1215">
        <v>89.49073578564014</v>
      </c>
      <c r="K1215">
        <v>472</v>
      </c>
      <c r="M1215">
        <v>94.390883038712701</v>
      </c>
      <c r="N1215">
        <v>347</v>
      </c>
      <c r="P1215">
        <v>99.53912038122418</v>
      </c>
      <c r="Q1215">
        <v>141</v>
      </c>
    </row>
    <row r="1216" spans="4:17" x14ac:dyDescent="0.25">
      <c r="D1216">
        <v>96.483442014165803</v>
      </c>
      <c r="E1216">
        <v>396</v>
      </c>
      <c r="G1216">
        <v>92.459626214865196</v>
      </c>
      <c r="H1216">
        <v>473</v>
      </c>
      <c r="J1216">
        <v>89.477723276946492</v>
      </c>
      <c r="K1216">
        <v>473</v>
      </c>
      <c r="M1216">
        <v>94.375172969300024</v>
      </c>
      <c r="N1216">
        <v>348</v>
      </c>
      <c r="P1216">
        <v>99.538402269907621</v>
      </c>
      <c r="Q1216">
        <v>141</v>
      </c>
    </row>
    <row r="1217" spans="4:17" x14ac:dyDescent="0.25">
      <c r="D1217">
        <v>96.473811521741595</v>
      </c>
      <c r="E1217">
        <v>397</v>
      </c>
      <c r="G1217">
        <v>92.422196895946499</v>
      </c>
      <c r="H1217">
        <v>473</v>
      </c>
      <c r="J1217">
        <v>89.464700594281979</v>
      </c>
      <c r="K1217">
        <v>473</v>
      </c>
      <c r="M1217">
        <v>94.359450934868775</v>
      </c>
      <c r="N1217">
        <v>348</v>
      </c>
      <c r="P1217">
        <v>99.537684158591091</v>
      </c>
      <c r="Q1217">
        <v>142</v>
      </c>
    </row>
    <row r="1218" spans="4:17" x14ac:dyDescent="0.25">
      <c r="D1218">
        <v>96.463745752823613</v>
      </c>
      <c r="E1218">
        <v>397</v>
      </c>
      <c r="G1218">
        <v>92.384330967793332</v>
      </c>
      <c r="H1218">
        <v>474</v>
      </c>
      <c r="J1218">
        <v>89.452023826625776</v>
      </c>
      <c r="K1218">
        <v>473</v>
      </c>
      <c r="M1218">
        <v>94.343740865456112</v>
      </c>
      <c r="N1218">
        <v>348</v>
      </c>
      <c r="P1218">
        <v>99.536987168195608</v>
      </c>
      <c r="Q1218">
        <v>142</v>
      </c>
    </row>
    <row r="1219" spans="4:17" x14ac:dyDescent="0.25">
      <c r="D1219">
        <v>96.45366638151522</v>
      </c>
      <c r="E1219">
        <v>398</v>
      </c>
      <c r="G1219">
        <v>92.346901648874606</v>
      </c>
      <c r="H1219">
        <v>474</v>
      </c>
      <c r="J1219">
        <v>89.439001143961278</v>
      </c>
      <c r="K1219">
        <v>474</v>
      </c>
      <c r="M1219">
        <v>94.328030796043464</v>
      </c>
      <c r="N1219">
        <v>349</v>
      </c>
      <c r="P1219">
        <v>99.53626905687905</v>
      </c>
      <c r="Q1219">
        <v>142</v>
      </c>
    </row>
    <row r="1220" spans="4:17" x14ac:dyDescent="0.25">
      <c r="D1220">
        <v>96.444049491481437</v>
      </c>
      <c r="E1220">
        <v>398</v>
      </c>
      <c r="G1220">
        <v>92.309485560538789</v>
      </c>
      <c r="H1220">
        <v>475</v>
      </c>
      <c r="J1220">
        <v>89.426324376305061</v>
      </c>
      <c r="K1220">
        <v>474</v>
      </c>
      <c r="M1220">
        <v>94.312715572244372</v>
      </c>
      <c r="N1220">
        <v>349</v>
      </c>
      <c r="P1220">
        <v>99.53626905687905</v>
      </c>
      <c r="Q1220">
        <v>143</v>
      </c>
    </row>
    <row r="1221" spans="4:17" x14ac:dyDescent="0.25">
      <c r="D1221">
        <v>96.433970120173043</v>
      </c>
      <c r="E1221">
        <v>399</v>
      </c>
      <c r="G1221">
        <v>92.272506081437413</v>
      </c>
      <c r="H1221">
        <v>475</v>
      </c>
      <c r="J1221">
        <v>89.413647608648859</v>
      </c>
      <c r="K1221">
        <v>475</v>
      </c>
      <c r="M1221">
        <v>94.297005502831695</v>
      </c>
      <c r="N1221">
        <v>350</v>
      </c>
      <c r="P1221">
        <v>99.53555094556252</v>
      </c>
      <c r="Q1221">
        <v>143</v>
      </c>
    </row>
    <row r="1222" spans="4:17" x14ac:dyDescent="0.25">
      <c r="D1222">
        <v>96.42389074886465</v>
      </c>
      <c r="E1222">
        <v>399</v>
      </c>
      <c r="G1222">
        <v>92.235076762518716</v>
      </c>
      <c r="H1222">
        <v>475</v>
      </c>
      <c r="J1222">
        <v>89.400970840992628</v>
      </c>
      <c r="K1222">
        <v>475</v>
      </c>
      <c r="M1222">
        <v>94.281690279032603</v>
      </c>
      <c r="N1222">
        <v>350</v>
      </c>
      <c r="P1222">
        <v>99.534853955167051</v>
      </c>
      <c r="Q1222">
        <v>143</v>
      </c>
    </row>
    <row r="1223" spans="4:17" x14ac:dyDescent="0.25">
      <c r="D1223">
        <v>96.413811377556243</v>
      </c>
      <c r="E1223">
        <v>399</v>
      </c>
      <c r="G1223">
        <v>92.19809728341734</v>
      </c>
      <c r="H1223">
        <v>476</v>
      </c>
      <c r="J1223">
        <v>89.387612417290697</v>
      </c>
      <c r="K1223">
        <v>475</v>
      </c>
      <c r="M1223">
        <v>94.265573398987783</v>
      </c>
      <c r="N1223">
        <v>351</v>
      </c>
      <c r="P1223">
        <v>99.534135843850478</v>
      </c>
      <c r="Q1223">
        <v>144</v>
      </c>
    </row>
    <row r="1224" spans="4:17" x14ac:dyDescent="0.25">
      <c r="D1224">
        <v>96.403732006247864</v>
      </c>
      <c r="E1224">
        <v>400</v>
      </c>
      <c r="G1224">
        <v>92.161554413550462</v>
      </c>
      <c r="H1224">
        <v>476</v>
      </c>
      <c r="J1224">
        <v>89.374589734626227</v>
      </c>
      <c r="K1224">
        <v>476</v>
      </c>
      <c r="M1224">
        <v>94.249863329575106</v>
      </c>
      <c r="N1224">
        <v>351</v>
      </c>
      <c r="P1224">
        <v>99.533417732533962</v>
      </c>
      <c r="Q1224">
        <v>144</v>
      </c>
    </row>
    <row r="1225" spans="4:17" x14ac:dyDescent="0.25">
      <c r="D1225">
        <v>96.393652634939457</v>
      </c>
      <c r="E1225">
        <v>400</v>
      </c>
      <c r="G1225">
        <v>92.125474614083743</v>
      </c>
      <c r="H1225">
        <v>477</v>
      </c>
      <c r="J1225">
        <v>89.361577225932564</v>
      </c>
      <c r="K1225">
        <v>476</v>
      </c>
      <c r="M1225">
        <v>94.234141295143857</v>
      </c>
      <c r="N1225">
        <v>351</v>
      </c>
      <c r="P1225">
        <v>99.532720742138494</v>
      </c>
      <c r="Q1225">
        <v>144</v>
      </c>
    </row>
    <row r="1226" spans="4:17" x14ac:dyDescent="0.25">
      <c r="D1226">
        <v>96.383124384746878</v>
      </c>
      <c r="E1226">
        <v>401</v>
      </c>
      <c r="G1226">
        <v>92.08893174421685</v>
      </c>
      <c r="H1226">
        <v>477</v>
      </c>
      <c r="J1226">
        <v>89.349246373284615</v>
      </c>
      <c r="K1226">
        <v>477</v>
      </c>
      <c r="M1226">
        <v>94.218838036363366</v>
      </c>
      <c r="N1226">
        <v>352</v>
      </c>
      <c r="P1226">
        <v>99.532002630821935</v>
      </c>
      <c r="Q1226">
        <v>145</v>
      </c>
    </row>
    <row r="1227" spans="4:17" x14ac:dyDescent="0.25">
      <c r="D1227">
        <v>96.373045013438485</v>
      </c>
      <c r="E1227">
        <v>401</v>
      </c>
      <c r="G1227">
        <v>92.053288553984629</v>
      </c>
      <c r="H1227">
        <v>477</v>
      </c>
      <c r="J1227">
        <v>89.336569605628412</v>
      </c>
      <c r="K1227">
        <v>477</v>
      </c>
      <c r="M1227">
        <v>94.20392962319643</v>
      </c>
      <c r="N1227">
        <v>352</v>
      </c>
      <c r="P1227">
        <v>99.531284519505377</v>
      </c>
      <c r="Q1227">
        <v>145</v>
      </c>
    </row>
    <row r="1228" spans="4:17" x14ac:dyDescent="0.25">
      <c r="D1228">
        <v>96.362503160855468</v>
      </c>
      <c r="E1228">
        <v>401</v>
      </c>
      <c r="G1228">
        <v>92.017645363752393</v>
      </c>
      <c r="H1228">
        <v>478</v>
      </c>
      <c r="J1228">
        <v>89.324228579009628</v>
      </c>
      <c r="K1228">
        <v>478</v>
      </c>
      <c r="M1228">
        <v>94.188614399397338</v>
      </c>
      <c r="N1228">
        <v>353</v>
      </c>
      <c r="P1228">
        <v>99.530587529109923</v>
      </c>
      <c r="Q1228">
        <v>145</v>
      </c>
    </row>
    <row r="1229" spans="4:17" x14ac:dyDescent="0.25">
      <c r="D1229">
        <v>96.351512429388293</v>
      </c>
      <c r="E1229">
        <v>402</v>
      </c>
      <c r="G1229">
        <v>91.982002173520144</v>
      </c>
      <c r="H1229">
        <v>478</v>
      </c>
      <c r="J1229">
        <v>89.311897726361707</v>
      </c>
      <c r="K1229">
        <v>478</v>
      </c>
      <c r="M1229">
        <v>94.173705986230416</v>
      </c>
      <c r="N1229">
        <v>353</v>
      </c>
      <c r="P1229">
        <v>99.529869417793364</v>
      </c>
      <c r="Q1229">
        <v>146</v>
      </c>
    </row>
    <row r="1230" spans="4:17" x14ac:dyDescent="0.25">
      <c r="D1230">
        <v>96.340984179195715</v>
      </c>
      <c r="E1230">
        <v>402</v>
      </c>
      <c r="G1230">
        <v>91.946808823105258</v>
      </c>
      <c r="H1230">
        <v>479</v>
      </c>
      <c r="J1230">
        <v>89.299566873713758</v>
      </c>
      <c r="K1230">
        <v>478</v>
      </c>
      <c r="M1230">
        <v>94.158797573063495</v>
      </c>
      <c r="N1230">
        <v>353</v>
      </c>
      <c r="P1230">
        <v>99.52915130647682</v>
      </c>
      <c r="Q1230">
        <v>146</v>
      </c>
    </row>
    <row r="1231" spans="4:17" x14ac:dyDescent="0.25">
      <c r="D1231">
        <v>96.330442326612712</v>
      </c>
      <c r="E1231">
        <v>403</v>
      </c>
      <c r="G1231">
        <v>91.911615472690372</v>
      </c>
      <c r="H1231">
        <v>479</v>
      </c>
      <c r="J1231">
        <v>89.287571762103255</v>
      </c>
      <c r="K1231">
        <v>479</v>
      </c>
      <c r="M1231">
        <v>94.143482349264389</v>
      </c>
      <c r="N1231">
        <v>354</v>
      </c>
      <c r="P1231">
        <v>99.528454316081366</v>
      </c>
      <c r="Q1231">
        <v>146</v>
      </c>
    </row>
    <row r="1232" spans="4:17" x14ac:dyDescent="0.25">
      <c r="D1232">
        <v>96.319914076420119</v>
      </c>
      <c r="E1232">
        <v>403</v>
      </c>
      <c r="G1232">
        <v>91.876858731509927</v>
      </c>
      <c r="H1232">
        <v>480</v>
      </c>
      <c r="J1232">
        <v>89.275240909455334</v>
      </c>
      <c r="K1232">
        <v>479</v>
      </c>
      <c r="M1232">
        <v>94.128573936097453</v>
      </c>
      <c r="N1232">
        <v>354</v>
      </c>
      <c r="P1232">
        <v>99.527736204764793</v>
      </c>
      <c r="Q1232">
        <v>147</v>
      </c>
    </row>
    <row r="1233" spans="4:17" x14ac:dyDescent="0.25">
      <c r="D1233">
        <v>96.30890974256252</v>
      </c>
      <c r="E1233">
        <v>404</v>
      </c>
      <c r="G1233">
        <v>91.841665381095041</v>
      </c>
      <c r="H1233">
        <v>480</v>
      </c>
      <c r="J1233">
        <v>89.262564141799118</v>
      </c>
      <c r="K1233">
        <v>480</v>
      </c>
      <c r="M1233">
        <v>94.113665522930532</v>
      </c>
      <c r="N1233">
        <v>355</v>
      </c>
      <c r="P1233">
        <v>99.527018093448234</v>
      </c>
      <c r="Q1233">
        <v>147</v>
      </c>
    </row>
    <row r="1234" spans="4:17" x14ac:dyDescent="0.25">
      <c r="D1234">
        <v>96.298381492369941</v>
      </c>
      <c r="E1234">
        <v>404</v>
      </c>
      <c r="G1234">
        <v>91.806908639914596</v>
      </c>
      <c r="H1234">
        <v>480</v>
      </c>
      <c r="J1234">
        <v>89.249887374142901</v>
      </c>
      <c r="K1234">
        <v>480</v>
      </c>
      <c r="M1234">
        <v>94.09836226415004</v>
      </c>
      <c r="N1234">
        <v>355</v>
      </c>
      <c r="P1234">
        <v>99.526299982131718</v>
      </c>
      <c r="Q1234">
        <v>147</v>
      </c>
    </row>
    <row r="1235" spans="4:17" x14ac:dyDescent="0.25">
      <c r="D1235">
        <v>96.287839639786938</v>
      </c>
      <c r="E1235">
        <v>404</v>
      </c>
      <c r="G1235">
        <v>91.772601738551501</v>
      </c>
      <c r="H1235">
        <v>481</v>
      </c>
      <c r="J1235">
        <v>89.23754634752413</v>
      </c>
      <c r="K1235">
        <v>480</v>
      </c>
      <c r="M1235">
        <v>94.083848696596661</v>
      </c>
      <c r="N1235">
        <v>356</v>
      </c>
      <c r="P1235">
        <v>99.525602991736235</v>
      </c>
      <c r="Q1235">
        <v>148</v>
      </c>
    </row>
    <row r="1236" spans="4:17" x14ac:dyDescent="0.25">
      <c r="D1236">
        <v>96.276848908319749</v>
      </c>
      <c r="E1236">
        <v>405</v>
      </c>
      <c r="G1236">
        <v>91.73829483718842</v>
      </c>
      <c r="H1236">
        <v>481</v>
      </c>
      <c r="J1236">
        <v>89.225215494876181</v>
      </c>
      <c r="K1236">
        <v>481</v>
      </c>
      <c r="M1236">
        <v>94.06894028342974</v>
      </c>
      <c r="N1236">
        <v>356</v>
      </c>
      <c r="P1236">
        <v>99.524884880419677</v>
      </c>
      <c r="Q1236">
        <v>148</v>
      </c>
    </row>
    <row r="1237" spans="4:17" x14ac:dyDescent="0.25">
      <c r="D1237">
        <v>96.26630705573676</v>
      </c>
      <c r="E1237">
        <v>405</v>
      </c>
      <c r="G1237">
        <v>91.703987935825324</v>
      </c>
      <c r="H1237">
        <v>482</v>
      </c>
      <c r="J1237">
        <v>89.212884642228261</v>
      </c>
      <c r="K1237">
        <v>481</v>
      </c>
      <c r="M1237">
        <v>94.054845491527146</v>
      </c>
      <c r="N1237">
        <v>356</v>
      </c>
      <c r="P1237">
        <v>99.524166769103147</v>
      </c>
      <c r="Q1237">
        <v>148</v>
      </c>
    </row>
    <row r="1238" spans="4:17" x14ac:dyDescent="0.25">
      <c r="D1238">
        <v>96.254867445385386</v>
      </c>
      <c r="E1238">
        <v>406</v>
      </c>
      <c r="G1238">
        <v>91.669681034462229</v>
      </c>
      <c r="H1238">
        <v>482</v>
      </c>
      <c r="J1238">
        <v>89.200543615609462</v>
      </c>
      <c r="K1238">
        <v>482</v>
      </c>
      <c r="M1238">
        <v>94.040738734605952</v>
      </c>
      <c r="N1238">
        <v>357</v>
      </c>
      <c r="P1238">
        <v>99.523469778707664</v>
      </c>
      <c r="Q1238">
        <v>149</v>
      </c>
    </row>
    <row r="1239" spans="4:17" x14ac:dyDescent="0.25">
      <c r="D1239">
        <v>96.243414232643588</v>
      </c>
      <c r="E1239">
        <v>406</v>
      </c>
      <c r="G1239">
        <v>91.635823972916469</v>
      </c>
      <c r="H1239">
        <v>482</v>
      </c>
      <c r="J1239">
        <v>89.188212762961555</v>
      </c>
      <c r="K1239">
        <v>482</v>
      </c>
      <c r="M1239">
        <v>94.026237132071174</v>
      </c>
      <c r="N1239">
        <v>357</v>
      </c>
      <c r="P1239">
        <v>99.522751667391105</v>
      </c>
      <c r="Q1239">
        <v>149</v>
      </c>
    </row>
    <row r="1240" spans="4:17" x14ac:dyDescent="0.25">
      <c r="D1240">
        <v>96.231049659743022</v>
      </c>
      <c r="E1240">
        <v>406</v>
      </c>
      <c r="G1240">
        <v>91.601517071553374</v>
      </c>
      <c r="H1240">
        <v>483</v>
      </c>
      <c r="J1240">
        <v>89.176227825321888</v>
      </c>
      <c r="K1240">
        <v>483</v>
      </c>
      <c r="M1240">
        <v>94.012130375150008</v>
      </c>
      <c r="N1240">
        <v>358</v>
      </c>
      <c r="P1240">
        <v>99.522033556074547</v>
      </c>
      <c r="Q1240">
        <v>149</v>
      </c>
    </row>
    <row r="1241" spans="4:17" x14ac:dyDescent="0.25">
      <c r="D1241">
        <v>96.218671484452003</v>
      </c>
      <c r="E1241">
        <v>407</v>
      </c>
      <c r="G1241">
        <v>91.567646779424749</v>
      </c>
      <c r="H1241">
        <v>483</v>
      </c>
      <c r="J1241">
        <v>89.164232713711385</v>
      </c>
      <c r="K1241">
        <v>483</v>
      </c>
      <c r="M1241">
        <v>93.997628772615244</v>
      </c>
      <c r="N1241">
        <v>358</v>
      </c>
      <c r="P1241">
        <v>99.521336565679093</v>
      </c>
      <c r="Q1241">
        <v>150</v>
      </c>
    </row>
    <row r="1242" spans="4:17" x14ac:dyDescent="0.25">
      <c r="D1242">
        <v>96.206769392826018</v>
      </c>
      <c r="E1242">
        <v>407</v>
      </c>
      <c r="G1242">
        <v>91.533789717878989</v>
      </c>
      <c r="H1242">
        <v>484</v>
      </c>
      <c r="J1242">
        <v>89.152583517109179</v>
      </c>
      <c r="K1242">
        <v>483</v>
      </c>
      <c r="M1242">
        <v>93.983522015694021</v>
      </c>
      <c r="N1242">
        <v>358</v>
      </c>
      <c r="P1242">
        <v>99.520618454362548</v>
      </c>
      <c r="Q1242">
        <v>150</v>
      </c>
    </row>
    <row r="1243" spans="4:17" x14ac:dyDescent="0.25">
      <c r="D1243">
        <v>96.194391217535014</v>
      </c>
      <c r="E1243">
        <v>408</v>
      </c>
      <c r="G1243">
        <v>91.500369265567699</v>
      </c>
      <c r="H1243">
        <v>484</v>
      </c>
      <c r="J1243">
        <v>89.140252664461229</v>
      </c>
      <c r="K1243">
        <v>484</v>
      </c>
      <c r="M1243">
        <v>93.969020413159271</v>
      </c>
      <c r="N1243">
        <v>359</v>
      </c>
      <c r="P1243">
        <v>99.51990034304599</v>
      </c>
      <c r="Q1243">
        <v>150</v>
      </c>
    </row>
    <row r="1244" spans="4:17" x14ac:dyDescent="0.25">
      <c r="D1244">
        <v>96.182489125909029</v>
      </c>
      <c r="E1244">
        <v>408</v>
      </c>
      <c r="G1244">
        <v>91.466962043839288</v>
      </c>
      <c r="H1244">
        <v>485</v>
      </c>
      <c r="J1244">
        <v>89.128603467859008</v>
      </c>
      <c r="K1244">
        <v>484</v>
      </c>
      <c r="M1244">
        <v>93.954518810624492</v>
      </c>
      <c r="N1244">
        <v>359</v>
      </c>
      <c r="P1244">
        <v>99.51990034304599</v>
      </c>
      <c r="Q1244">
        <v>151</v>
      </c>
    </row>
    <row r="1245" spans="4:17" x14ac:dyDescent="0.25">
      <c r="D1245">
        <v>96.170124553008449</v>
      </c>
      <c r="E1245">
        <v>409</v>
      </c>
      <c r="G1245">
        <v>91.433991431345319</v>
      </c>
      <c r="H1245">
        <v>485</v>
      </c>
      <c r="J1245">
        <v>89.11660835624852</v>
      </c>
      <c r="K1245">
        <v>485</v>
      </c>
      <c r="M1245">
        <v>93.940412053703312</v>
      </c>
      <c r="N1245">
        <v>360</v>
      </c>
      <c r="P1245">
        <v>99.519203352650521</v>
      </c>
      <c r="Q1245">
        <v>151</v>
      </c>
    </row>
    <row r="1246" spans="4:17" x14ac:dyDescent="0.25">
      <c r="D1246">
        <v>96.15820885899204</v>
      </c>
      <c r="E1246">
        <v>409</v>
      </c>
      <c r="G1246">
        <v>91.401020818851364</v>
      </c>
      <c r="H1246">
        <v>485</v>
      </c>
      <c r="J1246">
        <v>89.105305074654567</v>
      </c>
      <c r="K1246">
        <v>485</v>
      </c>
      <c r="M1246">
        <v>93.925910451168534</v>
      </c>
      <c r="N1246">
        <v>360</v>
      </c>
      <c r="P1246">
        <v>99.518485241333977</v>
      </c>
      <c r="Q1246">
        <v>151</v>
      </c>
    </row>
    <row r="1247" spans="4:17" x14ac:dyDescent="0.25">
      <c r="D1247">
        <v>96.14584428609146</v>
      </c>
      <c r="E1247">
        <v>409</v>
      </c>
      <c r="G1247">
        <v>91.368050206357381</v>
      </c>
      <c r="H1247">
        <v>486</v>
      </c>
      <c r="J1247">
        <v>89.093655878052346</v>
      </c>
      <c r="K1247">
        <v>485</v>
      </c>
      <c r="M1247">
        <v>93.911803694247354</v>
      </c>
      <c r="N1247">
        <v>361</v>
      </c>
      <c r="P1247">
        <v>99.517767130017432</v>
      </c>
      <c r="Q1247">
        <v>152</v>
      </c>
    </row>
    <row r="1248" spans="4:17" x14ac:dyDescent="0.25">
      <c r="D1248">
        <v>96.13301723191627</v>
      </c>
      <c r="E1248">
        <v>410</v>
      </c>
      <c r="G1248">
        <v>91.33551620309791</v>
      </c>
      <c r="H1248">
        <v>486</v>
      </c>
      <c r="J1248">
        <v>89.082006681450139</v>
      </c>
      <c r="K1248">
        <v>486</v>
      </c>
      <c r="M1248">
        <v>93.89769693732616</v>
      </c>
      <c r="N1248">
        <v>361</v>
      </c>
      <c r="P1248">
        <v>99.51707013962195</v>
      </c>
      <c r="Q1248">
        <v>152</v>
      </c>
    </row>
    <row r="1249" spans="4:17" x14ac:dyDescent="0.25">
      <c r="D1249">
        <v>96.119278817582284</v>
      </c>
      <c r="E1249">
        <v>410</v>
      </c>
      <c r="G1249">
        <v>91.302995430421291</v>
      </c>
      <c r="H1249">
        <v>487</v>
      </c>
      <c r="J1249">
        <v>89.071039140893632</v>
      </c>
      <c r="K1249">
        <v>486</v>
      </c>
      <c r="M1249">
        <v>93.883602145423538</v>
      </c>
      <c r="N1249">
        <v>361</v>
      </c>
      <c r="P1249">
        <v>99.515633916988861</v>
      </c>
      <c r="Q1249">
        <v>152</v>
      </c>
    </row>
    <row r="1250" spans="4:17" x14ac:dyDescent="0.25">
      <c r="D1250">
        <v>96.105989282132484</v>
      </c>
      <c r="E1250">
        <v>411</v>
      </c>
      <c r="G1250">
        <v>91.270024817927336</v>
      </c>
      <c r="H1250">
        <v>487</v>
      </c>
      <c r="J1250">
        <v>89.06008177430796</v>
      </c>
      <c r="K1250">
        <v>487</v>
      </c>
      <c r="M1250">
        <v>93.869495388502372</v>
      </c>
      <c r="N1250">
        <v>362</v>
      </c>
      <c r="P1250">
        <v>99.514936926593393</v>
      </c>
      <c r="Q1250">
        <v>153</v>
      </c>
    </row>
    <row r="1251" spans="4:17" x14ac:dyDescent="0.25">
      <c r="D1251">
        <v>96.092713349073108</v>
      </c>
      <c r="E1251">
        <v>411</v>
      </c>
      <c r="G1251">
        <v>91.237953885068052</v>
      </c>
      <c r="H1251">
        <v>487</v>
      </c>
      <c r="J1251">
        <v>89.048768318743186</v>
      </c>
      <c r="K1251">
        <v>487</v>
      </c>
      <c r="M1251">
        <v>93.855388631581164</v>
      </c>
      <c r="N1251">
        <v>362</v>
      </c>
      <c r="P1251">
        <v>99.514218815276863</v>
      </c>
      <c r="Q1251">
        <v>153</v>
      </c>
    </row>
    <row r="1252" spans="4:17" x14ac:dyDescent="0.25">
      <c r="D1252">
        <v>96.079423813623308</v>
      </c>
      <c r="E1252">
        <v>411</v>
      </c>
      <c r="G1252">
        <v>91.205869721625902</v>
      </c>
      <c r="H1252">
        <v>488</v>
      </c>
      <c r="J1252">
        <v>89.037810952157528</v>
      </c>
      <c r="K1252">
        <v>488</v>
      </c>
      <c r="M1252">
        <v>93.841700650310727</v>
      </c>
      <c r="N1252">
        <v>363</v>
      </c>
      <c r="P1252">
        <v>99.513500703960304</v>
      </c>
      <c r="Q1252">
        <v>153</v>
      </c>
    </row>
    <row r="1253" spans="4:17" x14ac:dyDescent="0.25">
      <c r="D1253">
        <v>96.067059240722728</v>
      </c>
      <c r="E1253">
        <v>412</v>
      </c>
      <c r="G1253">
        <v>91.174685237818409</v>
      </c>
      <c r="H1253">
        <v>488</v>
      </c>
      <c r="J1253">
        <v>89.026843411601007</v>
      </c>
      <c r="K1253">
        <v>488</v>
      </c>
      <c r="M1253">
        <v>93.827593893389533</v>
      </c>
      <c r="N1253">
        <v>363</v>
      </c>
      <c r="P1253">
        <v>99.512085602248291</v>
      </c>
      <c r="Q1253">
        <v>154</v>
      </c>
    </row>
    <row r="1254" spans="4:17" x14ac:dyDescent="0.25">
      <c r="D1254">
        <v>96.054694667822147</v>
      </c>
      <c r="E1254">
        <v>412</v>
      </c>
      <c r="G1254">
        <v>91.143487523428064</v>
      </c>
      <c r="H1254">
        <v>489</v>
      </c>
      <c r="J1254">
        <v>89.015540130007068</v>
      </c>
      <c r="K1254">
        <v>488</v>
      </c>
      <c r="M1254">
        <v>93.813893947100496</v>
      </c>
      <c r="N1254">
        <v>363</v>
      </c>
      <c r="P1254">
        <v>99.511367490931733</v>
      </c>
      <c r="Q1254">
        <v>154</v>
      </c>
    </row>
    <row r="1255" spans="4:17" x14ac:dyDescent="0.25">
      <c r="D1255">
        <v>96.040942651097737</v>
      </c>
      <c r="E1255">
        <v>413</v>
      </c>
      <c r="G1255">
        <v>91.113189488672376</v>
      </c>
      <c r="H1255">
        <v>489</v>
      </c>
      <c r="J1255">
        <v>89.003890933404861</v>
      </c>
      <c r="K1255">
        <v>489</v>
      </c>
      <c r="M1255">
        <v>93.800194000811459</v>
      </c>
      <c r="N1255">
        <v>364</v>
      </c>
      <c r="P1255">
        <v>99.51067050053625</v>
      </c>
      <c r="Q1255">
        <v>154</v>
      </c>
    </row>
    <row r="1256" spans="4:17" x14ac:dyDescent="0.25">
      <c r="D1256">
        <v>96.027204236763765</v>
      </c>
      <c r="E1256">
        <v>413</v>
      </c>
      <c r="G1256">
        <v>91.082454844682204</v>
      </c>
      <c r="H1256">
        <v>490</v>
      </c>
      <c r="J1256">
        <v>88.99224173680264</v>
      </c>
      <c r="K1256">
        <v>489</v>
      </c>
      <c r="M1256">
        <v>93.786087243890279</v>
      </c>
      <c r="N1256">
        <v>364</v>
      </c>
      <c r="P1256">
        <v>99.509952389219691</v>
      </c>
      <c r="Q1256">
        <v>155</v>
      </c>
    </row>
    <row r="1257" spans="4:17" x14ac:dyDescent="0.25">
      <c r="D1257">
        <v>96.013465822429765</v>
      </c>
      <c r="E1257">
        <v>414</v>
      </c>
      <c r="G1257">
        <v>91.051706970109194</v>
      </c>
      <c r="H1257">
        <v>490</v>
      </c>
      <c r="J1257">
        <v>88.980246625192137</v>
      </c>
      <c r="K1257">
        <v>490</v>
      </c>
      <c r="M1257">
        <v>93.772387297601242</v>
      </c>
      <c r="N1257">
        <v>365</v>
      </c>
      <c r="P1257">
        <v>99.509234277903175</v>
      </c>
      <c r="Q1257">
        <v>155</v>
      </c>
    </row>
    <row r="1258" spans="4:17" x14ac:dyDescent="0.25">
      <c r="D1258">
        <v>95.999713805705355</v>
      </c>
      <c r="E1258">
        <v>414</v>
      </c>
      <c r="G1258">
        <v>91.02097232611905</v>
      </c>
      <c r="H1258">
        <v>490</v>
      </c>
      <c r="J1258">
        <v>88.968597428589916</v>
      </c>
      <c r="K1258">
        <v>490</v>
      </c>
      <c r="M1258">
        <v>93.759094161944361</v>
      </c>
      <c r="N1258">
        <v>365</v>
      </c>
      <c r="P1258">
        <v>99.508537287507679</v>
      </c>
      <c r="Q1258">
        <v>155</v>
      </c>
    </row>
    <row r="1259" spans="4:17" x14ac:dyDescent="0.25">
      <c r="D1259">
        <v>95.985526512487198</v>
      </c>
      <c r="E1259">
        <v>414</v>
      </c>
      <c r="G1259">
        <v>90.990674291363362</v>
      </c>
      <c r="H1259">
        <v>491</v>
      </c>
      <c r="J1259">
        <v>88.95694823198771</v>
      </c>
      <c r="K1259">
        <v>490</v>
      </c>
      <c r="M1259">
        <v>93.744987405023167</v>
      </c>
      <c r="N1259">
        <v>366</v>
      </c>
      <c r="P1259">
        <v>99.507819176191148</v>
      </c>
      <c r="Q1259">
        <v>156</v>
      </c>
    </row>
    <row r="1260" spans="4:17" x14ac:dyDescent="0.25">
      <c r="D1260">
        <v>95.971774495762801</v>
      </c>
      <c r="E1260">
        <v>415</v>
      </c>
      <c r="G1260">
        <v>90.960376256607702</v>
      </c>
      <c r="H1260">
        <v>491</v>
      </c>
      <c r="J1260">
        <v>88.945299035385503</v>
      </c>
      <c r="K1260">
        <v>491</v>
      </c>
      <c r="M1260">
        <v>93.731299423752731</v>
      </c>
      <c r="N1260">
        <v>366</v>
      </c>
      <c r="P1260">
        <v>99.506404074479121</v>
      </c>
      <c r="Q1260">
        <v>156</v>
      </c>
    </row>
    <row r="1261" spans="4:17" x14ac:dyDescent="0.25">
      <c r="D1261">
        <v>95.957573600154205</v>
      </c>
      <c r="E1261">
        <v>415</v>
      </c>
      <c r="G1261">
        <v>90.930078221852</v>
      </c>
      <c r="H1261">
        <v>492</v>
      </c>
      <c r="J1261">
        <v>88.933314097745821</v>
      </c>
      <c r="K1261">
        <v>491</v>
      </c>
      <c r="M1261">
        <v>93.717994323077264</v>
      </c>
      <c r="N1261">
        <v>366</v>
      </c>
      <c r="P1261">
        <v>99.505685963162577</v>
      </c>
      <c r="Q1261">
        <v>156</v>
      </c>
    </row>
    <row r="1262" spans="4:17" x14ac:dyDescent="0.25">
      <c r="D1262">
        <v>95.94337270454561</v>
      </c>
      <c r="E1262">
        <v>416</v>
      </c>
      <c r="G1262">
        <v>90.900230026913647</v>
      </c>
      <c r="H1262">
        <v>492</v>
      </c>
      <c r="J1262">
        <v>88.922000642181047</v>
      </c>
      <c r="K1262">
        <v>492</v>
      </c>
      <c r="M1262">
        <v>93.704701187420412</v>
      </c>
      <c r="N1262">
        <v>367</v>
      </c>
      <c r="P1262">
        <v>99.504967851846033</v>
      </c>
      <c r="Q1262">
        <v>157</v>
      </c>
    </row>
    <row r="1263" spans="4:17" x14ac:dyDescent="0.25">
      <c r="D1263">
        <v>95.928722930052828</v>
      </c>
      <c r="E1263">
        <v>416</v>
      </c>
      <c r="G1263">
        <v>90.870368601392443</v>
      </c>
      <c r="H1263">
        <v>492</v>
      </c>
      <c r="J1263">
        <v>88.910697360587108</v>
      </c>
      <c r="K1263">
        <v>492</v>
      </c>
      <c r="M1263">
        <v>93.691408051763545</v>
      </c>
      <c r="N1263">
        <v>367</v>
      </c>
      <c r="P1263">
        <v>99.504270861450564</v>
      </c>
      <c r="Q1263">
        <v>157</v>
      </c>
    </row>
    <row r="1264" spans="4:17" x14ac:dyDescent="0.25">
      <c r="D1264">
        <v>95.914522034444232</v>
      </c>
      <c r="E1264">
        <v>416</v>
      </c>
      <c r="G1264">
        <v>90.84052040645409</v>
      </c>
      <c r="H1264">
        <v>493</v>
      </c>
      <c r="J1264">
        <v>88.899048163984872</v>
      </c>
      <c r="K1264">
        <v>493</v>
      </c>
      <c r="M1264">
        <v>93.678102951088078</v>
      </c>
      <c r="N1264">
        <v>368</v>
      </c>
      <c r="P1264">
        <v>99.503552750134006</v>
      </c>
      <c r="Q1264">
        <v>157</v>
      </c>
    </row>
    <row r="1265" spans="4:17" x14ac:dyDescent="0.25">
      <c r="D1265">
        <v>95.90032113883565</v>
      </c>
      <c r="E1265">
        <v>417</v>
      </c>
      <c r="G1265">
        <v>90.810672211515737</v>
      </c>
      <c r="H1265">
        <v>493</v>
      </c>
      <c r="J1265">
        <v>88.887744882390933</v>
      </c>
      <c r="K1265">
        <v>493</v>
      </c>
      <c r="M1265">
        <v>93.664809815431212</v>
      </c>
      <c r="N1265">
        <v>368</v>
      </c>
      <c r="P1265">
        <v>99.502834638817475</v>
      </c>
      <c r="Q1265">
        <v>158</v>
      </c>
    </row>
    <row r="1266" spans="4:17" x14ac:dyDescent="0.25">
      <c r="D1266">
        <v>95.885657761952459</v>
      </c>
      <c r="E1266">
        <v>417</v>
      </c>
      <c r="G1266">
        <v>90.781260625811868</v>
      </c>
      <c r="H1266">
        <v>494</v>
      </c>
      <c r="J1266">
        <v>88.876441600797008</v>
      </c>
      <c r="K1266">
        <v>493</v>
      </c>
      <c r="M1266">
        <v>93.651516679774332</v>
      </c>
      <c r="N1266">
        <v>368</v>
      </c>
      <c r="P1266">
        <v>99.501419537105434</v>
      </c>
      <c r="Q1266">
        <v>158</v>
      </c>
    </row>
    <row r="1267" spans="4:17" x14ac:dyDescent="0.25">
      <c r="D1267">
        <v>95.870545506185081</v>
      </c>
      <c r="E1267">
        <v>418</v>
      </c>
      <c r="G1267">
        <v>90.751412430873515</v>
      </c>
      <c r="H1267">
        <v>494</v>
      </c>
      <c r="J1267">
        <v>88.865474060240487</v>
      </c>
      <c r="K1267">
        <v>494</v>
      </c>
      <c r="M1267">
        <v>93.638223544117466</v>
      </c>
      <c r="N1267">
        <v>369</v>
      </c>
      <c r="P1267">
        <v>99.50070142578889</v>
      </c>
      <c r="Q1267">
        <v>158</v>
      </c>
    </row>
    <row r="1268" spans="4:17" x14ac:dyDescent="0.25">
      <c r="D1268">
        <v>95.855433250417704</v>
      </c>
      <c r="E1268">
        <v>418</v>
      </c>
      <c r="G1268">
        <v>90.721564235935176</v>
      </c>
      <c r="H1268">
        <v>495</v>
      </c>
      <c r="J1268">
        <v>88.854852434692262</v>
      </c>
      <c r="K1268">
        <v>494</v>
      </c>
      <c r="M1268">
        <v>93.624918443442013</v>
      </c>
      <c r="N1268">
        <v>369</v>
      </c>
      <c r="P1268">
        <v>99.499286324076877</v>
      </c>
      <c r="Q1268">
        <v>159</v>
      </c>
    </row>
    <row r="1269" spans="4:17" x14ac:dyDescent="0.25">
      <c r="D1269">
        <v>95.839396032101092</v>
      </c>
      <c r="E1269">
        <v>419</v>
      </c>
      <c r="G1269">
        <v>90.692152650231279</v>
      </c>
      <c r="H1269">
        <v>495</v>
      </c>
      <c r="J1269">
        <v>88.843884894135769</v>
      </c>
      <c r="K1269">
        <v>495</v>
      </c>
      <c r="M1269">
        <v>93.611625307785133</v>
      </c>
      <c r="N1269">
        <v>370</v>
      </c>
      <c r="P1269">
        <v>99.498568212760333</v>
      </c>
      <c r="Q1269">
        <v>159</v>
      </c>
    </row>
    <row r="1270" spans="4:17" x14ac:dyDescent="0.25">
      <c r="D1270">
        <v>95.823372416174934</v>
      </c>
      <c r="E1270">
        <v>419</v>
      </c>
      <c r="G1270">
        <v>90.662754295110275</v>
      </c>
      <c r="H1270">
        <v>495</v>
      </c>
      <c r="J1270">
        <v>88.83258161254183</v>
      </c>
      <c r="K1270">
        <v>495</v>
      </c>
      <c r="M1270">
        <v>93.598332172128266</v>
      </c>
      <c r="N1270">
        <v>370</v>
      </c>
      <c r="P1270">
        <v>99.497153111048306</v>
      </c>
      <c r="Q1270">
        <v>159</v>
      </c>
    </row>
    <row r="1271" spans="4:17" x14ac:dyDescent="0.25">
      <c r="D1271">
        <v>95.806872716583726</v>
      </c>
      <c r="E1271">
        <v>419</v>
      </c>
      <c r="G1271">
        <v>90.633792549223728</v>
      </c>
      <c r="H1271">
        <v>496</v>
      </c>
      <c r="J1271">
        <v>88.821278330947877</v>
      </c>
      <c r="K1271">
        <v>495</v>
      </c>
      <c r="M1271">
        <v>93.585433882084985</v>
      </c>
      <c r="N1271">
        <v>371</v>
      </c>
      <c r="P1271">
        <v>99.496434999731761</v>
      </c>
      <c r="Q1271">
        <v>160</v>
      </c>
    </row>
    <row r="1272" spans="4:17" x14ac:dyDescent="0.25">
      <c r="D1272">
        <v>95.790386619382943</v>
      </c>
      <c r="E1272">
        <v>420</v>
      </c>
      <c r="G1272">
        <v>90.605280643154501</v>
      </c>
      <c r="H1272">
        <v>496</v>
      </c>
      <c r="J1272">
        <v>88.809629134345641</v>
      </c>
      <c r="K1272">
        <v>496</v>
      </c>
      <c r="M1272">
        <v>93.572140746428119</v>
      </c>
      <c r="N1272">
        <v>371</v>
      </c>
      <c r="P1272">
        <v>99.495019898019748</v>
      </c>
      <c r="Q1272">
        <v>160</v>
      </c>
    </row>
    <row r="1273" spans="4:17" x14ac:dyDescent="0.25">
      <c r="D1273">
        <v>95.77343804090755</v>
      </c>
      <c r="E1273">
        <v>420</v>
      </c>
      <c r="G1273">
        <v>90.576755506502437</v>
      </c>
      <c r="H1273">
        <v>497</v>
      </c>
      <c r="J1273">
        <v>88.797634022735167</v>
      </c>
      <c r="K1273">
        <v>496</v>
      </c>
      <c r="M1273">
        <v>93.559242456384808</v>
      </c>
      <c r="N1273">
        <v>371</v>
      </c>
      <c r="P1273">
        <v>99.494301786703204</v>
      </c>
      <c r="Q1273">
        <v>160</v>
      </c>
    </row>
    <row r="1274" spans="4:17" x14ac:dyDescent="0.25">
      <c r="D1274">
        <v>95.756951943706781</v>
      </c>
      <c r="E1274">
        <v>421</v>
      </c>
      <c r="G1274">
        <v>90.548693440250545</v>
      </c>
      <c r="H1274">
        <v>497</v>
      </c>
      <c r="J1274">
        <v>88.785649085095514</v>
      </c>
      <c r="K1274">
        <v>497</v>
      </c>
      <c r="M1274">
        <v>93.545949320727942</v>
      </c>
      <c r="N1274">
        <v>372</v>
      </c>
      <c r="P1274">
        <v>99.493583675386645</v>
      </c>
      <c r="Q1274">
        <v>161</v>
      </c>
    </row>
    <row r="1275" spans="4:17" x14ac:dyDescent="0.25">
      <c r="D1275">
        <v>95.740003365231402</v>
      </c>
      <c r="E1275">
        <v>421</v>
      </c>
      <c r="G1275">
        <v>90.520181534181347</v>
      </c>
      <c r="H1275">
        <v>497</v>
      </c>
      <c r="J1275">
        <v>88.773653973485011</v>
      </c>
      <c r="K1275">
        <v>497</v>
      </c>
      <c r="M1275">
        <v>93.53265618507109</v>
      </c>
      <c r="N1275">
        <v>372</v>
      </c>
      <c r="P1275">
        <v>99.492168573674633</v>
      </c>
      <c r="Q1275">
        <v>161</v>
      </c>
    </row>
    <row r="1276" spans="4:17" x14ac:dyDescent="0.25">
      <c r="D1276">
        <v>95.722129824206775</v>
      </c>
      <c r="E1276">
        <v>421</v>
      </c>
      <c r="G1276">
        <v>90.492106237346604</v>
      </c>
      <c r="H1276">
        <v>498</v>
      </c>
      <c r="J1276">
        <v>88.76200477688279</v>
      </c>
      <c r="K1276">
        <v>498</v>
      </c>
      <c r="M1276">
        <v>93.519351084395609</v>
      </c>
      <c r="N1276">
        <v>373</v>
      </c>
      <c r="P1276">
        <v>99.491450462358074</v>
      </c>
      <c r="Q1276">
        <v>161</v>
      </c>
    </row>
    <row r="1277" spans="4:17" x14ac:dyDescent="0.25">
      <c r="D1277">
        <v>95.704269885572614</v>
      </c>
      <c r="E1277">
        <v>422</v>
      </c>
      <c r="G1277">
        <v>90.464044171094713</v>
      </c>
      <c r="H1277">
        <v>498</v>
      </c>
      <c r="J1277">
        <v>88.750355580280583</v>
      </c>
      <c r="K1277">
        <v>498</v>
      </c>
      <c r="M1277">
        <v>93.506057948738743</v>
      </c>
      <c r="N1277">
        <v>373</v>
      </c>
      <c r="P1277">
        <v>99.490753471962606</v>
      </c>
      <c r="Q1277">
        <v>162</v>
      </c>
    </row>
    <row r="1278" spans="4:17" x14ac:dyDescent="0.25">
      <c r="D1278">
        <v>95.68594746566383</v>
      </c>
      <c r="E1278">
        <v>422</v>
      </c>
      <c r="G1278">
        <v>90.435968874259984</v>
      </c>
      <c r="H1278">
        <v>499</v>
      </c>
      <c r="J1278">
        <v>88.739398213694898</v>
      </c>
      <c r="K1278">
        <v>498</v>
      </c>
      <c r="M1278">
        <v>93.492764813081877</v>
      </c>
      <c r="N1278">
        <v>373</v>
      </c>
      <c r="P1278">
        <v>99.490035360646061</v>
      </c>
      <c r="Q1278">
        <v>162</v>
      </c>
    </row>
    <row r="1279" spans="4:17" x14ac:dyDescent="0.25">
      <c r="D1279">
        <v>95.666713685596264</v>
      </c>
      <c r="E1279">
        <v>423</v>
      </c>
      <c r="G1279">
        <v>90.408343417242577</v>
      </c>
      <c r="H1279">
        <v>499</v>
      </c>
      <c r="J1279">
        <v>88.728430673138405</v>
      </c>
      <c r="K1279">
        <v>499</v>
      </c>
      <c r="M1279">
        <v>93.479459712406424</v>
      </c>
      <c r="N1279">
        <v>374</v>
      </c>
      <c r="P1279">
        <v>99.488620258934048</v>
      </c>
      <c r="Q1279">
        <v>162</v>
      </c>
    </row>
    <row r="1280" spans="4:17" x14ac:dyDescent="0.25">
      <c r="D1280">
        <v>95.648391265687465</v>
      </c>
      <c r="E1280">
        <v>423</v>
      </c>
      <c r="G1280">
        <v>90.38161763985984</v>
      </c>
      <c r="H1280">
        <v>500</v>
      </c>
      <c r="J1280">
        <v>88.717463132581912</v>
      </c>
      <c r="K1280">
        <v>499</v>
      </c>
      <c r="M1280">
        <v>93.4665733873817</v>
      </c>
      <c r="N1280">
        <v>374</v>
      </c>
      <c r="P1280">
        <v>99.487902147617504</v>
      </c>
      <c r="Q1280">
        <v>163</v>
      </c>
    </row>
    <row r="1281" spans="4:17" x14ac:dyDescent="0.25">
      <c r="D1281">
        <v>95.62960636450407</v>
      </c>
      <c r="E1281">
        <v>424</v>
      </c>
      <c r="G1281">
        <v>90.354878631894238</v>
      </c>
      <c r="H1281">
        <v>500</v>
      </c>
      <c r="J1281">
        <v>88.706841507033687</v>
      </c>
      <c r="K1281">
        <v>500</v>
      </c>
      <c r="M1281">
        <v>93.453675097338404</v>
      </c>
      <c r="N1281">
        <v>375</v>
      </c>
      <c r="P1281">
        <v>99.48718403630096</v>
      </c>
      <c r="Q1281">
        <v>163</v>
      </c>
    </row>
    <row r="1282" spans="4:17" x14ac:dyDescent="0.25">
      <c r="D1282">
        <v>95.610372584436504</v>
      </c>
      <c r="E1282">
        <v>424</v>
      </c>
      <c r="G1282">
        <v>90.327703014694151</v>
      </c>
      <c r="H1282">
        <v>500</v>
      </c>
      <c r="J1282">
        <v>88.696219881485447</v>
      </c>
      <c r="K1282">
        <v>500</v>
      </c>
      <c r="M1282">
        <v>93.440788772313709</v>
      </c>
      <c r="N1282">
        <v>375</v>
      </c>
      <c r="P1282">
        <v>99.485768934588947</v>
      </c>
      <c r="Q1282">
        <v>163</v>
      </c>
    </row>
    <row r="1283" spans="4:17" x14ac:dyDescent="0.25">
      <c r="D1283">
        <v>95.590213841819718</v>
      </c>
      <c r="E1283">
        <v>424</v>
      </c>
      <c r="G1283">
        <v>90.300964006728563</v>
      </c>
      <c r="H1283">
        <v>501</v>
      </c>
      <c r="J1283">
        <v>88.68526251489979</v>
      </c>
      <c r="K1283">
        <v>500</v>
      </c>
      <c r="M1283">
        <v>93.42829729290257</v>
      </c>
      <c r="N1283">
        <v>376</v>
      </c>
      <c r="P1283">
        <v>99.485050823272388</v>
      </c>
      <c r="Q1283">
        <v>164</v>
      </c>
    </row>
    <row r="1284" spans="4:17" x14ac:dyDescent="0.25">
      <c r="D1284">
        <v>95.569592617928294</v>
      </c>
      <c r="E1284">
        <v>425</v>
      </c>
      <c r="G1284">
        <v>90.274688069163133</v>
      </c>
      <c r="H1284">
        <v>501</v>
      </c>
      <c r="J1284">
        <v>88.674640889351551</v>
      </c>
      <c r="K1284">
        <v>501</v>
      </c>
      <c r="M1284">
        <v>93.415399002859274</v>
      </c>
      <c r="N1284">
        <v>376</v>
      </c>
      <c r="P1284">
        <v>99.483635721560375</v>
      </c>
      <c r="Q1284">
        <v>164</v>
      </c>
    </row>
    <row r="1285" spans="4:17" x14ac:dyDescent="0.25">
      <c r="D1285">
        <v>95.549447477701946</v>
      </c>
      <c r="E1285">
        <v>425</v>
      </c>
      <c r="G1285">
        <v>90.248398901014852</v>
      </c>
      <c r="H1285">
        <v>502</v>
      </c>
      <c r="J1285">
        <v>88.663673348795058</v>
      </c>
      <c r="K1285">
        <v>501</v>
      </c>
      <c r="M1285">
        <v>93.402500712815979</v>
      </c>
      <c r="N1285">
        <v>376</v>
      </c>
      <c r="P1285">
        <v>99.482917610243831</v>
      </c>
      <c r="Q1285">
        <v>164</v>
      </c>
    </row>
    <row r="1286" spans="4:17" x14ac:dyDescent="0.25">
      <c r="D1286">
        <v>95.528377374926364</v>
      </c>
      <c r="E1286">
        <v>426</v>
      </c>
      <c r="G1286">
        <v>90.222109732866585</v>
      </c>
      <c r="H1286">
        <v>502</v>
      </c>
      <c r="J1286">
        <v>88.653051723246833</v>
      </c>
      <c r="K1286">
        <v>502</v>
      </c>
      <c r="M1286">
        <v>93.39002119842344</v>
      </c>
      <c r="N1286">
        <v>377</v>
      </c>
      <c r="P1286">
        <v>99.481502508531776</v>
      </c>
      <c r="Q1286">
        <v>165</v>
      </c>
    </row>
    <row r="1287" spans="4:17" x14ac:dyDescent="0.25">
      <c r="D1287">
        <v>95.507756151034968</v>
      </c>
      <c r="E1287">
        <v>426</v>
      </c>
      <c r="G1287">
        <v>90.196270404535667</v>
      </c>
      <c r="H1287">
        <v>502</v>
      </c>
      <c r="J1287">
        <v>88.642430097698607</v>
      </c>
      <c r="K1287">
        <v>502</v>
      </c>
      <c r="M1287">
        <v>93.377122908380144</v>
      </c>
      <c r="N1287">
        <v>377</v>
      </c>
      <c r="P1287">
        <v>99.480087406819777</v>
      </c>
      <c r="Q1287">
        <v>165</v>
      </c>
    </row>
    <row r="1288" spans="4:17" x14ac:dyDescent="0.25">
      <c r="D1288">
        <v>95.486237169375201</v>
      </c>
      <c r="E1288">
        <v>426</v>
      </c>
      <c r="G1288">
        <v>90.170431076204721</v>
      </c>
      <c r="H1288">
        <v>503</v>
      </c>
      <c r="J1288">
        <v>88.632154387158664</v>
      </c>
      <c r="K1288">
        <v>503</v>
      </c>
      <c r="M1288">
        <v>93.36463142896902</v>
      </c>
      <c r="N1288">
        <v>378</v>
      </c>
      <c r="P1288">
        <v>99.479369295503218</v>
      </c>
      <c r="Q1288">
        <v>165</v>
      </c>
    </row>
    <row r="1289" spans="4:17" x14ac:dyDescent="0.25">
      <c r="D1289">
        <v>95.463779622775803</v>
      </c>
      <c r="E1289">
        <v>427</v>
      </c>
      <c r="G1289">
        <v>90.145028357108245</v>
      </c>
      <c r="H1289">
        <v>503</v>
      </c>
      <c r="J1289">
        <v>88.622224591627003</v>
      </c>
      <c r="K1289">
        <v>503</v>
      </c>
      <c r="M1289">
        <v>93.351733138925724</v>
      </c>
      <c r="N1289">
        <v>378</v>
      </c>
      <c r="P1289">
        <v>99.478651184186688</v>
      </c>
      <c r="Q1289">
        <v>166</v>
      </c>
    </row>
    <row r="1290" spans="4:17" x14ac:dyDescent="0.25">
      <c r="D1290">
        <v>95.441335678566801</v>
      </c>
      <c r="E1290">
        <v>427</v>
      </c>
      <c r="G1290">
        <v>90.119638868594649</v>
      </c>
      <c r="H1290">
        <v>504</v>
      </c>
      <c r="J1290">
        <v>88.611938707116209</v>
      </c>
      <c r="K1290">
        <v>503</v>
      </c>
      <c r="M1290">
        <v>93.338846813901</v>
      </c>
      <c r="N1290">
        <v>378</v>
      </c>
      <c r="P1290">
        <v>99.477236082474661</v>
      </c>
      <c r="Q1290">
        <v>166</v>
      </c>
    </row>
    <row r="1291" spans="4:17" x14ac:dyDescent="0.25">
      <c r="D1291">
        <v>95.418442855473643</v>
      </c>
      <c r="E1291">
        <v>428</v>
      </c>
      <c r="G1291">
        <v>90.094685989315508</v>
      </c>
      <c r="H1291">
        <v>504</v>
      </c>
      <c r="J1291">
        <v>88.601317081567984</v>
      </c>
      <c r="K1291">
        <v>504</v>
      </c>
      <c r="M1291">
        <v>93.326355334489875</v>
      </c>
      <c r="N1291">
        <v>379</v>
      </c>
      <c r="P1291">
        <v>99.476517971158131</v>
      </c>
      <c r="Q1291">
        <v>166</v>
      </c>
    </row>
    <row r="1292" spans="4:17" x14ac:dyDescent="0.25">
      <c r="D1292">
        <v>95.395985308874231</v>
      </c>
      <c r="E1292">
        <v>428</v>
      </c>
      <c r="G1292">
        <v>90.069283270219046</v>
      </c>
      <c r="H1292">
        <v>505</v>
      </c>
      <c r="J1292">
        <v>88.590359714982313</v>
      </c>
      <c r="K1292">
        <v>504</v>
      </c>
      <c r="M1292">
        <v>93.313457044446565</v>
      </c>
      <c r="N1292">
        <v>379</v>
      </c>
      <c r="P1292">
        <v>99.47510286944609</v>
      </c>
      <c r="Q1292">
        <v>167</v>
      </c>
    </row>
    <row r="1293" spans="4:17" x14ac:dyDescent="0.25">
      <c r="D1293">
        <v>95.373092485781086</v>
      </c>
      <c r="E1293">
        <v>429</v>
      </c>
      <c r="G1293">
        <v>90.044330390939919</v>
      </c>
      <c r="H1293">
        <v>505</v>
      </c>
      <c r="J1293">
        <v>88.579056433388388</v>
      </c>
      <c r="K1293">
        <v>505</v>
      </c>
      <c r="M1293">
        <v>93.30057071942187</v>
      </c>
      <c r="N1293">
        <v>380</v>
      </c>
      <c r="P1293">
        <v>99.474384758129546</v>
      </c>
      <c r="Q1293">
        <v>167</v>
      </c>
    </row>
    <row r="1294" spans="4:17" x14ac:dyDescent="0.25">
      <c r="D1294">
        <v>95.351559901730894</v>
      </c>
      <c r="E1294">
        <v>429</v>
      </c>
      <c r="G1294">
        <v>90.018940902426309</v>
      </c>
      <c r="H1294">
        <v>505</v>
      </c>
      <c r="J1294">
        <v>88.567742977823599</v>
      </c>
      <c r="K1294">
        <v>505</v>
      </c>
      <c r="M1294">
        <v>93.288079240010731</v>
      </c>
      <c r="N1294">
        <v>380</v>
      </c>
      <c r="P1294">
        <v>99.473687767734091</v>
      </c>
      <c r="Q1294">
        <v>167</v>
      </c>
    </row>
    <row r="1295" spans="4:17" x14ac:dyDescent="0.25">
      <c r="D1295">
        <v>95.328653476247311</v>
      </c>
      <c r="E1295">
        <v>429</v>
      </c>
      <c r="G1295">
        <v>89.993988023147182</v>
      </c>
      <c r="H1295">
        <v>506</v>
      </c>
      <c r="J1295">
        <v>88.556785611237942</v>
      </c>
      <c r="K1295">
        <v>505</v>
      </c>
      <c r="M1295">
        <v>93.275180949967435</v>
      </c>
      <c r="N1295">
        <v>381</v>
      </c>
      <c r="P1295">
        <v>99.472251545100974</v>
      </c>
      <c r="Q1295">
        <v>168</v>
      </c>
    </row>
    <row r="1296" spans="4:17" x14ac:dyDescent="0.25">
      <c r="D1296">
        <v>95.305747050763713</v>
      </c>
      <c r="E1296">
        <v>430</v>
      </c>
      <c r="G1296">
        <v>89.969484983685362</v>
      </c>
      <c r="H1296">
        <v>506</v>
      </c>
      <c r="J1296">
        <v>88.546499726727163</v>
      </c>
      <c r="K1296">
        <v>506</v>
      </c>
      <c r="M1296">
        <v>93.262282659924139</v>
      </c>
      <c r="N1296">
        <v>381</v>
      </c>
      <c r="P1296">
        <v>99.47153343378443</v>
      </c>
      <c r="Q1296">
        <v>168</v>
      </c>
    </row>
    <row r="1297" spans="4:17" x14ac:dyDescent="0.25">
      <c r="D1297">
        <v>95.282391746395945</v>
      </c>
      <c r="E1297">
        <v>430</v>
      </c>
      <c r="G1297">
        <v>89.944532104406221</v>
      </c>
      <c r="H1297">
        <v>507</v>
      </c>
      <c r="J1297">
        <v>88.536224016187219</v>
      </c>
      <c r="K1297">
        <v>506</v>
      </c>
      <c r="M1297">
        <v>93.249803145531587</v>
      </c>
      <c r="N1297">
        <v>381</v>
      </c>
      <c r="P1297">
        <v>99.470118332072417</v>
      </c>
      <c r="Q1297">
        <v>168</v>
      </c>
    </row>
    <row r="1298" spans="4:17" x14ac:dyDescent="0.25">
      <c r="D1298">
        <v>95.259036442028176</v>
      </c>
      <c r="E1298">
        <v>431</v>
      </c>
      <c r="G1298">
        <v>89.920478904761765</v>
      </c>
      <c r="H1298">
        <v>507</v>
      </c>
      <c r="J1298">
        <v>88.525948305647262</v>
      </c>
      <c r="K1298">
        <v>507</v>
      </c>
      <c r="M1298">
        <v>93.237311666120476</v>
      </c>
      <c r="N1298">
        <v>382</v>
      </c>
      <c r="P1298">
        <v>99.468703230360404</v>
      </c>
      <c r="Q1298">
        <v>169</v>
      </c>
    </row>
    <row r="1299" spans="4:17" x14ac:dyDescent="0.25">
      <c r="D1299">
        <v>95.234756175111187</v>
      </c>
      <c r="E1299">
        <v>431</v>
      </c>
      <c r="G1299">
        <v>89.895975865299974</v>
      </c>
      <c r="H1299">
        <v>507</v>
      </c>
      <c r="J1299">
        <v>88.516008336144751</v>
      </c>
      <c r="K1299">
        <v>507</v>
      </c>
      <c r="M1299">
        <v>93.224413376077152</v>
      </c>
      <c r="N1299">
        <v>382</v>
      </c>
      <c r="P1299">
        <v>99.467985119043846</v>
      </c>
      <c r="Q1299">
        <v>169</v>
      </c>
    </row>
    <row r="1300" spans="4:17" x14ac:dyDescent="0.25">
      <c r="D1300">
        <v>95.210475908194198</v>
      </c>
      <c r="E1300">
        <v>431</v>
      </c>
      <c r="G1300">
        <v>89.871459595255303</v>
      </c>
      <c r="H1300">
        <v>508</v>
      </c>
      <c r="J1300">
        <v>88.505386710596525</v>
      </c>
      <c r="K1300">
        <v>508</v>
      </c>
      <c r="M1300">
        <v>93.211921896666027</v>
      </c>
      <c r="N1300">
        <v>383</v>
      </c>
      <c r="P1300">
        <v>99.466570017331833</v>
      </c>
      <c r="Q1300">
        <v>169</v>
      </c>
    </row>
    <row r="1301" spans="4:17" x14ac:dyDescent="0.25">
      <c r="D1301">
        <v>95.185746762393038</v>
      </c>
      <c r="E1301">
        <v>432</v>
      </c>
      <c r="G1301">
        <v>89.847406395610847</v>
      </c>
      <c r="H1301">
        <v>508</v>
      </c>
      <c r="J1301">
        <v>88.495456915064835</v>
      </c>
      <c r="K1301">
        <v>508</v>
      </c>
      <c r="M1301">
        <v>93.199430417254888</v>
      </c>
      <c r="N1301">
        <v>383</v>
      </c>
      <c r="P1301">
        <v>99.46513379469873</v>
      </c>
      <c r="Q1301">
        <v>170</v>
      </c>
    </row>
    <row r="1302" spans="4:17" x14ac:dyDescent="0.25">
      <c r="D1302">
        <v>95.161004014201438</v>
      </c>
      <c r="E1302">
        <v>432</v>
      </c>
      <c r="G1302">
        <v>89.822903356149041</v>
      </c>
      <c r="H1302">
        <v>509</v>
      </c>
      <c r="J1302">
        <v>88.484489374508357</v>
      </c>
      <c r="K1302">
        <v>508</v>
      </c>
      <c r="M1302">
        <v>93.186938937843749</v>
      </c>
      <c r="N1302">
        <v>383</v>
      </c>
      <c r="P1302">
        <v>99.464436804303276</v>
      </c>
      <c r="Q1302">
        <v>170</v>
      </c>
    </row>
    <row r="1303" spans="4:17" x14ac:dyDescent="0.25">
      <c r="D1303">
        <v>95.136274868400278</v>
      </c>
      <c r="E1303">
        <v>433</v>
      </c>
      <c r="G1303">
        <v>89.798836925921705</v>
      </c>
      <c r="H1303">
        <v>509</v>
      </c>
      <c r="J1303">
        <v>88.473867748960117</v>
      </c>
      <c r="K1303">
        <v>509</v>
      </c>
      <c r="M1303">
        <v>93.174447458432624</v>
      </c>
      <c r="N1303">
        <v>384</v>
      </c>
      <c r="P1303">
        <v>99.463000581670158</v>
      </c>
      <c r="Q1303">
        <v>170</v>
      </c>
    </row>
    <row r="1304" spans="4:17" x14ac:dyDescent="0.25">
      <c r="D1304">
        <v>95.111069638934069</v>
      </c>
      <c r="E1304">
        <v>433</v>
      </c>
      <c r="G1304">
        <v>89.774333886459914</v>
      </c>
      <c r="H1304">
        <v>510</v>
      </c>
      <c r="J1304">
        <v>88.462910382374474</v>
      </c>
      <c r="K1304">
        <v>509</v>
      </c>
      <c r="M1304">
        <v>93.161955979021499</v>
      </c>
      <c r="N1304">
        <v>384</v>
      </c>
      <c r="P1304">
        <v>99.461585479958146</v>
      </c>
      <c r="Q1304">
        <v>171</v>
      </c>
    </row>
    <row r="1305" spans="4:17" x14ac:dyDescent="0.25">
      <c r="D1305">
        <v>95.084966651699517</v>
      </c>
      <c r="E1305">
        <v>434</v>
      </c>
      <c r="G1305">
        <v>89.750280686815429</v>
      </c>
      <c r="H1305">
        <v>510</v>
      </c>
      <c r="J1305">
        <v>88.452288756826235</v>
      </c>
      <c r="K1305">
        <v>510</v>
      </c>
      <c r="M1305">
        <v>93.149464499610346</v>
      </c>
      <c r="N1305">
        <v>385</v>
      </c>
      <c r="P1305">
        <v>99.460170378246119</v>
      </c>
      <c r="Q1305">
        <v>171</v>
      </c>
    </row>
    <row r="1306" spans="4:17" x14ac:dyDescent="0.25">
      <c r="D1306">
        <v>95.057476220641121</v>
      </c>
      <c r="E1306">
        <v>434</v>
      </c>
      <c r="G1306">
        <v>89.727113936222779</v>
      </c>
      <c r="H1306">
        <v>510</v>
      </c>
      <c r="J1306">
        <v>88.441321216269742</v>
      </c>
      <c r="K1306">
        <v>510</v>
      </c>
      <c r="M1306">
        <v>93.136973020199235</v>
      </c>
      <c r="N1306">
        <v>385</v>
      </c>
      <c r="P1306">
        <v>99.458734155613044</v>
      </c>
      <c r="Q1306">
        <v>171</v>
      </c>
    </row>
    <row r="1307" spans="4:17" x14ac:dyDescent="0.25">
      <c r="D1307">
        <v>95.029536910698539</v>
      </c>
      <c r="E1307">
        <v>434</v>
      </c>
      <c r="G1307">
        <v>89.703497345812764</v>
      </c>
      <c r="H1307">
        <v>511</v>
      </c>
      <c r="J1307">
        <v>88.430353675713221</v>
      </c>
      <c r="K1307">
        <v>510</v>
      </c>
      <c r="M1307">
        <v>93.124493505806669</v>
      </c>
      <c r="N1307">
        <v>386</v>
      </c>
      <c r="P1307">
        <v>99.457319053901031</v>
      </c>
      <c r="Q1307">
        <v>172</v>
      </c>
    </row>
    <row r="1308" spans="4:17" x14ac:dyDescent="0.25">
      <c r="D1308">
        <v>95.002060082030567</v>
      </c>
      <c r="E1308">
        <v>435</v>
      </c>
      <c r="G1308">
        <v>89.679880755402792</v>
      </c>
      <c r="H1308">
        <v>511</v>
      </c>
      <c r="J1308">
        <v>88.420077965173277</v>
      </c>
      <c r="K1308">
        <v>511</v>
      </c>
      <c r="M1308">
        <v>93.112396872009114</v>
      </c>
      <c r="N1308">
        <v>386</v>
      </c>
      <c r="P1308">
        <v>99.45590395218899</v>
      </c>
      <c r="Q1308">
        <v>172</v>
      </c>
    </row>
    <row r="1309" spans="4:17" x14ac:dyDescent="0.25">
      <c r="D1309">
        <v>94.974569650972185</v>
      </c>
      <c r="E1309">
        <v>435</v>
      </c>
      <c r="G1309">
        <v>89.656264164992777</v>
      </c>
      <c r="H1309">
        <v>512</v>
      </c>
      <c r="J1309">
        <v>88.410148169641616</v>
      </c>
      <c r="K1309">
        <v>511</v>
      </c>
      <c r="M1309">
        <v>93.099905392597975</v>
      </c>
      <c r="N1309">
        <v>386</v>
      </c>
      <c r="P1309">
        <v>99.454467729555901</v>
      </c>
      <c r="Q1309">
        <v>172</v>
      </c>
    </row>
    <row r="1310" spans="4:17" x14ac:dyDescent="0.25">
      <c r="D1310">
        <v>94.947541701188413</v>
      </c>
      <c r="E1310">
        <v>436</v>
      </c>
      <c r="G1310">
        <v>89.632210965348307</v>
      </c>
      <c r="H1310">
        <v>512</v>
      </c>
      <c r="J1310">
        <v>88.400208200139105</v>
      </c>
      <c r="K1310">
        <v>512</v>
      </c>
      <c r="M1310">
        <v>93.08741391318685</v>
      </c>
      <c r="N1310">
        <v>387</v>
      </c>
      <c r="P1310">
        <v>99.453770739160419</v>
      </c>
      <c r="Q1310">
        <v>173</v>
      </c>
    </row>
    <row r="1311" spans="4:17" x14ac:dyDescent="0.25">
      <c r="D1311">
        <v>94.91822854981244</v>
      </c>
      <c r="E1311">
        <v>436</v>
      </c>
      <c r="G1311">
        <v>89.60859437493832</v>
      </c>
      <c r="H1311">
        <v>512</v>
      </c>
      <c r="J1311">
        <v>88.390960060653157</v>
      </c>
      <c r="K1311">
        <v>512</v>
      </c>
      <c r="M1311">
        <v>93.075329244407882</v>
      </c>
      <c r="N1311">
        <v>387</v>
      </c>
      <c r="P1311">
        <v>99.45233451652733</v>
      </c>
      <c r="Q1311">
        <v>173</v>
      </c>
    </row>
    <row r="1312" spans="4:17" x14ac:dyDescent="0.25">
      <c r="D1312">
        <v>94.888452917161842</v>
      </c>
      <c r="E1312">
        <v>436</v>
      </c>
      <c r="G1312">
        <v>89.585427624345641</v>
      </c>
      <c r="H1312">
        <v>513</v>
      </c>
      <c r="J1312">
        <v>88.381020091150631</v>
      </c>
      <c r="K1312">
        <v>513</v>
      </c>
      <c r="M1312">
        <v>93.062837764996743</v>
      </c>
      <c r="N1312">
        <v>388</v>
      </c>
      <c r="P1312">
        <v>99.450919414815303</v>
      </c>
      <c r="Q1312">
        <v>173</v>
      </c>
    </row>
    <row r="1313" spans="4:17" x14ac:dyDescent="0.25">
      <c r="D1313">
        <v>94.858677284511288</v>
      </c>
      <c r="E1313">
        <v>437</v>
      </c>
      <c r="G1313">
        <v>89.562260873752976</v>
      </c>
      <c r="H1313">
        <v>513</v>
      </c>
      <c r="J1313">
        <v>88.370744380610702</v>
      </c>
      <c r="K1313">
        <v>513</v>
      </c>
      <c r="M1313">
        <v>93.050753096217775</v>
      </c>
      <c r="N1313">
        <v>388</v>
      </c>
      <c r="P1313">
        <v>99.449504313103304</v>
      </c>
      <c r="Q1313">
        <v>174</v>
      </c>
    </row>
    <row r="1314" spans="4:17" x14ac:dyDescent="0.25">
      <c r="D1314">
        <v>94.829826614409924</v>
      </c>
      <c r="E1314">
        <v>437</v>
      </c>
      <c r="G1314">
        <v>89.539530732394795</v>
      </c>
      <c r="H1314">
        <v>514</v>
      </c>
      <c r="J1314">
        <v>88.360804411108191</v>
      </c>
      <c r="K1314">
        <v>513</v>
      </c>
      <c r="M1314">
        <v>93.038261616806622</v>
      </c>
      <c r="N1314">
        <v>388</v>
      </c>
      <c r="P1314">
        <v>99.448068090470201</v>
      </c>
      <c r="Q1314">
        <v>174</v>
      </c>
    </row>
    <row r="1315" spans="4:17" x14ac:dyDescent="0.25">
      <c r="D1315">
        <v>94.799588500484717</v>
      </c>
      <c r="E1315">
        <v>438</v>
      </c>
      <c r="G1315">
        <v>89.5172636614368</v>
      </c>
      <c r="H1315">
        <v>514</v>
      </c>
      <c r="J1315">
        <v>88.350528700568248</v>
      </c>
      <c r="K1315">
        <v>514</v>
      </c>
      <c r="M1315">
        <v>93.026176948027654</v>
      </c>
      <c r="N1315">
        <v>389</v>
      </c>
      <c r="P1315">
        <v>99.446652988758174</v>
      </c>
      <c r="Q1315">
        <v>174</v>
      </c>
    </row>
    <row r="1316" spans="4:17" x14ac:dyDescent="0.25">
      <c r="D1316">
        <v>94.768901507675352</v>
      </c>
      <c r="E1316">
        <v>438</v>
      </c>
      <c r="G1316">
        <v>89.494983359895926</v>
      </c>
      <c r="H1316">
        <v>515</v>
      </c>
      <c r="J1316">
        <v>88.340598905036572</v>
      </c>
      <c r="K1316">
        <v>514</v>
      </c>
      <c r="M1316">
        <v>93.013685468616529</v>
      </c>
      <c r="N1316">
        <v>389</v>
      </c>
      <c r="P1316">
        <v>99.444519775729617</v>
      </c>
      <c r="Q1316">
        <v>175</v>
      </c>
    </row>
    <row r="1317" spans="4:17" x14ac:dyDescent="0.25">
      <c r="D1317">
        <v>94.737752033591377</v>
      </c>
      <c r="E1317">
        <v>439</v>
      </c>
      <c r="G1317">
        <v>89.473152898172415</v>
      </c>
      <c r="H1317">
        <v>515</v>
      </c>
      <c r="J1317">
        <v>88.329977279488347</v>
      </c>
      <c r="K1317">
        <v>515</v>
      </c>
      <c r="M1317">
        <v>93.001600799837561</v>
      </c>
      <c r="N1317">
        <v>390</v>
      </c>
      <c r="P1317">
        <v>99.443083553096528</v>
      </c>
      <c r="Q1317">
        <v>175</v>
      </c>
    </row>
    <row r="1318" spans="4:17" x14ac:dyDescent="0.25">
      <c r="D1318">
        <v>94.706602559507402</v>
      </c>
      <c r="E1318">
        <v>439</v>
      </c>
      <c r="G1318">
        <v>89.450422756814206</v>
      </c>
      <c r="H1318">
        <v>515</v>
      </c>
      <c r="J1318">
        <v>88.319355653940107</v>
      </c>
      <c r="K1318">
        <v>515</v>
      </c>
      <c r="M1318">
        <v>92.989504166039993</v>
      </c>
      <c r="N1318">
        <v>390</v>
      </c>
      <c r="P1318">
        <v>99.441668451384501</v>
      </c>
      <c r="Q1318">
        <v>175</v>
      </c>
    </row>
    <row r="1319" spans="4:17" x14ac:dyDescent="0.25">
      <c r="D1319">
        <v>94.67316788383124</v>
      </c>
      <c r="E1319">
        <v>439</v>
      </c>
      <c r="G1319">
        <v>89.428155685856211</v>
      </c>
      <c r="H1319">
        <v>516</v>
      </c>
      <c r="J1319">
        <v>88.309069769429343</v>
      </c>
      <c r="K1319">
        <v>515</v>
      </c>
      <c r="M1319">
        <v>92.97741949726101</v>
      </c>
      <c r="N1319">
        <v>391</v>
      </c>
      <c r="P1319">
        <v>99.440253349672474</v>
      </c>
      <c r="Q1319">
        <v>176</v>
      </c>
    </row>
    <row r="1320" spans="4:17" x14ac:dyDescent="0.25">
      <c r="D1320">
        <v>94.640182087039264</v>
      </c>
      <c r="E1320">
        <v>440</v>
      </c>
      <c r="G1320">
        <v>89.405875384315365</v>
      </c>
      <c r="H1320">
        <v>516</v>
      </c>
      <c r="J1320">
        <v>88.298794058889385</v>
      </c>
      <c r="K1320">
        <v>516</v>
      </c>
      <c r="M1320">
        <v>92.964928017849886</v>
      </c>
      <c r="N1320">
        <v>391</v>
      </c>
      <c r="P1320">
        <v>99.438817127039385</v>
      </c>
      <c r="Q1320">
        <v>176</v>
      </c>
    </row>
    <row r="1321" spans="4:17" x14ac:dyDescent="0.25">
      <c r="D1321">
        <v>94.606747411363088</v>
      </c>
      <c r="E1321">
        <v>440</v>
      </c>
      <c r="G1321">
        <v>89.384044922591841</v>
      </c>
      <c r="H1321">
        <v>517</v>
      </c>
      <c r="J1321">
        <v>88.28817243334116</v>
      </c>
      <c r="K1321">
        <v>516</v>
      </c>
      <c r="M1321">
        <v>92.952843349070918</v>
      </c>
      <c r="N1321">
        <v>391</v>
      </c>
      <c r="P1321">
        <v>99.437402025327373</v>
      </c>
      <c r="Q1321">
        <v>176</v>
      </c>
    </row>
    <row r="1322" spans="4:17" x14ac:dyDescent="0.25">
      <c r="D1322">
        <v>94.572387773137706</v>
      </c>
      <c r="E1322">
        <v>441</v>
      </c>
      <c r="G1322">
        <v>89.362651070102757</v>
      </c>
      <c r="H1322">
        <v>517</v>
      </c>
      <c r="J1322">
        <v>88.277550807792949</v>
      </c>
      <c r="K1322">
        <v>517</v>
      </c>
      <c r="M1322">
        <v>92.94075868029195</v>
      </c>
      <c r="N1322">
        <v>392</v>
      </c>
      <c r="P1322">
        <v>99.435268812298801</v>
      </c>
      <c r="Q1322">
        <v>177</v>
      </c>
    </row>
    <row r="1323" spans="4:17" x14ac:dyDescent="0.25">
      <c r="D1323">
        <v>94.537579256028138</v>
      </c>
      <c r="E1323">
        <v>441</v>
      </c>
      <c r="G1323">
        <v>89.340820608379246</v>
      </c>
      <c r="H1323">
        <v>517</v>
      </c>
      <c r="J1323">
        <v>88.267621012261259</v>
      </c>
      <c r="K1323">
        <v>517</v>
      </c>
      <c r="M1323">
        <v>92.928662046494381</v>
      </c>
      <c r="N1323">
        <v>392</v>
      </c>
      <c r="P1323">
        <v>99.433853710586774</v>
      </c>
      <c r="Q1323">
        <v>177</v>
      </c>
    </row>
    <row r="1324" spans="4:17" x14ac:dyDescent="0.25">
      <c r="D1324">
        <v>94.503682099077366</v>
      </c>
      <c r="E1324">
        <v>441</v>
      </c>
      <c r="G1324">
        <v>89.318990146655736</v>
      </c>
      <c r="H1324">
        <v>518</v>
      </c>
      <c r="J1324">
        <v>88.257335127750494</v>
      </c>
      <c r="K1324">
        <v>518</v>
      </c>
      <c r="M1324">
        <v>92.916170567083242</v>
      </c>
      <c r="N1324">
        <v>393</v>
      </c>
      <c r="P1324">
        <v>99.432417487953671</v>
      </c>
      <c r="Q1324">
        <v>177</v>
      </c>
    </row>
    <row r="1325" spans="4:17" x14ac:dyDescent="0.25">
      <c r="D1325">
        <v>94.469322460851984</v>
      </c>
      <c r="E1325">
        <v>442</v>
      </c>
      <c r="G1325">
        <v>89.297609524749532</v>
      </c>
      <c r="H1325">
        <v>518</v>
      </c>
      <c r="J1325">
        <v>88.246713502202283</v>
      </c>
      <c r="K1325">
        <v>518</v>
      </c>
      <c r="M1325">
        <v>92.904085898304274</v>
      </c>
      <c r="N1325">
        <v>393</v>
      </c>
      <c r="P1325">
        <v>99.431002386241687</v>
      </c>
      <c r="Q1325">
        <v>178</v>
      </c>
    </row>
    <row r="1326" spans="4:17" x14ac:dyDescent="0.25">
      <c r="D1326">
        <v>94.434513943742431</v>
      </c>
      <c r="E1326">
        <v>442</v>
      </c>
      <c r="G1326">
        <v>89.276215672260477</v>
      </c>
      <c r="H1326">
        <v>519</v>
      </c>
      <c r="J1326">
        <v>88.236437791662297</v>
      </c>
      <c r="K1326">
        <v>518</v>
      </c>
      <c r="M1326">
        <v>92.892001229525306</v>
      </c>
      <c r="N1326">
        <v>393</v>
      </c>
      <c r="P1326">
        <v>99.429587284529646</v>
      </c>
      <c r="Q1326">
        <v>178</v>
      </c>
    </row>
    <row r="1327" spans="4:17" x14ac:dyDescent="0.25">
      <c r="D1327">
        <v>94.398780464083643</v>
      </c>
      <c r="E1327">
        <v>443</v>
      </c>
      <c r="G1327">
        <v>89.254385210536952</v>
      </c>
      <c r="H1327">
        <v>519</v>
      </c>
      <c r="J1327">
        <v>88.22650799613065</v>
      </c>
      <c r="K1327">
        <v>519</v>
      </c>
      <c r="M1327">
        <v>92.879916560746338</v>
      </c>
      <c r="N1327">
        <v>394</v>
      </c>
      <c r="P1327">
        <v>99.428151061896557</v>
      </c>
      <c r="Q1327">
        <v>178</v>
      </c>
    </row>
    <row r="1328" spans="4:17" x14ac:dyDescent="0.25">
      <c r="D1328">
        <v>94.362598105540684</v>
      </c>
      <c r="E1328">
        <v>443</v>
      </c>
      <c r="G1328">
        <v>89.233441197865233</v>
      </c>
      <c r="H1328">
        <v>520</v>
      </c>
      <c r="J1328">
        <v>88.216568026628138</v>
      </c>
      <c r="K1328">
        <v>519</v>
      </c>
      <c r="M1328">
        <v>92.86822673758094</v>
      </c>
      <c r="N1328">
        <v>394</v>
      </c>
      <c r="P1328">
        <v>99.426735960184516</v>
      </c>
      <c r="Q1328">
        <v>179</v>
      </c>
    </row>
    <row r="1329" spans="4:17" x14ac:dyDescent="0.25">
      <c r="D1329">
        <v>94.325953265723101</v>
      </c>
      <c r="E1329">
        <v>444</v>
      </c>
      <c r="G1329">
        <v>89.212060575959029</v>
      </c>
      <c r="H1329">
        <v>520</v>
      </c>
      <c r="J1329">
        <v>88.206973972133923</v>
      </c>
      <c r="K1329">
        <v>520</v>
      </c>
      <c r="M1329">
        <v>92.856142068801944</v>
      </c>
      <c r="N1329">
        <v>395</v>
      </c>
      <c r="P1329">
        <v>99.425320858472503</v>
      </c>
      <c r="Q1329">
        <v>179</v>
      </c>
    </row>
    <row r="1330" spans="4:17" x14ac:dyDescent="0.25">
      <c r="D1330">
        <v>94.289308425905546</v>
      </c>
      <c r="E1330">
        <v>444</v>
      </c>
      <c r="G1330">
        <v>89.190679954052825</v>
      </c>
      <c r="H1330">
        <v>520</v>
      </c>
      <c r="J1330">
        <v>88.198071747656215</v>
      </c>
      <c r="K1330">
        <v>520</v>
      </c>
      <c r="M1330">
        <v>92.84405740002299</v>
      </c>
      <c r="N1330">
        <v>395</v>
      </c>
      <c r="P1330">
        <v>99.423884635839414</v>
      </c>
      <c r="Q1330">
        <v>179</v>
      </c>
    </row>
    <row r="1331" spans="4:17" x14ac:dyDescent="0.25">
      <c r="D1331">
        <v>94.252201104813352</v>
      </c>
      <c r="E1331">
        <v>444</v>
      </c>
      <c r="G1331">
        <v>89.16928610156377</v>
      </c>
      <c r="H1331">
        <v>521</v>
      </c>
      <c r="J1331">
        <v>88.189159349207713</v>
      </c>
      <c r="K1331">
        <v>520</v>
      </c>
      <c r="M1331">
        <v>92.831960766225436</v>
      </c>
      <c r="N1331">
        <v>396</v>
      </c>
      <c r="P1331">
        <v>99.422469534127387</v>
      </c>
      <c r="Q1331">
        <v>180</v>
      </c>
    </row>
    <row r="1332" spans="4:17" x14ac:dyDescent="0.25">
      <c r="D1332">
        <v>94.214644904837002</v>
      </c>
      <c r="E1332">
        <v>445</v>
      </c>
      <c r="G1332">
        <v>89.147905479657581</v>
      </c>
      <c r="H1332">
        <v>521</v>
      </c>
      <c r="J1332">
        <v>88.180592865767494</v>
      </c>
      <c r="K1332">
        <v>521</v>
      </c>
      <c r="M1332">
        <v>92.819876097446453</v>
      </c>
      <c r="N1332">
        <v>396</v>
      </c>
      <c r="P1332">
        <v>99.421054432415389</v>
      </c>
      <c r="Q1332">
        <v>180</v>
      </c>
    </row>
    <row r="1333" spans="4:17" x14ac:dyDescent="0.25">
      <c r="D1333">
        <v>94.176626223586041</v>
      </c>
      <c r="E1333">
        <v>445</v>
      </c>
      <c r="G1333">
        <v>89.126961466985875</v>
      </c>
      <c r="H1333">
        <v>522</v>
      </c>
      <c r="J1333">
        <v>88.1716906412898</v>
      </c>
      <c r="K1333">
        <v>521</v>
      </c>
      <c r="M1333">
        <v>92.807791428667485</v>
      </c>
      <c r="N1333">
        <v>396</v>
      </c>
      <c r="P1333">
        <v>99.419618209782286</v>
      </c>
      <c r="Q1333">
        <v>180</v>
      </c>
    </row>
    <row r="1334" spans="4:17" x14ac:dyDescent="0.25">
      <c r="D1334">
        <v>94.138145061060456</v>
      </c>
      <c r="E1334">
        <v>446</v>
      </c>
      <c r="G1334">
        <v>89.106467294131477</v>
      </c>
      <c r="H1334">
        <v>522</v>
      </c>
      <c r="J1334">
        <v>88.162778242841298</v>
      </c>
      <c r="K1334">
        <v>522</v>
      </c>
      <c r="M1334">
        <v>92.796101605502088</v>
      </c>
      <c r="N1334">
        <v>397</v>
      </c>
      <c r="P1334">
        <v>99.418203108070273</v>
      </c>
      <c r="Q1334">
        <v>181</v>
      </c>
    </row>
    <row r="1335" spans="4:17" x14ac:dyDescent="0.25">
      <c r="D1335">
        <v>94.09875253837609</v>
      </c>
      <c r="E1335">
        <v>446</v>
      </c>
      <c r="G1335">
        <v>89.085523281459757</v>
      </c>
      <c r="H1335">
        <v>522</v>
      </c>
      <c r="J1335">
        <v>88.153865844392783</v>
      </c>
      <c r="K1335">
        <v>522</v>
      </c>
      <c r="M1335">
        <v>92.784016936723106</v>
      </c>
      <c r="N1335">
        <v>397</v>
      </c>
      <c r="P1335">
        <v>99.416069895041701</v>
      </c>
      <c r="Q1335">
        <v>181</v>
      </c>
    </row>
    <row r="1336" spans="4:17" x14ac:dyDescent="0.25">
      <c r="D1336">
        <v>94.059822496966333</v>
      </c>
      <c r="E1336">
        <v>446</v>
      </c>
      <c r="G1336">
        <v>89.065029108605358</v>
      </c>
      <c r="H1336">
        <v>523</v>
      </c>
      <c r="J1336">
        <v>88.144963619915103</v>
      </c>
      <c r="K1336">
        <v>523</v>
      </c>
      <c r="M1336">
        <v>92.771932267944152</v>
      </c>
      <c r="N1336">
        <v>398</v>
      </c>
      <c r="P1336">
        <v>99.414633672408598</v>
      </c>
      <c r="Q1336">
        <v>181</v>
      </c>
    </row>
    <row r="1337" spans="4:17" x14ac:dyDescent="0.25">
      <c r="D1337">
        <v>94.020429974281967</v>
      </c>
      <c r="E1337">
        <v>447</v>
      </c>
      <c r="G1337">
        <v>89.044534935750974</v>
      </c>
      <c r="H1337">
        <v>523</v>
      </c>
      <c r="J1337">
        <v>88.136397136474869</v>
      </c>
      <c r="K1337">
        <v>523</v>
      </c>
      <c r="M1337">
        <v>92.759835634146569</v>
      </c>
      <c r="N1337">
        <v>398</v>
      </c>
      <c r="P1337">
        <v>99.413218570696571</v>
      </c>
      <c r="Q1337">
        <v>182</v>
      </c>
    </row>
    <row r="1338" spans="4:17" x14ac:dyDescent="0.25">
      <c r="D1338">
        <v>93.980112489048366</v>
      </c>
      <c r="E1338">
        <v>447</v>
      </c>
      <c r="G1338">
        <v>89.024490602713925</v>
      </c>
      <c r="H1338">
        <v>524</v>
      </c>
      <c r="J1338">
        <v>88.127494911997204</v>
      </c>
      <c r="K1338">
        <v>523</v>
      </c>
      <c r="M1338">
        <v>92.747750965367601</v>
      </c>
      <c r="N1338">
        <v>398</v>
      </c>
      <c r="P1338">
        <v>99.411803468984559</v>
      </c>
      <c r="Q1338">
        <v>182</v>
      </c>
    </row>
    <row r="1339" spans="4:17" x14ac:dyDescent="0.25">
      <c r="D1339">
        <v>93.939346124930609</v>
      </c>
      <c r="E1339">
        <v>448</v>
      </c>
      <c r="G1339">
        <v>89.003996429859527</v>
      </c>
      <c r="H1339">
        <v>524</v>
      </c>
      <c r="J1339">
        <v>88.118236598540406</v>
      </c>
      <c r="K1339">
        <v>524</v>
      </c>
      <c r="M1339">
        <v>92.735666296588633</v>
      </c>
      <c r="N1339">
        <v>399</v>
      </c>
      <c r="P1339">
        <v>99.410367246351456</v>
      </c>
      <c r="Q1339">
        <v>182</v>
      </c>
    </row>
    <row r="1340" spans="4:17" x14ac:dyDescent="0.25">
      <c r="D1340">
        <v>93.898117279538241</v>
      </c>
      <c r="E1340">
        <v>448</v>
      </c>
      <c r="G1340">
        <v>88.983938866239598</v>
      </c>
      <c r="H1340">
        <v>525</v>
      </c>
      <c r="J1340">
        <v>88.109334374062726</v>
      </c>
      <c r="K1340">
        <v>524</v>
      </c>
      <c r="M1340">
        <v>92.723581627809665</v>
      </c>
      <c r="N1340">
        <v>399</v>
      </c>
      <c r="P1340">
        <v>99.408952144639443</v>
      </c>
      <c r="Q1340">
        <v>183</v>
      </c>
    </row>
    <row r="1341" spans="4:17" x14ac:dyDescent="0.25">
      <c r="D1341">
        <v>93.856902036536297</v>
      </c>
      <c r="E1341">
        <v>449</v>
      </c>
      <c r="G1341">
        <v>88.963894533202534</v>
      </c>
      <c r="H1341">
        <v>525</v>
      </c>
      <c r="J1341">
        <v>88.100076060605943</v>
      </c>
      <c r="K1341">
        <v>525</v>
      </c>
      <c r="M1341">
        <v>92.711891804644267</v>
      </c>
      <c r="N1341">
        <v>400</v>
      </c>
      <c r="P1341">
        <v>99.40753704292743</v>
      </c>
      <c r="Q1341">
        <v>183</v>
      </c>
    </row>
    <row r="1342" spans="4:17" x14ac:dyDescent="0.25">
      <c r="D1342">
        <v>93.815210709869305</v>
      </c>
      <c r="E1342">
        <v>449</v>
      </c>
      <c r="G1342">
        <v>88.944286809399969</v>
      </c>
      <c r="H1342">
        <v>525</v>
      </c>
      <c r="J1342">
        <v>88.091173836128263</v>
      </c>
      <c r="K1342">
        <v>525</v>
      </c>
      <c r="M1342">
        <v>92.699807135865314</v>
      </c>
      <c r="N1342">
        <v>400</v>
      </c>
      <c r="P1342">
        <v>99.406100820294313</v>
      </c>
      <c r="Q1342">
        <v>183</v>
      </c>
    </row>
    <row r="1343" spans="4:17" x14ac:dyDescent="0.25">
      <c r="D1343">
        <v>93.773070504318156</v>
      </c>
      <c r="E1343">
        <v>449</v>
      </c>
      <c r="G1343">
        <v>88.924242476362906</v>
      </c>
      <c r="H1343">
        <v>526</v>
      </c>
      <c r="J1343">
        <v>88.082261437679762</v>
      </c>
      <c r="K1343">
        <v>525</v>
      </c>
      <c r="M1343">
        <v>92.688117312699887</v>
      </c>
      <c r="N1343">
        <v>401</v>
      </c>
      <c r="P1343">
        <v>99.404685718582314</v>
      </c>
      <c r="Q1343">
        <v>184</v>
      </c>
    </row>
    <row r="1344" spans="4:17" x14ac:dyDescent="0.25">
      <c r="D1344">
        <v>93.730467817492382</v>
      </c>
      <c r="E1344">
        <v>450</v>
      </c>
      <c r="G1344">
        <v>88.904184912742991</v>
      </c>
      <c r="H1344">
        <v>526</v>
      </c>
      <c r="J1344">
        <v>88.073359213202068</v>
      </c>
      <c r="K1344">
        <v>526</v>
      </c>
      <c r="M1344">
        <v>92.676439454553091</v>
      </c>
      <c r="N1344">
        <v>401</v>
      </c>
      <c r="P1344">
        <v>99.402552505553757</v>
      </c>
      <c r="Q1344">
        <v>184</v>
      </c>
    </row>
    <row r="1345" spans="4:17" x14ac:dyDescent="0.25">
      <c r="D1345">
        <v>93.687416251782423</v>
      </c>
      <c r="E1345">
        <v>450</v>
      </c>
      <c r="G1345">
        <v>88.885027028757747</v>
      </c>
      <c r="H1345">
        <v>527</v>
      </c>
      <c r="J1345">
        <v>88.06411107371612</v>
      </c>
      <c r="K1345">
        <v>526</v>
      </c>
      <c r="M1345">
        <v>92.664342820755522</v>
      </c>
      <c r="N1345">
        <v>401</v>
      </c>
      <c r="P1345">
        <v>99.401137403841716</v>
      </c>
      <c r="Q1345">
        <v>184</v>
      </c>
    </row>
    <row r="1346" spans="4:17" x14ac:dyDescent="0.25">
      <c r="D1346">
        <v>93.64481356495665</v>
      </c>
      <c r="E1346">
        <v>451</v>
      </c>
      <c r="G1346">
        <v>88.865432535538019</v>
      </c>
      <c r="H1346">
        <v>527</v>
      </c>
      <c r="J1346">
        <v>88.054517019221905</v>
      </c>
      <c r="K1346">
        <v>527</v>
      </c>
      <c r="M1346">
        <v>92.652664962608711</v>
      </c>
      <c r="N1346">
        <v>402</v>
      </c>
      <c r="P1346">
        <v>99.399701181208627</v>
      </c>
      <c r="Q1346">
        <v>185</v>
      </c>
    </row>
    <row r="1347" spans="4:17" x14ac:dyDescent="0.25">
      <c r="D1347">
        <v>93.60174839685628</v>
      </c>
      <c r="E1347">
        <v>451</v>
      </c>
      <c r="G1347">
        <v>88.845824811735426</v>
      </c>
      <c r="H1347">
        <v>527</v>
      </c>
      <c r="J1347">
        <v>88.044922964727661</v>
      </c>
      <c r="K1347">
        <v>527</v>
      </c>
      <c r="M1347">
        <v>92.640975139443313</v>
      </c>
      <c r="N1347">
        <v>402</v>
      </c>
      <c r="P1347">
        <v>99.398286079496586</v>
      </c>
      <c r="Q1347">
        <v>185</v>
      </c>
    </row>
    <row r="1348" spans="4:17" x14ac:dyDescent="0.25">
      <c r="D1348">
        <v>93.558696831146321</v>
      </c>
      <c r="E1348">
        <v>451</v>
      </c>
      <c r="G1348">
        <v>88.826666927750182</v>
      </c>
      <c r="H1348">
        <v>528</v>
      </c>
      <c r="J1348">
        <v>88.034647254187718</v>
      </c>
      <c r="K1348">
        <v>528</v>
      </c>
      <c r="M1348">
        <v>92.628890470664345</v>
      </c>
      <c r="N1348">
        <v>403</v>
      </c>
      <c r="P1348">
        <v>99.396870977784573</v>
      </c>
      <c r="Q1348">
        <v>185</v>
      </c>
    </row>
    <row r="1349" spans="4:17" x14ac:dyDescent="0.25">
      <c r="D1349">
        <v>93.516094144320547</v>
      </c>
      <c r="E1349">
        <v>452</v>
      </c>
      <c r="G1349">
        <v>88.807059203947574</v>
      </c>
      <c r="H1349">
        <v>528</v>
      </c>
      <c r="J1349">
        <v>88.024361369676939</v>
      </c>
      <c r="K1349">
        <v>528</v>
      </c>
      <c r="M1349">
        <v>92.617200647498947</v>
      </c>
      <c r="N1349">
        <v>403</v>
      </c>
      <c r="P1349">
        <v>99.394737764756016</v>
      </c>
      <c r="Q1349">
        <v>186</v>
      </c>
    </row>
    <row r="1350" spans="4:17" x14ac:dyDescent="0.25">
      <c r="D1350">
        <v>93.472580097335978</v>
      </c>
      <c r="E1350">
        <v>452</v>
      </c>
      <c r="G1350">
        <v>88.787464710727875</v>
      </c>
      <c r="H1350">
        <v>529</v>
      </c>
      <c r="J1350">
        <v>88.014431574145263</v>
      </c>
      <c r="K1350">
        <v>528</v>
      </c>
      <c r="M1350">
        <v>92.605115978719979</v>
      </c>
      <c r="N1350">
        <v>403</v>
      </c>
      <c r="P1350">
        <v>99.393301542122941</v>
      </c>
      <c r="Q1350">
        <v>186</v>
      </c>
    </row>
    <row r="1351" spans="4:17" x14ac:dyDescent="0.25">
      <c r="D1351">
        <v>93.429066050351423</v>
      </c>
      <c r="E1351">
        <v>453</v>
      </c>
      <c r="G1351">
        <v>88.767856986925281</v>
      </c>
      <c r="H1351">
        <v>529</v>
      </c>
      <c r="J1351">
        <v>88.004837519651019</v>
      </c>
      <c r="K1351">
        <v>529</v>
      </c>
      <c r="M1351">
        <v>92.593438120573168</v>
      </c>
      <c r="N1351">
        <v>404</v>
      </c>
      <c r="P1351">
        <v>99.39116832909437</v>
      </c>
      <c r="Q1351">
        <v>186</v>
      </c>
    </row>
    <row r="1352" spans="4:17" x14ac:dyDescent="0.25">
      <c r="D1352">
        <v>93.385089522092258</v>
      </c>
      <c r="E1352">
        <v>453</v>
      </c>
      <c r="G1352">
        <v>88.748249263122702</v>
      </c>
      <c r="H1352">
        <v>530</v>
      </c>
      <c r="J1352">
        <v>87.994897550148522</v>
      </c>
      <c r="K1352">
        <v>529</v>
      </c>
      <c r="M1352">
        <v>92.581748297407756</v>
      </c>
      <c r="N1352">
        <v>404</v>
      </c>
      <c r="P1352">
        <v>99.389753227382343</v>
      </c>
      <c r="Q1352">
        <v>187</v>
      </c>
    </row>
    <row r="1353" spans="4:17" x14ac:dyDescent="0.25">
      <c r="D1353">
        <v>93.342037956382299</v>
      </c>
      <c r="E1353">
        <v>454</v>
      </c>
      <c r="G1353">
        <v>88.728641539320108</v>
      </c>
      <c r="H1353">
        <v>530</v>
      </c>
      <c r="J1353">
        <v>87.985649410662575</v>
      </c>
      <c r="K1353">
        <v>530</v>
      </c>
      <c r="M1353">
        <v>92.569663628628788</v>
      </c>
      <c r="N1353">
        <v>405</v>
      </c>
      <c r="P1353">
        <v>99.387620014353772</v>
      </c>
      <c r="Q1353">
        <v>187</v>
      </c>
    </row>
    <row r="1354" spans="4:17" x14ac:dyDescent="0.25">
      <c r="D1354">
        <v>93.298510307007305</v>
      </c>
      <c r="E1354">
        <v>454</v>
      </c>
      <c r="G1354">
        <v>88.709483655334864</v>
      </c>
      <c r="H1354">
        <v>530</v>
      </c>
      <c r="J1354">
        <v>87.976055356168345</v>
      </c>
      <c r="K1354">
        <v>530</v>
      </c>
      <c r="M1354">
        <v>92.557973805463391</v>
      </c>
      <c r="N1354">
        <v>405</v>
      </c>
      <c r="P1354">
        <v>99.3854868013252</v>
      </c>
      <c r="Q1354">
        <v>187</v>
      </c>
    </row>
    <row r="1355" spans="4:17" x14ac:dyDescent="0.25">
      <c r="D1355">
        <v>93.254547381138565</v>
      </c>
      <c r="E1355">
        <v>454</v>
      </c>
      <c r="G1355">
        <v>88.690325771349606</v>
      </c>
      <c r="H1355">
        <v>531</v>
      </c>
      <c r="J1355">
        <v>87.966807216682412</v>
      </c>
      <c r="K1355">
        <v>530</v>
      </c>
      <c r="M1355">
        <v>92.546295947316594</v>
      </c>
      <c r="N1355">
        <v>406</v>
      </c>
      <c r="P1355">
        <v>99.384050578692126</v>
      </c>
      <c r="Q1355">
        <v>188</v>
      </c>
    </row>
    <row r="1356" spans="4:17" x14ac:dyDescent="0.25">
      <c r="D1356">
        <v>93.211019731763571</v>
      </c>
      <c r="E1356">
        <v>455</v>
      </c>
      <c r="G1356">
        <v>88.671167887364348</v>
      </c>
      <c r="H1356">
        <v>531</v>
      </c>
      <c r="J1356">
        <v>87.956867247179886</v>
      </c>
      <c r="K1356">
        <v>531</v>
      </c>
      <c r="M1356">
        <v>92.534606124151182</v>
      </c>
      <c r="N1356">
        <v>406</v>
      </c>
      <c r="P1356">
        <v>99.38191736566354</v>
      </c>
      <c r="Q1356">
        <v>188</v>
      </c>
    </row>
    <row r="1357" spans="4:17" x14ac:dyDescent="0.25">
      <c r="D1357">
        <v>93.167505684779002</v>
      </c>
      <c r="E1357">
        <v>455</v>
      </c>
      <c r="G1357">
        <v>88.652459843196425</v>
      </c>
      <c r="H1357">
        <v>532</v>
      </c>
      <c r="J1357">
        <v>87.947273192685657</v>
      </c>
      <c r="K1357">
        <v>531</v>
      </c>
      <c r="M1357">
        <v>92.522916300985784</v>
      </c>
      <c r="N1357">
        <v>406</v>
      </c>
      <c r="P1357">
        <v>99.380502263951527</v>
      </c>
      <c r="Q1357">
        <v>188</v>
      </c>
    </row>
    <row r="1358" spans="4:17" x14ac:dyDescent="0.25">
      <c r="D1358">
        <v>93.123991637794461</v>
      </c>
      <c r="E1358">
        <v>456</v>
      </c>
      <c r="G1358">
        <v>88.634188408262972</v>
      </c>
      <c r="H1358">
        <v>532</v>
      </c>
      <c r="J1358">
        <v>87.937679138191413</v>
      </c>
      <c r="K1358">
        <v>532</v>
      </c>
      <c r="M1358">
        <v>92.511238442838973</v>
      </c>
      <c r="N1358">
        <v>407</v>
      </c>
      <c r="P1358">
        <v>99.37836905092297</v>
      </c>
      <c r="Q1358">
        <v>189</v>
      </c>
    </row>
    <row r="1359" spans="4:17" x14ac:dyDescent="0.25">
      <c r="D1359">
        <v>93.080015109535296</v>
      </c>
      <c r="E1359">
        <v>456</v>
      </c>
      <c r="G1359">
        <v>88.615930203912384</v>
      </c>
      <c r="H1359">
        <v>532</v>
      </c>
      <c r="J1359">
        <v>87.928085083697198</v>
      </c>
      <c r="K1359">
        <v>532</v>
      </c>
      <c r="M1359">
        <v>92.499153774059991</v>
      </c>
      <c r="N1359">
        <v>407</v>
      </c>
      <c r="P1359">
        <v>99.376235837894399</v>
      </c>
      <c r="Q1359">
        <v>189</v>
      </c>
    </row>
    <row r="1360" spans="4:17" x14ac:dyDescent="0.25">
      <c r="D1360">
        <v>93.035589702391945</v>
      </c>
      <c r="E1360">
        <v>456</v>
      </c>
      <c r="G1360">
        <v>88.597658768978945</v>
      </c>
      <c r="H1360">
        <v>533</v>
      </c>
      <c r="J1360">
        <v>87.91883694421125</v>
      </c>
      <c r="K1360">
        <v>533</v>
      </c>
      <c r="M1360">
        <v>92.487463950894593</v>
      </c>
      <c r="N1360">
        <v>408</v>
      </c>
      <c r="P1360">
        <v>99.374820736182386</v>
      </c>
      <c r="Q1360">
        <v>189</v>
      </c>
    </row>
    <row r="1361" spans="4:17" x14ac:dyDescent="0.25">
      <c r="D1361">
        <v>92.991613174132766</v>
      </c>
      <c r="E1361">
        <v>457</v>
      </c>
      <c r="G1361">
        <v>88.579387334045492</v>
      </c>
      <c r="H1361">
        <v>533</v>
      </c>
      <c r="J1361">
        <v>87.909588804725288</v>
      </c>
      <c r="K1361">
        <v>533</v>
      </c>
      <c r="M1361">
        <v>92.47577412772921</v>
      </c>
      <c r="N1361">
        <v>408</v>
      </c>
      <c r="P1361">
        <v>99.372687523153814</v>
      </c>
      <c r="Q1361">
        <v>190</v>
      </c>
    </row>
    <row r="1362" spans="4:17" x14ac:dyDescent="0.25">
      <c r="D1362">
        <v>92.947174164598991</v>
      </c>
      <c r="E1362">
        <v>457</v>
      </c>
      <c r="G1362">
        <v>88.561115899112039</v>
      </c>
      <c r="H1362">
        <v>534</v>
      </c>
      <c r="J1362">
        <v>87.900340665239327</v>
      </c>
      <c r="K1362">
        <v>533</v>
      </c>
      <c r="M1362">
        <v>92.464096269582399</v>
      </c>
      <c r="N1362">
        <v>408</v>
      </c>
      <c r="P1362">
        <v>99.370554310125243</v>
      </c>
      <c r="Q1362">
        <v>190</v>
      </c>
    </row>
    <row r="1363" spans="4:17" x14ac:dyDescent="0.25">
      <c r="D1363">
        <v>92.90274875745564</v>
      </c>
      <c r="E1363">
        <v>458</v>
      </c>
      <c r="G1363">
        <v>88.54285769476148</v>
      </c>
      <c r="H1363">
        <v>534</v>
      </c>
      <c r="J1363">
        <v>87.891092525753379</v>
      </c>
      <c r="K1363">
        <v>534</v>
      </c>
      <c r="M1363">
        <v>92.452813257049158</v>
      </c>
      <c r="N1363">
        <v>409</v>
      </c>
      <c r="P1363">
        <v>99.368421097096672</v>
      </c>
      <c r="Q1363">
        <v>190</v>
      </c>
    </row>
    <row r="1364" spans="4:17" x14ac:dyDescent="0.25">
      <c r="D1364">
        <v>92.858309747921851</v>
      </c>
      <c r="E1364">
        <v>458</v>
      </c>
      <c r="G1364">
        <v>88.524586259828027</v>
      </c>
      <c r="H1364">
        <v>535</v>
      </c>
      <c r="J1364">
        <v>87.882180127304864</v>
      </c>
      <c r="K1364">
        <v>534</v>
      </c>
      <c r="M1364">
        <v>92.44112343388376</v>
      </c>
      <c r="N1364">
        <v>409</v>
      </c>
      <c r="P1364">
        <v>99.3662878840681</v>
      </c>
      <c r="Q1364">
        <v>191</v>
      </c>
    </row>
    <row r="1365" spans="4:17" x14ac:dyDescent="0.25">
      <c r="D1365">
        <v>92.814346822053125</v>
      </c>
      <c r="E1365">
        <v>459</v>
      </c>
      <c r="G1365">
        <v>88.505878215660104</v>
      </c>
      <c r="H1365">
        <v>535</v>
      </c>
      <c r="J1365">
        <v>87.87361364386463</v>
      </c>
      <c r="K1365">
        <v>535</v>
      </c>
      <c r="M1365">
        <v>92.429445575736963</v>
      </c>
      <c r="N1365">
        <v>410</v>
      </c>
      <c r="P1365">
        <v>99.364851661435026</v>
      </c>
      <c r="Q1365">
        <v>191</v>
      </c>
    </row>
    <row r="1366" spans="4:17" x14ac:dyDescent="0.25">
      <c r="D1366">
        <v>92.769907812519349</v>
      </c>
      <c r="E1366">
        <v>459</v>
      </c>
      <c r="G1366">
        <v>88.487156940909301</v>
      </c>
      <c r="H1366">
        <v>535</v>
      </c>
      <c r="J1366">
        <v>87.864711419386964</v>
      </c>
      <c r="K1366">
        <v>535</v>
      </c>
      <c r="M1366">
        <v>92.417755752571537</v>
      </c>
      <c r="N1366">
        <v>410</v>
      </c>
      <c r="P1366">
        <v>99.36271844840644</v>
      </c>
      <c r="Q1366">
        <v>191</v>
      </c>
    </row>
    <row r="1367" spans="4:17" x14ac:dyDescent="0.25">
      <c r="D1367">
        <v>92.725019924101375</v>
      </c>
      <c r="E1367">
        <v>459</v>
      </c>
      <c r="G1367">
        <v>88.468448896741393</v>
      </c>
      <c r="H1367">
        <v>536</v>
      </c>
      <c r="J1367">
        <v>87.855799020938463</v>
      </c>
      <c r="K1367">
        <v>535</v>
      </c>
      <c r="M1367">
        <v>92.406472740038311</v>
      </c>
      <c r="N1367">
        <v>411</v>
      </c>
      <c r="P1367">
        <v>99.360585235377869</v>
      </c>
      <c r="Q1367">
        <v>192</v>
      </c>
    </row>
    <row r="1368" spans="4:17" x14ac:dyDescent="0.25">
      <c r="D1368">
        <v>92.680580914567614</v>
      </c>
      <c r="E1368">
        <v>460</v>
      </c>
      <c r="G1368">
        <v>88.450177461807939</v>
      </c>
      <c r="H1368">
        <v>536</v>
      </c>
      <c r="J1368">
        <v>87.846886622489947</v>
      </c>
      <c r="K1368">
        <v>536</v>
      </c>
      <c r="M1368">
        <v>92.394794881891499</v>
      </c>
      <c r="N1368">
        <v>411</v>
      </c>
      <c r="P1368">
        <v>99.358452022349312</v>
      </c>
      <c r="Q1368">
        <v>192</v>
      </c>
    </row>
    <row r="1369" spans="4:17" x14ac:dyDescent="0.25">
      <c r="D1369">
        <v>92.635244147265468</v>
      </c>
      <c r="E1369">
        <v>460</v>
      </c>
      <c r="G1369">
        <v>88.432355866691822</v>
      </c>
      <c r="H1369">
        <v>537</v>
      </c>
      <c r="J1369">
        <v>87.837638483003985</v>
      </c>
      <c r="K1369">
        <v>536</v>
      </c>
      <c r="M1369">
        <v>92.383105058726102</v>
      </c>
      <c r="N1369">
        <v>411</v>
      </c>
      <c r="P1369">
        <v>99.357036920637299</v>
      </c>
      <c r="Q1369">
        <v>192</v>
      </c>
    </row>
    <row r="1370" spans="4:17" x14ac:dyDescent="0.25">
      <c r="D1370">
        <v>92.589893777572897</v>
      </c>
      <c r="E1370">
        <v>461</v>
      </c>
      <c r="G1370">
        <v>88.414534271575718</v>
      </c>
      <c r="H1370">
        <v>537</v>
      </c>
      <c r="J1370">
        <v>87.828390343518038</v>
      </c>
      <c r="K1370">
        <v>537</v>
      </c>
      <c r="M1370">
        <v>92.371415235560704</v>
      </c>
      <c r="N1370">
        <v>412</v>
      </c>
      <c r="P1370">
        <v>99.354903707608727</v>
      </c>
      <c r="Q1370">
        <v>193</v>
      </c>
    </row>
    <row r="1371" spans="4:17" x14ac:dyDescent="0.25">
      <c r="D1371">
        <v>92.545005889154936</v>
      </c>
      <c r="E1371">
        <v>461</v>
      </c>
      <c r="G1371">
        <v>88.396276067225116</v>
      </c>
      <c r="H1371">
        <v>537</v>
      </c>
      <c r="J1371">
        <v>87.81982386007779</v>
      </c>
      <c r="K1371">
        <v>537</v>
      </c>
      <c r="M1371">
        <v>92.359737377413907</v>
      </c>
      <c r="N1371">
        <v>412</v>
      </c>
      <c r="P1371">
        <v>99.35277049458017</v>
      </c>
      <c r="Q1371">
        <v>193</v>
      </c>
    </row>
    <row r="1372" spans="4:17" x14ac:dyDescent="0.25">
      <c r="D1372">
        <v>92.500566879621161</v>
      </c>
      <c r="E1372">
        <v>461</v>
      </c>
      <c r="G1372">
        <v>88.378454472108999</v>
      </c>
      <c r="H1372">
        <v>538</v>
      </c>
      <c r="J1372">
        <v>87.81092163560011</v>
      </c>
      <c r="K1372">
        <v>538</v>
      </c>
      <c r="M1372">
        <v>92.348047554248495</v>
      </c>
      <c r="N1372">
        <v>413</v>
      </c>
      <c r="P1372">
        <v>99.351334271947053</v>
      </c>
      <c r="Q1372">
        <v>193</v>
      </c>
    </row>
    <row r="1373" spans="4:17" x14ac:dyDescent="0.25">
      <c r="D1373">
        <v>92.4556789912032</v>
      </c>
      <c r="E1373">
        <v>462</v>
      </c>
      <c r="G1373">
        <v>88.360632876992895</v>
      </c>
      <c r="H1373">
        <v>538</v>
      </c>
      <c r="J1373">
        <v>87.802009237151594</v>
      </c>
      <c r="K1373">
        <v>538</v>
      </c>
      <c r="M1373">
        <v>92.336369696101684</v>
      </c>
      <c r="N1373">
        <v>413</v>
      </c>
      <c r="P1373">
        <v>99.349201058918496</v>
      </c>
      <c r="Q1373">
        <v>194</v>
      </c>
    </row>
    <row r="1374" spans="4:17" x14ac:dyDescent="0.25">
      <c r="D1374">
        <v>92.411239981669425</v>
      </c>
      <c r="E1374">
        <v>462</v>
      </c>
      <c r="G1374">
        <v>88.342811281876763</v>
      </c>
      <c r="H1374">
        <v>539</v>
      </c>
      <c r="J1374">
        <v>87.793442753711375</v>
      </c>
      <c r="K1374">
        <v>538</v>
      </c>
      <c r="M1374">
        <v>92.324679872936287</v>
      </c>
      <c r="N1374">
        <v>413</v>
      </c>
      <c r="P1374">
        <v>99.347067845889939</v>
      </c>
      <c r="Q1374">
        <v>194</v>
      </c>
    </row>
    <row r="1375" spans="4:17" x14ac:dyDescent="0.25">
      <c r="D1375">
        <v>92.366352093251464</v>
      </c>
      <c r="E1375">
        <v>463</v>
      </c>
      <c r="G1375">
        <v>88.325426295995129</v>
      </c>
      <c r="H1375">
        <v>539</v>
      </c>
      <c r="J1375">
        <v>87.784876270271141</v>
      </c>
      <c r="K1375">
        <v>539</v>
      </c>
      <c r="M1375">
        <v>92.313002014789475</v>
      </c>
      <c r="N1375">
        <v>414</v>
      </c>
      <c r="P1375">
        <v>99.344934632861367</v>
      </c>
      <c r="Q1375">
        <v>194</v>
      </c>
    </row>
    <row r="1376" spans="4:17" x14ac:dyDescent="0.25">
      <c r="D1376">
        <v>92.321464204833475</v>
      </c>
      <c r="E1376">
        <v>463</v>
      </c>
      <c r="G1376">
        <v>88.307604700879011</v>
      </c>
      <c r="H1376">
        <v>540</v>
      </c>
      <c r="J1376">
        <v>87.776655701839175</v>
      </c>
      <c r="K1376">
        <v>539</v>
      </c>
      <c r="M1376">
        <v>92.301312191624078</v>
      </c>
      <c r="N1376">
        <v>414</v>
      </c>
      <c r="P1376">
        <v>99.34280141983281</v>
      </c>
      <c r="Q1376">
        <v>195</v>
      </c>
    </row>
    <row r="1377" spans="4:17" x14ac:dyDescent="0.25">
      <c r="D1377">
        <v>92.276576316415543</v>
      </c>
      <c r="E1377">
        <v>464</v>
      </c>
      <c r="G1377">
        <v>88.290682785397564</v>
      </c>
      <c r="H1377">
        <v>540</v>
      </c>
      <c r="J1377">
        <v>87.76877087444467</v>
      </c>
      <c r="K1377">
        <v>540</v>
      </c>
      <c r="M1377">
        <v>92.28962236845868</v>
      </c>
      <c r="N1377">
        <v>415</v>
      </c>
      <c r="P1377">
        <v>99.341386318120755</v>
      </c>
      <c r="Q1377">
        <v>195</v>
      </c>
    </row>
    <row r="1378" spans="4:17" x14ac:dyDescent="0.25">
      <c r="D1378">
        <v>92.231688427997568</v>
      </c>
      <c r="E1378">
        <v>464</v>
      </c>
      <c r="G1378">
        <v>88.27329779951593</v>
      </c>
      <c r="H1378">
        <v>540</v>
      </c>
      <c r="J1378">
        <v>87.761577877066699</v>
      </c>
      <c r="K1378">
        <v>540</v>
      </c>
      <c r="M1378">
        <v>92.277537699679712</v>
      </c>
      <c r="N1378">
        <v>415</v>
      </c>
      <c r="P1378">
        <v>99.339253105092197</v>
      </c>
      <c r="Q1378">
        <v>195</v>
      </c>
    </row>
    <row r="1379" spans="4:17" x14ac:dyDescent="0.25">
      <c r="D1379">
        <v>92.186800539579622</v>
      </c>
      <c r="E1379">
        <v>464</v>
      </c>
      <c r="G1379">
        <v>88.255926044217148</v>
      </c>
      <c r="H1379">
        <v>541</v>
      </c>
      <c r="J1379">
        <v>87.754038964680461</v>
      </c>
      <c r="K1379">
        <v>540</v>
      </c>
      <c r="M1379">
        <v>92.26545303090073</v>
      </c>
      <c r="N1379">
        <v>416</v>
      </c>
      <c r="P1379">
        <v>99.33711989206364</v>
      </c>
      <c r="Q1379">
        <v>196</v>
      </c>
    </row>
    <row r="1380" spans="4:17" x14ac:dyDescent="0.25">
      <c r="D1380">
        <v>92.142361530045861</v>
      </c>
      <c r="E1380">
        <v>465</v>
      </c>
      <c r="G1380">
        <v>88.238990898152835</v>
      </c>
      <c r="H1380">
        <v>541</v>
      </c>
      <c r="J1380">
        <v>87.746845967302505</v>
      </c>
      <c r="K1380">
        <v>541</v>
      </c>
      <c r="M1380">
        <v>92.253763207735332</v>
      </c>
      <c r="N1380">
        <v>416</v>
      </c>
      <c r="P1380">
        <v>99.335704790351627</v>
      </c>
      <c r="Q1380">
        <v>196</v>
      </c>
    </row>
    <row r="1381" spans="4:17" x14ac:dyDescent="0.25">
      <c r="D1381">
        <v>92.097936122902496</v>
      </c>
      <c r="E1381">
        <v>465</v>
      </c>
      <c r="G1381">
        <v>88.222068982671374</v>
      </c>
      <c r="H1381">
        <v>542</v>
      </c>
      <c r="J1381">
        <v>87.739652969924535</v>
      </c>
      <c r="K1381">
        <v>541</v>
      </c>
      <c r="M1381">
        <v>92.24167853895635</v>
      </c>
      <c r="N1381">
        <v>416</v>
      </c>
      <c r="P1381">
        <v>99.33355045640198</v>
      </c>
      <c r="Q1381">
        <v>196</v>
      </c>
    </row>
    <row r="1382" spans="4:17" x14ac:dyDescent="0.25">
      <c r="D1382">
        <v>92.053034632094096</v>
      </c>
      <c r="E1382">
        <v>466</v>
      </c>
      <c r="G1382">
        <v>88.205133836607061</v>
      </c>
      <c r="H1382">
        <v>542</v>
      </c>
      <c r="J1382">
        <v>87.732459972546565</v>
      </c>
      <c r="K1382">
        <v>542</v>
      </c>
      <c r="M1382">
        <v>92.229988715790952</v>
      </c>
      <c r="N1382">
        <v>417</v>
      </c>
      <c r="P1382">
        <v>99.331417243373423</v>
      </c>
      <c r="Q1382">
        <v>197</v>
      </c>
    </row>
    <row r="1383" spans="4:17" x14ac:dyDescent="0.25">
      <c r="D1383">
        <v>92.00907170622537</v>
      </c>
      <c r="E1383">
        <v>466</v>
      </c>
      <c r="G1383">
        <v>88.188648530360098</v>
      </c>
      <c r="H1383">
        <v>542</v>
      </c>
      <c r="J1383">
        <v>87.725266975168594</v>
      </c>
      <c r="K1383">
        <v>542</v>
      </c>
      <c r="M1383">
        <v>92.218717668276312</v>
      </c>
      <c r="N1383">
        <v>417</v>
      </c>
      <c r="P1383">
        <v>99.329284030344851</v>
      </c>
      <c r="Q1383">
        <v>197</v>
      </c>
    </row>
    <row r="1384" spans="4:17" x14ac:dyDescent="0.25">
      <c r="D1384">
        <v>91.964632696691581</v>
      </c>
      <c r="E1384">
        <v>466</v>
      </c>
      <c r="G1384">
        <v>88.172163224113106</v>
      </c>
      <c r="H1384">
        <v>543</v>
      </c>
      <c r="J1384">
        <v>87.718073977790638</v>
      </c>
      <c r="K1384">
        <v>543</v>
      </c>
      <c r="M1384">
        <v>92.207027845110915</v>
      </c>
      <c r="N1384">
        <v>418</v>
      </c>
      <c r="P1384">
        <v>99.327868928632839</v>
      </c>
      <c r="Q1384">
        <v>197</v>
      </c>
    </row>
    <row r="1385" spans="4:17" x14ac:dyDescent="0.25">
      <c r="D1385">
        <v>91.92020728954823</v>
      </c>
      <c r="E1385">
        <v>467</v>
      </c>
      <c r="G1385">
        <v>88.155228078048793</v>
      </c>
      <c r="H1385">
        <v>543</v>
      </c>
      <c r="J1385">
        <v>87.7105350654044</v>
      </c>
      <c r="K1385">
        <v>543</v>
      </c>
      <c r="M1385">
        <v>92.195338021945517</v>
      </c>
      <c r="N1385">
        <v>418</v>
      </c>
      <c r="P1385">
        <v>99.325735715604267</v>
      </c>
      <c r="Q1385">
        <v>198</v>
      </c>
    </row>
    <row r="1386" spans="4:17" x14ac:dyDescent="0.25">
      <c r="D1386">
        <v>91.876230761289079</v>
      </c>
      <c r="E1386">
        <v>467</v>
      </c>
      <c r="G1386">
        <v>88.138306162567361</v>
      </c>
      <c r="H1386">
        <v>544</v>
      </c>
      <c r="J1386">
        <v>87.702650238009895</v>
      </c>
      <c r="K1386">
        <v>543</v>
      </c>
      <c r="M1386">
        <v>92.183660163798692</v>
      </c>
      <c r="N1386">
        <v>418</v>
      </c>
      <c r="P1386">
        <v>99.32360250257571</v>
      </c>
      <c r="Q1386">
        <v>198</v>
      </c>
    </row>
    <row r="1387" spans="4:17" x14ac:dyDescent="0.25">
      <c r="D1387">
        <v>91.832254233029914</v>
      </c>
      <c r="E1387">
        <v>468</v>
      </c>
      <c r="G1387">
        <v>88.121371016503034</v>
      </c>
      <c r="H1387">
        <v>544</v>
      </c>
      <c r="J1387">
        <v>87.694429669577914</v>
      </c>
      <c r="K1387">
        <v>544</v>
      </c>
      <c r="M1387">
        <v>92.171970340633308</v>
      </c>
      <c r="N1387">
        <v>419</v>
      </c>
      <c r="P1387">
        <v>99.322187400863669</v>
      </c>
      <c r="Q1387">
        <v>198</v>
      </c>
    </row>
    <row r="1388" spans="4:17" x14ac:dyDescent="0.25">
      <c r="D1388">
        <v>91.788740186045331</v>
      </c>
      <c r="E1388">
        <v>468</v>
      </c>
      <c r="G1388">
        <v>88.10488571025607</v>
      </c>
      <c r="H1388">
        <v>545</v>
      </c>
      <c r="J1388">
        <v>87.686544842183423</v>
      </c>
      <c r="K1388">
        <v>544</v>
      </c>
      <c r="M1388">
        <v>92.160292482486511</v>
      </c>
      <c r="N1388">
        <v>419</v>
      </c>
      <c r="P1388">
        <v>99.320054187835112</v>
      </c>
      <c r="Q1388">
        <v>199</v>
      </c>
    </row>
    <row r="1389" spans="4:17" x14ac:dyDescent="0.25">
      <c r="D1389">
        <v>91.745226139060762</v>
      </c>
      <c r="E1389">
        <v>469</v>
      </c>
      <c r="G1389">
        <v>88.087950564191758</v>
      </c>
      <c r="H1389">
        <v>545</v>
      </c>
      <c r="J1389">
        <v>87.678324273751443</v>
      </c>
      <c r="K1389">
        <v>545</v>
      </c>
      <c r="M1389">
        <v>92.148602659321085</v>
      </c>
      <c r="N1389">
        <v>420</v>
      </c>
      <c r="P1389">
        <v>99.318617965202009</v>
      </c>
      <c r="Q1389">
        <v>199</v>
      </c>
    </row>
    <row r="1390" spans="4:17" x14ac:dyDescent="0.25">
      <c r="D1390">
        <v>91.702160970960406</v>
      </c>
      <c r="E1390">
        <v>469</v>
      </c>
      <c r="G1390">
        <v>88.07146525794478</v>
      </c>
      <c r="H1390">
        <v>545</v>
      </c>
      <c r="J1390">
        <v>87.670449620327759</v>
      </c>
      <c r="K1390">
        <v>545</v>
      </c>
      <c r="M1390">
        <v>92.137319646787859</v>
      </c>
      <c r="N1390">
        <v>420</v>
      </c>
      <c r="P1390">
        <v>99.316484752173466</v>
      </c>
      <c r="Q1390">
        <v>199</v>
      </c>
    </row>
    <row r="1391" spans="4:17" x14ac:dyDescent="0.25">
      <c r="D1391">
        <v>91.658646923975837</v>
      </c>
      <c r="E1391">
        <v>469</v>
      </c>
      <c r="G1391">
        <v>88.054979951697803</v>
      </c>
      <c r="H1391">
        <v>546</v>
      </c>
      <c r="J1391">
        <v>87.662564792933253</v>
      </c>
      <c r="K1391">
        <v>545</v>
      </c>
      <c r="M1391">
        <v>92.126036634254618</v>
      </c>
      <c r="N1391">
        <v>421</v>
      </c>
      <c r="P1391">
        <v>99.314351539144894</v>
      </c>
      <c r="Q1391">
        <v>200</v>
      </c>
    </row>
    <row r="1392" spans="4:17" x14ac:dyDescent="0.25">
      <c r="D1392">
        <v>91.615132876991282</v>
      </c>
      <c r="E1392">
        <v>470</v>
      </c>
      <c r="G1392">
        <v>88.038944485268146</v>
      </c>
      <c r="H1392">
        <v>546</v>
      </c>
      <c r="J1392">
        <v>87.654690139509583</v>
      </c>
      <c r="K1392">
        <v>546</v>
      </c>
      <c r="M1392">
        <v>92.114753621721377</v>
      </c>
      <c r="N1392">
        <v>421</v>
      </c>
      <c r="P1392">
        <v>99.312218326116323</v>
      </c>
      <c r="Q1392">
        <v>200</v>
      </c>
    </row>
    <row r="1393" spans="4:17" x14ac:dyDescent="0.25">
      <c r="D1393">
        <v>91.572067708890899</v>
      </c>
      <c r="E1393">
        <v>470</v>
      </c>
      <c r="G1393">
        <v>88.022459179021155</v>
      </c>
      <c r="H1393">
        <v>547</v>
      </c>
      <c r="J1393">
        <v>87.646459397106781</v>
      </c>
      <c r="K1393">
        <v>546</v>
      </c>
      <c r="M1393">
        <v>92.103470609188136</v>
      </c>
      <c r="N1393">
        <v>421</v>
      </c>
      <c r="P1393">
        <v>99.310085113087752</v>
      </c>
      <c r="Q1393">
        <v>200</v>
      </c>
    </row>
    <row r="1394" spans="4:17" x14ac:dyDescent="0.25">
      <c r="D1394">
        <v>91.52947862445555</v>
      </c>
      <c r="E1394">
        <v>471</v>
      </c>
      <c r="G1394">
        <v>88.005973872774206</v>
      </c>
      <c r="H1394">
        <v>547</v>
      </c>
      <c r="J1394">
        <v>87.638238828674815</v>
      </c>
      <c r="K1394">
        <v>547</v>
      </c>
      <c r="M1394">
        <v>92.09219956167351</v>
      </c>
      <c r="N1394">
        <v>422</v>
      </c>
      <c r="P1394">
        <v>99.307951900059194</v>
      </c>
      <c r="Q1394">
        <v>201</v>
      </c>
    </row>
    <row r="1395" spans="4:17" x14ac:dyDescent="0.25">
      <c r="D1395">
        <v>91.486875937629762</v>
      </c>
      <c r="E1395">
        <v>471</v>
      </c>
      <c r="G1395">
        <v>87.989488566527214</v>
      </c>
      <c r="H1395">
        <v>547</v>
      </c>
      <c r="J1395">
        <v>87.629672345234567</v>
      </c>
      <c r="K1395">
        <v>547</v>
      </c>
      <c r="M1395">
        <v>92.081311394753854</v>
      </c>
      <c r="N1395">
        <v>422</v>
      </c>
      <c r="P1395">
        <v>99.305818687030609</v>
      </c>
      <c r="Q1395">
        <v>201</v>
      </c>
    </row>
    <row r="1396" spans="4:17" x14ac:dyDescent="0.25">
      <c r="D1396">
        <v>91.444273250804002</v>
      </c>
      <c r="E1396">
        <v>471</v>
      </c>
      <c r="G1396">
        <v>87.973453100097572</v>
      </c>
      <c r="H1396">
        <v>548</v>
      </c>
      <c r="J1396">
        <v>87.621105861794348</v>
      </c>
      <c r="K1396">
        <v>548</v>
      </c>
      <c r="M1396">
        <v>92.070028382220599</v>
      </c>
      <c r="N1396">
        <v>423</v>
      </c>
      <c r="P1396">
        <v>99.303685474002052</v>
      </c>
      <c r="Q1396">
        <v>201</v>
      </c>
    </row>
    <row r="1397" spans="4:17" x14ac:dyDescent="0.25">
      <c r="D1397">
        <v>91.402133045252839</v>
      </c>
      <c r="E1397">
        <v>472</v>
      </c>
      <c r="G1397">
        <v>87.956967793850595</v>
      </c>
      <c r="H1397">
        <v>548</v>
      </c>
      <c r="J1397">
        <v>87.612549552324936</v>
      </c>
      <c r="K1397">
        <v>548</v>
      </c>
      <c r="M1397">
        <v>92.058350524073802</v>
      </c>
      <c r="N1397">
        <v>423</v>
      </c>
      <c r="P1397">
        <v>99.30155226097348</v>
      </c>
      <c r="Q1397">
        <v>202</v>
      </c>
    </row>
    <row r="1398" spans="4:17" x14ac:dyDescent="0.25">
      <c r="D1398">
        <v>91.359992839701661</v>
      </c>
      <c r="E1398">
        <v>472</v>
      </c>
      <c r="G1398">
        <v>87.940932327420938</v>
      </c>
      <c r="H1398">
        <v>549</v>
      </c>
      <c r="J1398">
        <v>87.604318809922148</v>
      </c>
      <c r="K1398">
        <v>548</v>
      </c>
      <c r="M1398">
        <v>92.047067511540547</v>
      </c>
      <c r="N1398">
        <v>423</v>
      </c>
      <c r="P1398">
        <v>99.298700936628364</v>
      </c>
      <c r="Q1398">
        <v>202</v>
      </c>
    </row>
    <row r="1399" spans="4:17" x14ac:dyDescent="0.25">
      <c r="D1399">
        <v>91.317852634150526</v>
      </c>
      <c r="E1399">
        <v>473</v>
      </c>
      <c r="G1399">
        <v>87.924883630408431</v>
      </c>
      <c r="H1399">
        <v>549</v>
      </c>
      <c r="J1399">
        <v>87.59644415649845</v>
      </c>
      <c r="K1399">
        <v>549</v>
      </c>
      <c r="M1399">
        <v>92.035784499007306</v>
      </c>
      <c r="N1399">
        <v>424</v>
      </c>
      <c r="P1399">
        <v>99.296567723599779</v>
      </c>
      <c r="Q1399">
        <v>202</v>
      </c>
    </row>
    <row r="1400" spans="4:17" x14ac:dyDescent="0.25">
      <c r="D1400">
        <v>91.276161307483534</v>
      </c>
      <c r="E1400">
        <v>473</v>
      </c>
      <c r="G1400">
        <v>87.908848163978774</v>
      </c>
      <c r="H1400">
        <v>550</v>
      </c>
      <c r="J1400">
        <v>87.588559329103958</v>
      </c>
      <c r="K1400">
        <v>549</v>
      </c>
      <c r="M1400">
        <v>92.024094675841923</v>
      </c>
      <c r="N1400">
        <v>424</v>
      </c>
      <c r="P1400">
        <v>99.294434510571222</v>
      </c>
      <c r="Q1400">
        <v>203</v>
      </c>
    </row>
    <row r="1401" spans="4:17" x14ac:dyDescent="0.25">
      <c r="D1401">
        <v>91.23448358320698</v>
      </c>
      <c r="E1401">
        <v>474</v>
      </c>
      <c r="G1401">
        <v>87.892812697549132</v>
      </c>
      <c r="H1401">
        <v>550</v>
      </c>
      <c r="J1401">
        <v>87.580684675680288</v>
      </c>
      <c r="K1401">
        <v>550</v>
      </c>
      <c r="M1401">
        <v>92.012811663308696</v>
      </c>
      <c r="N1401">
        <v>425</v>
      </c>
      <c r="P1401">
        <v>99.292301297542679</v>
      </c>
      <c r="Q1401">
        <v>203</v>
      </c>
    </row>
    <row r="1402" spans="4:17" x14ac:dyDescent="0.25">
      <c r="D1402">
        <v>91.192792256540002</v>
      </c>
      <c r="E1402">
        <v>474</v>
      </c>
      <c r="G1402">
        <v>87.877213840353974</v>
      </c>
      <c r="H1402">
        <v>550</v>
      </c>
      <c r="J1402">
        <v>87.571772277231773</v>
      </c>
      <c r="K1402">
        <v>550</v>
      </c>
      <c r="M1402">
        <v>92.001540615794056</v>
      </c>
      <c r="N1402">
        <v>425</v>
      </c>
      <c r="P1402">
        <v>99.290168084514093</v>
      </c>
      <c r="Q1402">
        <v>203</v>
      </c>
    </row>
    <row r="1403" spans="4:17" x14ac:dyDescent="0.25">
      <c r="D1403">
        <v>91.15202589242223</v>
      </c>
      <c r="E1403">
        <v>474</v>
      </c>
      <c r="G1403">
        <v>87.861178373924318</v>
      </c>
      <c r="H1403">
        <v>551</v>
      </c>
      <c r="J1403">
        <v>87.562870052754079</v>
      </c>
      <c r="K1403">
        <v>550</v>
      </c>
      <c r="M1403">
        <v>91.990257603260801</v>
      </c>
      <c r="N1403">
        <v>426</v>
      </c>
      <c r="P1403">
        <v>99.287337881090053</v>
      </c>
      <c r="Q1403">
        <v>204</v>
      </c>
    </row>
    <row r="1404" spans="4:17" x14ac:dyDescent="0.25">
      <c r="D1404">
        <v>91.111722009579083</v>
      </c>
      <c r="E1404">
        <v>475</v>
      </c>
      <c r="G1404">
        <v>87.84557951672916</v>
      </c>
      <c r="H1404">
        <v>551</v>
      </c>
      <c r="J1404">
        <v>87.553611739297295</v>
      </c>
      <c r="K1404">
        <v>551</v>
      </c>
      <c r="M1404">
        <v>91.978974590727574</v>
      </c>
      <c r="N1404">
        <v>426</v>
      </c>
      <c r="P1404">
        <v>99.285204668061482</v>
      </c>
      <c r="Q1404">
        <v>204</v>
      </c>
    </row>
    <row r="1405" spans="4:17" x14ac:dyDescent="0.25">
      <c r="D1405">
        <v>91.071404524345496</v>
      </c>
      <c r="E1405">
        <v>475</v>
      </c>
      <c r="G1405">
        <v>87.829544050299518</v>
      </c>
      <c r="H1405">
        <v>552</v>
      </c>
      <c r="J1405">
        <v>87.544709514819601</v>
      </c>
      <c r="K1405">
        <v>551</v>
      </c>
      <c r="M1405">
        <v>91.967284767562163</v>
      </c>
      <c r="N1405">
        <v>426</v>
      </c>
      <c r="P1405">
        <v>99.28235334371638</v>
      </c>
      <c r="Q1405">
        <v>204</v>
      </c>
    </row>
    <row r="1406" spans="4:17" x14ac:dyDescent="0.25">
      <c r="D1406">
        <v>91.031100641502334</v>
      </c>
      <c r="E1406">
        <v>476</v>
      </c>
      <c r="G1406">
        <v>87.813945193104331</v>
      </c>
      <c r="H1406">
        <v>552</v>
      </c>
      <c r="J1406">
        <v>87.5357971163711</v>
      </c>
      <c r="K1406">
        <v>552</v>
      </c>
      <c r="M1406">
        <v>91.956001755028936</v>
      </c>
      <c r="N1406">
        <v>427</v>
      </c>
      <c r="P1406">
        <v>99.280220130687809</v>
      </c>
      <c r="Q1406">
        <v>205</v>
      </c>
    </row>
    <row r="1407" spans="4:17" x14ac:dyDescent="0.25">
      <c r="D1407">
        <v>90.991708118817954</v>
      </c>
      <c r="E1407">
        <v>476</v>
      </c>
      <c r="G1407">
        <v>87.797459886857339</v>
      </c>
      <c r="H1407">
        <v>552</v>
      </c>
      <c r="J1407">
        <v>87.52689489189342</v>
      </c>
      <c r="K1407">
        <v>552</v>
      </c>
      <c r="M1407">
        <v>91.944323896882111</v>
      </c>
      <c r="N1407">
        <v>427</v>
      </c>
      <c r="P1407">
        <v>99.277368806342679</v>
      </c>
      <c r="Q1407">
        <v>205</v>
      </c>
    </row>
    <row r="1408" spans="4:17" x14ac:dyDescent="0.25">
      <c r="D1408">
        <v>90.952764475017787</v>
      </c>
      <c r="E1408">
        <v>476</v>
      </c>
      <c r="G1408">
        <v>87.781424420427712</v>
      </c>
      <c r="H1408">
        <v>553</v>
      </c>
      <c r="J1408">
        <v>87.5183284084532</v>
      </c>
      <c r="K1408">
        <v>553</v>
      </c>
      <c r="M1408">
        <v>91.932634073716713</v>
      </c>
      <c r="N1408">
        <v>428</v>
      </c>
      <c r="P1408">
        <v>99.275235593314122</v>
      </c>
      <c r="Q1408">
        <v>205</v>
      </c>
    </row>
    <row r="1409" spans="4:17" x14ac:dyDescent="0.25">
      <c r="D1409">
        <v>90.913834433608017</v>
      </c>
      <c r="E1409">
        <v>477</v>
      </c>
      <c r="G1409">
        <v>87.765825563232525</v>
      </c>
      <c r="H1409">
        <v>553</v>
      </c>
      <c r="J1409">
        <v>87.51010784002122</v>
      </c>
      <c r="K1409">
        <v>553</v>
      </c>
      <c r="M1409">
        <v>91.920956215569916</v>
      </c>
      <c r="N1409">
        <v>428</v>
      </c>
      <c r="P1409">
        <v>99.272384268969034</v>
      </c>
      <c r="Q1409">
        <v>206</v>
      </c>
    </row>
    <row r="1410" spans="4:17" x14ac:dyDescent="0.25">
      <c r="D1410">
        <v>90.875353271082446</v>
      </c>
      <c r="E1410">
        <v>477</v>
      </c>
      <c r="G1410">
        <v>87.750239936620218</v>
      </c>
      <c r="H1410">
        <v>554</v>
      </c>
      <c r="J1410">
        <v>87.501877097618433</v>
      </c>
      <c r="K1410">
        <v>553</v>
      </c>
      <c r="M1410">
        <v>91.909673203036661</v>
      </c>
      <c r="N1410">
        <v>428</v>
      </c>
      <c r="P1410">
        <v>99.270251055940435</v>
      </c>
      <c r="Q1410">
        <v>206</v>
      </c>
    </row>
    <row r="1411" spans="4:17" x14ac:dyDescent="0.25">
      <c r="D1411">
        <v>90.836872108556861</v>
      </c>
      <c r="E1411">
        <v>478</v>
      </c>
      <c r="G1411">
        <v>87.734641079425032</v>
      </c>
      <c r="H1411">
        <v>554</v>
      </c>
      <c r="J1411">
        <v>87.494002444194749</v>
      </c>
      <c r="K1411">
        <v>554</v>
      </c>
      <c r="M1411">
        <v>91.898390190503449</v>
      </c>
      <c r="N1411">
        <v>429</v>
      </c>
      <c r="P1411">
        <v>99.267420852516409</v>
      </c>
      <c r="Q1411">
        <v>206</v>
      </c>
    </row>
    <row r="1412" spans="4:17" x14ac:dyDescent="0.25">
      <c r="D1412">
        <v>90.7988534273059</v>
      </c>
      <c r="E1412">
        <v>478</v>
      </c>
      <c r="G1412">
        <v>87.71994190186453</v>
      </c>
      <c r="H1412">
        <v>555</v>
      </c>
      <c r="J1412">
        <v>87.486117616800257</v>
      </c>
      <c r="K1412">
        <v>554</v>
      </c>
      <c r="M1412">
        <v>91.886700367338022</v>
      </c>
      <c r="N1412">
        <v>429</v>
      </c>
      <c r="P1412">
        <v>99.265287639487838</v>
      </c>
      <c r="Q1412">
        <v>207</v>
      </c>
    </row>
    <row r="1413" spans="4:17" x14ac:dyDescent="0.25">
      <c r="D1413">
        <v>90.76129722732955</v>
      </c>
      <c r="E1413">
        <v>479</v>
      </c>
      <c r="G1413">
        <v>87.704792884486693</v>
      </c>
      <c r="H1413">
        <v>555</v>
      </c>
      <c r="J1413">
        <v>87.478242963376559</v>
      </c>
      <c r="K1413">
        <v>555</v>
      </c>
      <c r="M1413">
        <v>91.875417354804796</v>
      </c>
      <c r="N1413">
        <v>430</v>
      </c>
      <c r="P1413">
        <v>99.262436315142736</v>
      </c>
      <c r="Q1413">
        <v>207</v>
      </c>
    </row>
    <row r="1414" spans="4:17" x14ac:dyDescent="0.25">
      <c r="D1414">
        <v>90.72418990623737</v>
      </c>
      <c r="E1414">
        <v>479</v>
      </c>
      <c r="G1414">
        <v>87.690080476343311</v>
      </c>
      <c r="H1414">
        <v>555</v>
      </c>
      <c r="J1414">
        <v>87.470358135982053</v>
      </c>
      <c r="K1414">
        <v>555</v>
      </c>
      <c r="M1414">
        <v>91.864541152903726</v>
      </c>
      <c r="N1414">
        <v>430</v>
      </c>
      <c r="P1414">
        <v>99.25958499079762</v>
      </c>
      <c r="Q1414">
        <v>207</v>
      </c>
    </row>
    <row r="1415" spans="4:17" x14ac:dyDescent="0.25">
      <c r="D1415">
        <v>90.68709618753563</v>
      </c>
      <c r="E1415">
        <v>479</v>
      </c>
      <c r="G1415">
        <v>87.674931458965489</v>
      </c>
      <c r="H1415">
        <v>556</v>
      </c>
      <c r="J1415">
        <v>87.461791652541805</v>
      </c>
      <c r="K1415">
        <v>555</v>
      </c>
      <c r="M1415">
        <v>91.853258140370471</v>
      </c>
      <c r="N1415">
        <v>431</v>
      </c>
      <c r="P1415">
        <v>99.25675478737358</v>
      </c>
      <c r="Q1415">
        <v>208</v>
      </c>
    </row>
    <row r="1416" spans="4:17" x14ac:dyDescent="0.25">
      <c r="D1416">
        <v>90.650451347718047</v>
      </c>
      <c r="E1416">
        <v>480</v>
      </c>
      <c r="G1416">
        <v>87.660232281404973</v>
      </c>
      <c r="H1416">
        <v>556</v>
      </c>
      <c r="J1416">
        <v>87.453571084109839</v>
      </c>
      <c r="K1416">
        <v>556</v>
      </c>
      <c r="M1416">
        <v>91.842381938469401</v>
      </c>
      <c r="N1416">
        <v>431</v>
      </c>
      <c r="P1416">
        <v>99.25390346302845</v>
      </c>
      <c r="Q1416">
        <v>208</v>
      </c>
    </row>
    <row r="1417" spans="4:17" x14ac:dyDescent="0.25">
      <c r="D1417">
        <v>90.613806507900478</v>
      </c>
      <c r="E1417">
        <v>480</v>
      </c>
      <c r="G1417">
        <v>87.6446334242098</v>
      </c>
      <c r="H1417">
        <v>557</v>
      </c>
      <c r="J1417">
        <v>87.445350515677916</v>
      </c>
      <c r="K1417">
        <v>556</v>
      </c>
      <c r="M1417">
        <v>91.831505736568346</v>
      </c>
      <c r="N1417">
        <v>431</v>
      </c>
      <c r="P1417">
        <v>99.251770249999907</v>
      </c>
      <c r="Q1417">
        <v>208</v>
      </c>
    </row>
    <row r="1418" spans="4:17" x14ac:dyDescent="0.25">
      <c r="D1418">
        <v>90.577161668082908</v>
      </c>
      <c r="E1418">
        <v>481</v>
      </c>
      <c r="G1418">
        <v>87.629497637414829</v>
      </c>
      <c r="H1418">
        <v>557</v>
      </c>
      <c r="J1418">
        <v>87.437475862254189</v>
      </c>
      <c r="K1418">
        <v>557</v>
      </c>
      <c r="M1418">
        <v>91.820617569648661</v>
      </c>
      <c r="N1418">
        <v>432</v>
      </c>
      <c r="P1418">
        <v>99.248918925654777</v>
      </c>
      <c r="Q1418">
        <v>209</v>
      </c>
    </row>
    <row r="1419" spans="4:17" x14ac:dyDescent="0.25">
      <c r="D1419">
        <v>90.540516828265339</v>
      </c>
      <c r="E1419">
        <v>481</v>
      </c>
      <c r="G1419">
        <v>87.614785229271448</v>
      </c>
      <c r="H1419">
        <v>557</v>
      </c>
      <c r="J1419">
        <v>87.429936949867965</v>
      </c>
      <c r="K1419">
        <v>557</v>
      </c>
      <c r="M1419">
        <v>91.809334557115434</v>
      </c>
      <c r="N1419">
        <v>432</v>
      </c>
      <c r="P1419">
        <v>99.246785712626206</v>
      </c>
      <c r="Q1419">
        <v>209</v>
      </c>
    </row>
    <row r="1420" spans="4:17" x14ac:dyDescent="0.25">
      <c r="D1420">
        <v>90.504783348606551</v>
      </c>
      <c r="E1420">
        <v>481</v>
      </c>
      <c r="G1420">
        <v>87.600535891528267</v>
      </c>
      <c r="H1420">
        <v>558</v>
      </c>
      <c r="J1420">
        <v>87.422733778519174</v>
      </c>
      <c r="K1420">
        <v>558</v>
      </c>
      <c r="M1420">
        <v>91.798458355214365</v>
      </c>
      <c r="N1420">
        <v>433</v>
      </c>
      <c r="P1420">
        <v>99.244652499597635</v>
      </c>
      <c r="Q1420">
        <v>209</v>
      </c>
    </row>
    <row r="1421" spans="4:17" x14ac:dyDescent="0.25">
      <c r="D1421">
        <v>90.469049868947764</v>
      </c>
      <c r="E1421">
        <v>482</v>
      </c>
      <c r="G1421">
        <v>87.5858234833849</v>
      </c>
      <c r="H1421">
        <v>558</v>
      </c>
      <c r="J1421">
        <v>87.415540781141203</v>
      </c>
      <c r="K1421">
        <v>558</v>
      </c>
      <c r="M1421">
        <v>91.787175342681124</v>
      </c>
      <c r="N1421">
        <v>433</v>
      </c>
      <c r="P1421">
        <v>99.242519286569078</v>
      </c>
      <c r="Q1421">
        <v>210</v>
      </c>
    </row>
    <row r="1422" spans="4:17" x14ac:dyDescent="0.25">
      <c r="D1422">
        <v>90.4337788705636</v>
      </c>
      <c r="E1422">
        <v>482</v>
      </c>
      <c r="G1422">
        <v>87.571124305824384</v>
      </c>
      <c r="H1422">
        <v>559</v>
      </c>
      <c r="J1422">
        <v>87.408001868754965</v>
      </c>
      <c r="K1422">
        <v>558</v>
      </c>
      <c r="M1422">
        <v>91.77629914078004</v>
      </c>
      <c r="N1422">
        <v>433</v>
      </c>
      <c r="P1422">
        <v>99.239667962223947</v>
      </c>
      <c r="Q1422">
        <v>210</v>
      </c>
    </row>
    <row r="1423" spans="4:17" x14ac:dyDescent="0.25">
      <c r="D1423">
        <v>90.398507872179437</v>
      </c>
      <c r="E1423">
        <v>483</v>
      </c>
      <c r="G1423">
        <v>87.556861737498366</v>
      </c>
      <c r="H1423">
        <v>559</v>
      </c>
      <c r="J1423">
        <v>87.400473130339563</v>
      </c>
      <c r="K1423">
        <v>559</v>
      </c>
      <c r="M1423">
        <v>91.765016128246828</v>
      </c>
      <c r="N1423">
        <v>434</v>
      </c>
      <c r="P1423">
        <v>99.23753474919539</v>
      </c>
      <c r="Q1423">
        <v>210</v>
      </c>
    </row>
    <row r="1424" spans="4:17" x14ac:dyDescent="0.25">
      <c r="D1424">
        <v>90.363236873795259</v>
      </c>
      <c r="E1424">
        <v>483</v>
      </c>
      <c r="G1424">
        <v>87.542612399755185</v>
      </c>
      <c r="H1424">
        <v>560</v>
      </c>
      <c r="J1424">
        <v>87.392934217953325</v>
      </c>
      <c r="K1424">
        <v>559</v>
      </c>
      <c r="M1424">
        <v>91.754139926345729</v>
      </c>
      <c r="N1424">
        <v>434</v>
      </c>
      <c r="P1424">
        <v>99.235401536166833</v>
      </c>
      <c r="Q1424">
        <v>211</v>
      </c>
    </row>
    <row r="1425" spans="4:17" x14ac:dyDescent="0.25">
      <c r="D1425">
        <v>90.327965875411081</v>
      </c>
      <c r="E1425">
        <v>484</v>
      </c>
      <c r="G1425">
        <v>87.52791322219467</v>
      </c>
      <c r="H1425">
        <v>560</v>
      </c>
      <c r="J1425">
        <v>87.384713649521373</v>
      </c>
      <c r="K1425">
        <v>560</v>
      </c>
      <c r="M1425">
        <v>91.742856913812489</v>
      </c>
      <c r="N1425">
        <v>435</v>
      </c>
      <c r="P1425">
        <v>99.233268323138262</v>
      </c>
      <c r="Q1425">
        <v>211</v>
      </c>
    </row>
    <row r="1426" spans="4:17" x14ac:dyDescent="0.25">
      <c r="D1426">
        <v>90.293157358301499</v>
      </c>
      <c r="E1426">
        <v>484</v>
      </c>
      <c r="G1426">
        <v>87.513200814051288</v>
      </c>
      <c r="H1426">
        <v>560</v>
      </c>
      <c r="J1426">
        <v>87.376147166081125</v>
      </c>
      <c r="K1426">
        <v>560</v>
      </c>
      <c r="M1426">
        <v>91.731980711911419</v>
      </c>
      <c r="N1426">
        <v>435</v>
      </c>
      <c r="P1426">
        <v>99.231135110109705</v>
      </c>
      <c r="Q1426">
        <v>211</v>
      </c>
    </row>
    <row r="1427" spans="4:17" x14ac:dyDescent="0.25">
      <c r="D1427">
        <v>90.258348841191946</v>
      </c>
      <c r="E1427">
        <v>484</v>
      </c>
      <c r="G1427">
        <v>87.498501636490786</v>
      </c>
      <c r="H1427">
        <v>561</v>
      </c>
      <c r="J1427">
        <v>87.368262338686606</v>
      </c>
      <c r="K1427">
        <v>560</v>
      </c>
      <c r="M1427">
        <v>91.720697699378178</v>
      </c>
      <c r="N1427">
        <v>436</v>
      </c>
      <c r="P1427">
        <v>99.229001897081133</v>
      </c>
      <c r="Q1427">
        <v>212</v>
      </c>
    </row>
    <row r="1428" spans="4:17" x14ac:dyDescent="0.25">
      <c r="D1428">
        <v>90.223989202966578</v>
      </c>
      <c r="E1428">
        <v>485</v>
      </c>
      <c r="G1428">
        <v>87.484239068164769</v>
      </c>
      <c r="H1428">
        <v>561</v>
      </c>
      <c r="J1428">
        <v>87.361069341308635</v>
      </c>
      <c r="K1428">
        <v>561</v>
      </c>
      <c r="M1428">
        <v>91.709414686844966</v>
      </c>
      <c r="N1428">
        <v>436</v>
      </c>
      <c r="P1428">
        <v>99.226171693657079</v>
      </c>
      <c r="Q1428">
        <v>212</v>
      </c>
    </row>
    <row r="1429" spans="4:17" x14ac:dyDescent="0.25">
      <c r="D1429">
        <v>90.189180685857025</v>
      </c>
      <c r="E1429">
        <v>485</v>
      </c>
      <c r="G1429">
        <v>87.469539890604253</v>
      </c>
      <c r="H1429">
        <v>562</v>
      </c>
      <c r="J1429">
        <v>87.353530428922397</v>
      </c>
      <c r="K1429">
        <v>561</v>
      </c>
      <c r="M1429">
        <v>91.698538484943882</v>
      </c>
      <c r="N1429">
        <v>436</v>
      </c>
      <c r="P1429">
        <v>99.224038480628536</v>
      </c>
      <c r="Q1429">
        <v>212</v>
      </c>
    </row>
    <row r="1430" spans="4:17" x14ac:dyDescent="0.25">
      <c r="D1430">
        <v>90.155283528906224</v>
      </c>
      <c r="E1430">
        <v>486</v>
      </c>
      <c r="G1430">
        <v>87.454840713043723</v>
      </c>
      <c r="H1430">
        <v>562</v>
      </c>
      <c r="J1430">
        <v>87.346337431544455</v>
      </c>
      <c r="K1430">
        <v>562</v>
      </c>
      <c r="M1430">
        <v>91.687662283042798</v>
      </c>
      <c r="N1430">
        <v>437</v>
      </c>
      <c r="P1430">
        <v>99.221187156283406</v>
      </c>
      <c r="Q1430">
        <v>213</v>
      </c>
    </row>
    <row r="1431" spans="4:17" x14ac:dyDescent="0.25">
      <c r="D1431">
        <v>90.121386371955467</v>
      </c>
      <c r="E1431">
        <v>486</v>
      </c>
      <c r="G1431">
        <v>87.440578144717705</v>
      </c>
      <c r="H1431">
        <v>562</v>
      </c>
      <c r="J1431">
        <v>87.339144434166485</v>
      </c>
      <c r="K1431">
        <v>562</v>
      </c>
      <c r="M1431">
        <v>91.676379270509585</v>
      </c>
      <c r="N1431">
        <v>437</v>
      </c>
      <c r="P1431">
        <v>99.219053943254849</v>
      </c>
      <c r="Q1431">
        <v>213</v>
      </c>
    </row>
    <row r="1432" spans="4:17" x14ac:dyDescent="0.25">
      <c r="D1432">
        <v>90.087489215004695</v>
      </c>
      <c r="E1432">
        <v>486</v>
      </c>
      <c r="G1432">
        <v>87.425878967157203</v>
      </c>
      <c r="H1432">
        <v>563</v>
      </c>
      <c r="J1432">
        <v>87.331605521780233</v>
      </c>
      <c r="K1432">
        <v>563</v>
      </c>
      <c r="M1432">
        <v>91.6654911035899</v>
      </c>
      <c r="N1432">
        <v>438</v>
      </c>
      <c r="P1432">
        <v>99.216202618909719</v>
      </c>
      <c r="Q1432">
        <v>213</v>
      </c>
    </row>
    <row r="1433" spans="4:17" x14ac:dyDescent="0.25">
      <c r="D1433">
        <v>90.054040936938094</v>
      </c>
      <c r="E1433">
        <v>487</v>
      </c>
      <c r="G1433">
        <v>87.411179789596687</v>
      </c>
      <c r="H1433">
        <v>563</v>
      </c>
      <c r="J1433">
        <v>87.324066609394009</v>
      </c>
      <c r="K1433">
        <v>563</v>
      </c>
      <c r="M1433">
        <v>91.654614901688817</v>
      </c>
      <c r="N1433">
        <v>438</v>
      </c>
      <c r="P1433">
        <v>99.214069405881162</v>
      </c>
      <c r="Q1433">
        <v>214</v>
      </c>
    </row>
    <row r="1434" spans="4:17" x14ac:dyDescent="0.25">
      <c r="D1434">
        <v>90.020606261261932</v>
      </c>
      <c r="E1434">
        <v>487</v>
      </c>
      <c r="G1434">
        <v>87.396917221270655</v>
      </c>
      <c r="H1434">
        <v>564</v>
      </c>
      <c r="J1434">
        <v>87.315846040962043</v>
      </c>
      <c r="K1434">
        <v>563</v>
      </c>
      <c r="M1434">
        <v>91.643738699787747</v>
      </c>
      <c r="N1434">
        <v>438</v>
      </c>
      <c r="P1434">
        <v>99.21193619285259</v>
      </c>
      <c r="Q1434">
        <v>214</v>
      </c>
    </row>
    <row r="1435" spans="4:17" x14ac:dyDescent="0.25">
      <c r="D1435">
        <v>89.98763406686038</v>
      </c>
      <c r="E1435">
        <v>488</v>
      </c>
      <c r="G1435">
        <v>87.382218043710139</v>
      </c>
      <c r="H1435">
        <v>564</v>
      </c>
      <c r="J1435">
        <v>87.307961213567523</v>
      </c>
      <c r="K1435">
        <v>564</v>
      </c>
      <c r="M1435">
        <v>91.632455687254506</v>
      </c>
      <c r="N1435">
        <v>439</v>
      </c>
      <c r="P1435">
        <v>99.209084868507475</v>
      </c>
      <c r="Q1435">
        <v>214</v>
      </c>
    </row>
    <row r="1436" spans="4:17" x14ac:dyDescent="0.25">
      <c r="D1436">
        <v>89.95464827006839</v>
      </c>
      <c r="E1436">
        <v>488</v>
      </c>
      <c r="G1436">
        <v>87.367955475384107</v>
      </c>
      <c r="H1436">
        <v>565</v>
      </c>
      <c r="J1436">
        <v>87.299740645135557</v>
      </c>
      <c r="K1436">
        <v>564</v>
      </c>
      <c r="M1436">
        <v>91.621172674721279</v>
      </c>
      <c r="N1436">
        <v>439</v>
      </c>
      <c r="P1436">
        <v>99.206951655478917</v>
      </c>
      <c r="Q1436">
        <v>215</v>
      </c>
    </row>
    <row r="1437" spans="4:17" x14ac:dyDescent="0.25">
      <c r="D1437">
        <v>89.922124954551009</v>
      </c>
      <c r="E1437">
        <v>489</v>
      </c>
      <c r="G1437">
        <v>87.353706137640927</v>
      </c>
      <c r="H1437">
        <v>565</v>
      </c>
      <c r="J1437">
        <v>87.291520076703605</v>
      </c>
      <c r="K1437">
        <v>565</v>
      </c>
      <c r="M1437">
        <v>91.609889662188039</v>
      </c>
      <c r="N1437">
        <v>440</v>
      </c>
      <c r="P1437">
        <v>99.204121452054878</v>
      </c>
      <c r="Q1437">
        <v>215</v>
      </c>
    </row>
    <row r="1438" spans="4:17" x14ac:dyDescent="0.25">
      <c r="D1438">
        <v>89.889601639033629</v>
      </c>
      <c r="E1438">
        <v>489</v>
      </c>
      <c r="G1438">
        <v>87.338993729497545</v>
      </c>
      <c r="H1438">
        <v>565</v>
      </c>
      <c r="J1438">
        <v>87.282953593263386</v>
      </c>
      <c r="K1438">
        <v>565</v>
      </c>
      <c r="M1438">
        <v>91.599013460286969</v>
      </c>
      <c r="N1438">
        <v>440</v>
      </c>
      <c r="P1438">
        <v>99.201270127709748</v>
      </c>
      <c r="Q1438">
        <v>215</v>
      </c>
    </row>
    <row r="1439" spans="4:17" x14ac:dyDescent="0.25">
      <c r="D1439">
        <v>89.857540804790858</v>
      </c>
      <c r="E1439">
        <v>489</v>
      </c>
      <c r="G1439">
        <v>87.324744391754379</v>
      </c>
      <c r="H1439">
        <v>566</v>
      </c>
      <c r="J1439">
        <v>87.274733024831406</v>
      </c>
      <c r="K1439">
        <v>565</v>
      </c>
      <c r="M1439">
        <v>91.588137258385899</v>
      </c>
      <c r="N1439">
        <v>441</v>
      </c>
      <c r="P1439">
        <v>99.19841880336466</v>
      </c>
      <c r="Q1439">
        <v>216</v>
      </c>
    </row>
    <row r="1440" spans="4:17" x14ac:dyDescent="0.25">
      <c r="D1440">
        <v>89.825928849432273</v>
      </c>
      <c r="E1440">
        <v>490</v>
      </c>
      <c r="G1440">
        <v>87.310931663245697</v>
      </c>
      <c r="H1440">
        <v>566</v>
      </c>
      <c r="J1440">
        <v>87.266848197436914</v>
      </c>
      <c r="K1440">
        <v>566</v>
      </c>
      <c r="M1440">
        <v>91.577655902098385</v>
      </c>
      <c r="N1440">
        <v>441</v>
      </c>
      <c r="P1440">
        <v>99.196285590336089</v>
      </c>
      <c r="Q1440">
        <v>216</v>
      </c>
    </row>
    <row r="1441" spans="4:17" x14ac:dyDescent="0.25">
      <c r="D1441">
        <v>89.794330496464127</v>
      </c>
      <c r="E1441">
        <v>490</v>
      </c>
      <c r="G1441">
        <v>87.29666909491965</v>
      </c>
      <c r="H1441">
        <v>567</v>
      </c>
      <c r="J1441">
        <v>87.259309285050662</v>
      </c>
      <c r="K1441">
        <v>566</v>
      </c>
      <c r="M1441">
        <v>91.567186510829472</v>
      </c>
      <c r="N1441">
        <v>441</v>
      </c>
      <c r="P1441">
        <v>99.193434265990959</v>
      </c>
      <c r="Q1441">
        <v>216</v>
      </c>
    </row>
    <row r="1442" spans="4:17" x14ac:dyDescent="0.25">
      <c r="D1442">
        <v>89.763181022380138</v>
      </c>
      <c r="E1442">
        <v>491</v>
      </c>
      <c r="G1442">
        <v>87.282406526593604</v>
      </c>
      <c r="H1442">
        <v>567</v>
      </c>
      <c r="J1442">
        <v>87.251434631626978</v>
      </c>
      <c r="K1442">
        <v>567</v>
      </c>
      <c r="M1442">
        <v>91.556298343909816</v>
      </c>
      <c r="N1442">
        <v>442</v>
      </c>
      <c r="P1442">
        <v>99.190604062566933</v>
      </c>
      <c r="Q1442">
        <v>217</v>
      </c>
    </row>
    <row r="1443" spans="4:17" x14ac:dyDescent="0.25">
      <c r="D1443">
        <v>89.732480427180363</v>
      </c>
      <c r="E1443">
        <v>491</v>
      </c>
      <c r="G1443">
        <v>87.268607028667759</v>
      </c>
      <c r="H1443">
        <v>567</v>
      </c>
      <c r="J1443">
        <v>87.243549804232458</v>
      </c>
      <c r="K1443">
        <v>567</v>
      </c>
      <c r="M1443">
        <v>91.545422142008732</v>
      </c>
      <c r="N1443">
        <v>442</v>
      </c>
      <c r="P1443">
        <v>99.187752738221818</v>
      </c>
      <c r="Q1443">
        <v>217</v>
      </c>
    </row>
    <row r="1444" spans="4:17" x14ac:dyDescent="0.25">
      <c r="D1444">
        <v>89.701793434370984</v>
      </c>
      <c r="E1444">
        <v>491</v>
      </c>
      <c r="G1444">
        <v>87.254794300159062</v>
      </c>
      <c r="H1444">
        <v>568</v>
      </c>
      <c r="J1444">
        <v>87.235675150808788</v>
      </c>
      <c r="K1444">
        <v>568</v>
      </c>
      <c r="M1444">
        <v>91.534545940107662</v>
      </c>
      <c r="N1444">
        <v>443</v>
      </c>
      <c r="P1444">
        <v>99.184204423481233</v>
      </c>
      <c r="Q1444">
        <v>217</v>
      </c>
    </row>
    <row r="1445" spans="4:17" x14ac:dyDescent="0.25">
      <c r="D1445">
        <v>89.671106441561619</v>
      </c>
      <c r="E1445">
        <v>492</v>
      </c>
      <c r="G1445">
        <v>87.240981571650352</v>
      </c>
      <c r="H1445">
        <v>568</v>
      </c>
      <c r="J1445">
        <v>87.227790323414268</v>
      </c>
      <c r="K1445">
        <v>568</v>
      </c>
      <c r="M1445">
        <v>91.523669738206593</v>
      </c>
      <c r="N1445">
        <v>443</v>
      </c>
      <c r="P1445">
        <v>99.181353099136103</v>
      </c>
      <c r="Q1445">
        <v>218</v>
      </c>
    </row>
    <row r="1446" spans="4:17" x14ac:dyDescent="0.25">
      <c r="D1446">
        <v>89.639956967477644</v>
      </c>
      <c r="E1446">
        <v>492</v>
      </c>
      <c r="G1446">
        <v>87.227168843141655</v>
      </c>
      <c r="H1446">
        <v>569</v>
      </c>
      <c r="J1446">
        <v>87.219915669990584</v>
      </c>
      <c r="K1446">
        <v>568</v>
      </c>
      <c r="M1446">
        <v>91.513188381919079</v>
      </c>
      <c r="N1446">
        <v>443</v>
      </c>
      <c r="P1446">
        <v>99.178501774791002</v>
      </c>
      <c r="Q1446">
        <v>218</v>
      </c>
    </row>
    <row r="1447" spans="4:17" x14ac:dyDescent="0.25">
      <c r="D1447">
        <v>89.608345012119045</v>
      </c>
      <c r="E1447">
        <v>493</v>
      </c>
      <c r="G1447">
        <v>87.213356114632944</v>
      </c>
      <c r="H1447">
        <v>569</v>
      </c>
      <c r="J1447">
        <v>87.212376757604332</v>
      </c>
      <c r="K1447">
        <v>569</v>
      </c>
      <c r="M1447">
        <v>91.502312180018009</v>
      </c>
      <c r="N1447">
        <v>444</v>
      </c>
      <c r="P1447">
        <v>99.174953460050418</v>
      </c>
      <c r="Q1447">
        <v>218</v>
      </c>
    </row>
    <row r="1448" spans="4:17" x14ac:dyDescent="0.25">
      <c r="D1448">
        <v>89.577209140425509</v>
      </c>
      <c r="E1448">
        <v>493</v>
      </c>
      <c r="G1448">
        <v>87.198656937072442</v>
      </c>
      <c r="H1448">
        <v>570</v>
      </c>
      <c r="J1448">
        <v>87.204491930209798</v>
      </c>
      <c r="K1448">
        <v>569</v>
      </c>
      <c r="M1448">
        <v>91.49183082373051</v>
      </c>
      <c r="N1448">
        <v>444</v>
      </c>
      <c r="P1448">
        <v>99.172102135705302</v>
      </c>
      <c r="Q1448">
        <v>219</v>
      </c>
    </row>
    <row r="1449" spans="4:17" x14ac:dyDescent="0.25">
      <c r="D1449">
        <v>89.546059666341534</v>
      </c>
      <c r="E1449">
        <v>494</v>
      </c>
      <c r="G1449">
        <v>87.184394368746396</v>
      </c>
      <c r="H1449">
        <v>570</v>
      </c>
      <c r="J1449">
        <v>87.19627136177786</v>
      </c>
      <c r="K1449">
        <v>570</v>
      </c>
      <c r="M1449">
        <v>91.481361432461597</v>
      </c>
      <c r="N1449">
        <v>445</v>
      </c>
      <c r="P1449">
        <v>99.168553820964718</v>
      </c>
      <c r="Q1449">
        <v>219</v>
      </c>
    </row>
    <row r="1450" spans="4:17" x14ac:dyDescent="0.25">
      <c r="D1450">
        <v>89.515821552416341</v>
      </c>
      <c r="E1450">
        <v>494</v>
      </c>
      <c r="G1450">
        <v>87.170581640237714</v>
      </c>
      <c r="H1450">
        <v>570</v>
      </c>
      <c r="J1450">
        <v>87.18907836439989</v>
      </c>
      <c r="K1450">
        <v>570</v>
      </c>
      <c r="M1450">
        <v>91.470880076174097</v>
      </c>
      <c r="N1450">
        <v>445</v>
      </c>
      <c r="P1450">
        <v>99.165702496619588</v>
      </c>
      <c r="Q1450">
        <v>219</v>
      </c>
    </row>
    <row r="1451" spans="4:17" x14ac:dyDescent="0.25">
      <c r="D1451">
        <v>89.485583438491147</v>
      </c>
      <c r="E1451">
        <v>494</v>
      </c>
      <c r="G1451">
        <v>87.156768911728989</v>
      </c>
      <c r="H1451">
        <v>571</v>
      </c>
      <c r="J1451">
        <v>87.18222110805938</v>
      </c>
      <c r="K1451">
        <v>570</v>
      </c>
      <c r="M1451">
        <v>91.460805530518755</v>
      </c>
      <c r="N1451">
        <v>446</v>
      </c>
      <c r="P1451">
        <v>99.162154181879018</v>
      </c>
      <c r="Q1451">
        <v>220</v>
      </c>
    </row>
    <row r="1452" spans="4:17" x14ac:dyDescent="0.25">
      <c r="D1452">
        <v>89.455821408230989</v>
      </c>
      <c r="E1452">
        <v>495</v>
      </c>
      <c r="G1452">
        <v>87.143406023037628</v>
      </c>
      <c r="H1452">
        <v>571</v>
      </c>
      <c r="J1452">
        <v>87.175028110681424</v>
      </c>
      <c r="K1452">
        <v>571</v>
      </c>
      <c r="M1452">
        <v>91.450730984863398</v>
      </c>
      <c r="N1452">
        <v>446</v>
      </c>
      <c r="P1452">
        <v>99.159302857533888</v>
      </c>
      <c r="Q1452">
        <v>220</v>
      </c>
    </row>
    <row r="1453" spans="4:17" x14ac:dyDescent="0.25">
      <c r="D1453">
        <v>89.426045775580405</v>
      </c>
      <c r="E1453">
        <v>495</v>
      </c>
      <c r="G1453">
        <v>87.130043134346252</v>
      </c>
      <c r="H1453">
        <v>572</v>
      </c>
      <c r="J1453">
        <v>87.16783511330344</v>
      </c>
      <c r="K1453">
        <v>571</v>
      </c>
      <c r="M1453">
        <v>91.441063249840241</v>
      </c>
      <c r="N1453">
        <v>446</v>
      </c>
      <c r="P1453">
        <v>99.156451533188786</v>
      </c>
      <c r="Q1453">
        <v>220</v>
      </c>
    </row>
    <row r="1454" spans="4:17" x14ac:dyDescent="0.25">
      <c r="D1454">
        <v>89.396270142929851</v>
      </c>
      <c r="E1454">
        <v>496</v>
      </c>
      <c r="G1454">
        <v>87.116667015072011</v>
      </c>
      <c r="H1454">
        <v>572</v>
      </c>
      <c r="J1454">
        <v>87.160642115925498</v>
      </c>
      <c r="K1454">
        <v>572</v>
      </c>
      <c r="M1454">
        <v>91.430988704184884</v>
      </c>
      <c r="N1454">
        <v>447</v>
      </c>
      <c r="P1454">
        <v>99.152903218448202</v>
      </c>
      <c r="Q1454">
        <v>221</v>
      </c>
    </row>
    <row r="1455" spans="4:17" x14ac:dyDescent="0.25">
      <c r="D1455">
        <v>89.366956991553863</v>
      </c>
      <c r="E1455">
        <v>496</v>
      </c>
      <c r="G1455">
        <v>87.103753966197985</v>
      </c>
      <c r="H1455">
        <v>572</v>
      </c>
      <c r="J1455">
        <v>87.153449118547528</v>
      </c>
      <c r="K1455">
        <v>572</v>
      </c>
      <c r="M1455">
        <v>91.420926123548156</v>
      </c>
      <c r="N1455">
        <v>447</v>
      </c>
      <c r="P1455">
        <v>99.150051894103072</v>
      </c>
      <c r="Q1455">
        <v>221</v>
      </c>
    </row>
    <row r="1456" spans="4:17" x14ac:dyDescent="0.25">
      <c r="D1456">
        <v>89.337630237787479</v>
      </c>
      <c r="E1456">
        <v>496</v>
      </c>
      <c r="G1456">
        <v>87.091277526558414</v>
      </c>
      <c r="H1456">
        <v>573</v>
      </c>
      <c r="J1456">
        <v>87.146591862207003</v>
      </c>
      <c r="K1456">
        <v>573</v>
      </c>
      <c r="M1456">
        <v>91.410851577892799</v>
      </c>
      <c r="N1456">
        <v>448</v>
      </c>
      <c r="P1456">
        <v>99.146503579362502</v>
      </c>
      <c r="Q1456">
        <v>221</v>
      </c>
    </row>
    <row r="1457" spans="4:17" x14ac:dyDescent="0.25">
      <c r="D1457">
        <v>89.309228446570287</v>
      </c>
      <c r="E1457">
        <v>497</v>
      </c>
      <c r="G1457">
        <v>87.078351247101509</v>
      </c>
      <c r="H1457">
        <v>573</v>
      </c>
      <c r="J1457">
        <v>87.13905294982078</v>
      </c>
      <c r="K1457">
        <v>573</v>
      </c>
      <c r="M1457">
        <v>91.4003702216053</v>
      </c>
      <c r="N1457">
        <v>448</v>
      </c>
      <c r="P1457">
        <v>99.143652255017386</v>
      </c>
      <c r="Q1457">
        <v>222</v>
      </c>
    </row>
    <row r="1458" spans="4:17" x14ac:dyDescent="0.25">
      <c r="D1458">
        <v>89.280377776468924</v>
      </c>
      <c r="E1458">
        <v>497</v>
      </c>
      <c r="G1458">
        <v>87.065438198227469</v>
      </c>
      <c r="H1458">
        <v>574</v>
      </c>
      <c r="J1458">
        <v>87.131859952442809</v>
      </c>
      <c r="K1458">
        <v>573</v>
      </c>
      <c r="M1458">
        <v>91.390295675949972</v>
      </c>
      <c r="N1458">
        <v>448</v>
      </c>
      <c r="P1458">
        <v>99.140103940276774</v>
      </c>
      <c r="Q1458">
        <v>222</v>
      </c>
    </row>
    <row r="1459" spans="4:17" x14ac:dyDescent="0.25">
      <c r="D1459">
        <v>89.252438466526343</v>
      </c>
      <c r="E1459">
        <v>498</v>
      </c>
      <c r="G1459">
        <v>87.052511918770563</v>
      </c>
      <c r="H1459">
        <v>574</v>
      </c>
      <c r="J1459">
        <v>87.125348611110553</v>
      </c>
      <c r="K1459">
        <v>574</v>
      </c>
      <c r="M1459">
        <v>91.380221130294629</v>
      </c>
      <c r="N1459">
        <v>449</v>
      </c>
      <c r="P1459">
        <v>99.137252615931686</v>
      </c>
      <c r="Q1459">
        <v>222</v>
      </c>
    </row>
    <row r="1460" spans="4:17" x14ac:dyDescent="0.25">
      <c r="D1460">
        <v>89.224036675309179</v>
      </c>
      <c r="E1460">
        <v>498</v>
      </c>
      <c r="G1460">
        <v>87.040035479131006</v>
      </c>
      <c r="H1460">
        <v>575</v>
      </c>
      <c r="J1460">
        <v>87.118847443749146</v>
      </c>
      <c r="K1460">
        <v>574</v>
      </c>
      <c r="M1460">
        <v>91.369751739025716</v>
      </c>
      <c r="N1460">
        <v>449</v>
      </c>
      <c r="P1460">
        <v>99.133704301191088</v>
      </c>
      <c r="Q1460">
        <v>223</v>
      </c>
    </row>
    <row r="1461" spans="4:17" x14ac:dyDescent="0.25">
      <c r="D1461">
        <v>89.196097365366597</v>
      </c>
      <c r="E1461">
        <v>499</v>
      </c>
      <c r="G1461">
        <v>87.027122430256981</v>
      </c>
      <c r="H1461">
        <v>575</v>
      </c>
      <c r="J1461">
        <v>87.112336102416904</v>
      </c>
      <c r="K1461">
        <v>575</v>
      </c>
      <c r="M1461">
        <v>91.359677193370374</v>
      </c>
      <c r="N1461">
        <v>450</v>
      </c>
      <c r="P1461">
        <v>99.130134865529456</v>
      </c>
      <c r="Q1461">
        <v>223</v>
      </c>
    </row>
    <row r="1462" spans="4:17" x14ac:dyDescent="0.25">
      <c r="D1462">
        <v>89.168144453033605</v>
      </c>
      <c r="E1462">
        <v>499</v>
      </c>
      <c r="G1462">
        <v>87.01464599061741</v>
      </c>
      <c r="H1462">
        <v>575</v>
      </c>
      <c r="J1462">
        <v>87.105824761084662</v>
      </c>
      <c r="K1462">
        <v>575</v>
      </c>
      <c r="M1462">
        <v>91.34919583708286</v>
      </c>
      <c r="N1462">
        <v>450</v>
      </c>
      <c r="P1462">
        <v>99.127304662105402</v>
      </c>
      <c r="Q1462">
        <v>223</v>
      </c>
    </row>
    <row r="1463" spans="4:17" x14ac:dyDescent="0.25">
      <c r="D1463">
        <v>89.140667624365634</v>
      </c>
      <c r="E1463">
        <v>499</v>
      </c>
      <c r="G1463">
        <v>87.00171971116049</v>
      </c>
      <c r="H1463">
        <v>576</v>
      </c>
      <c r="J1463">
        <v>87.099659334760673</v>
      </c>
      <c r="K1463">
        <v>575</v>
      </c>
      <c r="M1463">
        <v>91.339121291427531</v>
      </c>
      <c r="N1463">
        <v>451</v>
      </c>
      <c r="P1463">
        <v>99.124453337760272</v>
      </c>
      <c r="Q1463">
        <v>224</v>
      </c>
    </row>
    <row r="1464" spans="4:17" x14ac:dyDescent="0.25">
      <c r="D1464">
        <v>89.113639674581862</v>
      </c>
      <c r="E1464">
        <v>500</v>
      </c>
      <c r="G1464">
        <v>86.988793431703598</v>
      </c>
      <c r="H1464">
        <v>576</v>
      </c>
      <c r="J1464">
        <v>87.093147993428445</v>
      </c>
      <c r="K1464">
        <v>576</v>
      </c>
      <c r="M1464">
        <v>91.328651900158604</v>
      </c>
      <c r="N1464">
        <v>451</v>
      </c>
      <c r="P1464">
        <v>99.121602013415171</v>
      </c>
      <c r="Q1464">
        <v>224</v>
      </c>
    </row>
    <row r="1465" spans="4:17" x14ac:dyDescent="0.25">
      <c r="D1465">
        <v>89.08616284591389</v>
      </c>
      <c r="E1465">
        <v>500</v>
      </c>
      <c r="G1465">
        <v>86.97633022264688</v>
      </c>
      <c r="H1465">
        <v>577</v>
      </c>
      <c r="J1465">
        <v>87.086290737087936</v>
      </c>
      <c r="K1465">
        <v>576</v>
      </c>
      <c r="M1465">
        <v>91.318170543871105</v>
      </c>
      <c r="N1465">
        <v>451</v>
      </c>
      <c r="P1465">
        <v>99.118053698674586</v>
      </c>
      <c r="Q1465">
        <v>224</v>
      </c>
    </row>
    <row r="1466" spans="4:17" x14ac:dyDescent="0.25">
      <c r="D1466">
        <v>89.058672414855508</v>
      </c>
      <c r="E1466">
        <v>501</v>
      </c>
      <c r="G1466">
        <v>86.963403943190016</v>
      </c>
      <c r="H1466">
        <v>577</v>
      </c>
      <c r="J1466">
        <v>87.079097739709951</v>
      </c>
      <c r="K1466">
        <v>577</v>
      </c>
      <c r="M1466">
        <v>91.308095998215776</v>
      </c>
      <c r="N1466">
        <v>452</v>
      </c>
      <c r="P1466">
        <v>99.115202374329471</v>
      </c>
      <c r="Q1466">
        <v>225</v>
      </c>
    </row>
    <row r="1467" spans="4:17" x14ac:dyDescent="0.25">
      <c r="D1467">
        <v>89.031195586187536</v>
      </c>
      <c r="E1467">
        <v>501</v>
      </c>
      <c r="G1467">
        <v>86.950927503550432</v>
      </c>
      <c r="H1467">
        <v>577</v>
      </c>
      <c r="J1467">
        <v>87.071904742331995</v>
      </c>
      <c r="K1467">
        <v>577</v>
      </c>
      <c r="M1467">
        <v>91.298033417579035</v>
      </c>
      <c r="N1467">
        <v>452</v>
      </c>
      <c r="P1467">
        <v>99.112351049984355</v>
      </c>
      <c r="Q1467">
        <v>225</v>
      </c>
    </row>
    <row r="1468" spans="4:17" x14ac:dyDescent="0.25">
      <c r="D1468">
        <v>89.004616515287921</v>
      </c>
      <c r="E1468">
        <v>501</v>
      </c>
      <c r="G1468">
        <v>86.93800122409354</v>
      </c>
      <c r="H1468">
        <v>578</v>
      </c>
      <c r="J1468">
        <v>87.06471174495401</v>
      </c>
      <c r="K1468">
        <v>578</v>
      </c>
      <c r="M1468">
        <v>91.287958871923692</v>
      </c>
      <c r="N1468">
        <v>453</v>
      </c>
      <c r="P1468">
        <v>99.108802735243756</v>
      </c>
      <c r="Q1468">
        <v>225</v>
      </c>
    </row>
    <row r="1469" spans="4:17" x14ac:dyDescent="0.25">
      <c r="D1469">
        <v>88.978051046778759</v>
      </c>
      <c r="E1469">
        <v>502</v>
      </c>
      <c r="G1469">
        <v>86.925538015036821</v>
      </c>
      <c r="H1469">
        <v>578</v>
      </c>
      <c r="J1469">
        <v>87.057518747576054</v>
      </c>
      <c r="K1469">
        <v>578</v>
      </c>
      <c r="M1469">
        <v>91.277477515636178</v>
      </c>
      <c r="N1469">
        <v>453</v>
      </c>
      <c r="P1469">
        <v>99.105951410898669</v>
      </c>
      <c r="Q1469">
        <v>226</v>
      </c>
    </row>
    <row r="1470" spans="4:17" x14ac:dyDescent="0.25">
      <c r="D1470">
        <v>88.951948059544193</v>
      </c>
      <c r="E1470">
        <v>502</v>
      </c>
      <c r="G1470">
        <v>86.912611735579929</v>
      </c>
      <c r="H1470">
        <v>579</v>
      </c>
      <c r="J1470">
        <v>87.050315576227263</v>
      </c>
      <c r="K1470">
        <v>578</v>
      </c>
      <c r="M1470">
        <v>91.267402969980836</v>
      </c>
      <c r="N1470">
        <v>453</v>
      </c>
      <c r="P1470">
        <v>99.103121207474615</v>
      </c>
      <c r="Q1470">
        <v>226</v>
      </c>
    </row>
    <row r="1471" spans="4:17" x14ac:dyDescent="0.25">
      <c r="D1471">
        <v>88.924920109760421</v>
      </c>
      <c r="E1471">
        <v>503</v>
      </c>
      <c r="G1471">
        <v>86.900135295940373</v>
      </c>
      <c r="H1471">
        <v>579</v>
      </c>
      <c r="J1471">
        <v>87.043814408865856</v>
      </c>
      <c r="K1471">
        <v>579</v>
      </c>
      <c r="M1471">
        <v>91.256933578711923</v>
      </c>
      <c r="N1471">
        <v>454</v>
      </c>
      <c r="P1471">
        <v>99.099551771812941</v>
      </c>
      <c r="Q1471">
        <v>226</v>
      </c>
    </row>
    <row r="1472" spans="4:17" x14ac:dyDescent="0.25">
      <c r="D1472">
        <v>88.897892159976621</v>
      </c>
      <c r="E1472">
        <v>503</v>
      </c>
      <c r="G1472">
        <v>86.887658856300803</v>
      </c>
      <c r="H1472">
        <v>580</v>
      </c>
      <c r="J1472">
        <v>87.036957152525332</v>
      </c>
      <c r="K1472">
        <v>579</v>
      </c>
      <c r="M1472">
        <v>91.246452222424452</v>
      </c>
      <c r="N1472">
        <v>454</v>
      </c>
      <c r="P1472">
        <v>99.096721568388915</v>
      </c>
      <c r="Q1472">
        <v>227</v>
      </c>
    </row>
    <row r="1473" spans="4:17" x14ac:dyDescent="0.25">
      <c r="D1473">
        <v>88.870864210192849</v>
      </c>
      <c r="E1473">
        <v>504</v>
      </c>
      <c r="G1473">
        <v>86.875182416661218</v>
      </c>
      <c r="H1473">
        <v>580</v>
      </c>
      <c r="J1473">
        <v>87.03044581119309</v>
      </c>
      <c r="K1473">
        <v>580</v>
      </c>
      <c r="M1473">
        <v>91.236784487401252</v>
      </c>
      <c r="N1473">
        <v>455</v>
      </c>
      <c r="P1473">
        <v>99.093870244043799</v>
      </c>
      <c r="Q1473">
        <v>227</v>
      </c>
    </row>
    <row r="1474" spans="4:17" x14ac:dyDescent="0.25">
      <c r="D1474">
        <v>88.843836260409063</v>
      </c>
      <c r="E1474">
        <v>504</v>
      </c>
      <c r="G1474">
        <v>86.862705977021648</v>
      </c>
      <c r="H1474">
        <v>580</v>
      </c>
      <c r="J1474">
        <v>87.024280384869115</v>
      </c>
      <c r="K1474">
        <v>580</v>
      </c>
      <c r="M1474">
        <v>91.22711675237808</v>
      </c>
      <c r="N1474">
        <v>455</v>
      </c>
      <c r="P1474">
        <v>99.091018919698698</v>
      </c>
      <c r="Q1474">
        <v>227</v>
      </c>
    </row>
    <row r="1475" spans="4:17" x14ac:dyDescent="0.25">
      <c r="D1475">
        <v>88.816359431741091</v>
      </c>
      <c r="E1475">
        <v>504</v>
      </c>
      <c r="G1475">
        <v>86.850229537382091</v>
      </c>
      <c r="H1475">
        <v>581</v>
      </c>
      <c r="J1475">
        <v>87.017769043536859</v>
      </c>
      <c r="K1475">
        <v>580</v>
      </c>
      <c r="M1475">
        <v>91.217042206722738</v>
      </c>
      <c r="N1475">
        <v>456</v>
      </c>
      <c r="P1475">
        <v>99.088188716274644</v>
      </c>
      <c r="Q1475">
        <v>228</v>
      </c>
    </row>
    <row r="1476" spans="4:17" x14ac:dyDescent="0.25">
      <c r="D1476">
        <v>88.789331481957305</v>
      </c>
      <c r="E1476">
        <v>505</v>
      </c>
      <c r="G1476">
        <v>86.837766328325372</v>
      </c>
      <c r="H1476">
        <v>581</v>
      </c>
      <c r="J1476">
        <v>87.011257702204617</v>
      </c>
      <c r="K1476">
        <v>581</v>
      </c>
      <c r="M1476">
        <v>91.20737447169958</v>
      </c>
      <c r="N1476">
        <v>456</v>
      </c>
      <c r="P1476">
        <v>99.084619280612998</v>
      </c>
      <c r="Q1476">
        <v>228</v>
      </c>
    </row>
    <row r="1477" spans="4:17" x14ac:dyDescent="0.25">
      <c r="D1477">
        <v>88.762303532173519</v>
      </c>
      <c r="E1477">
        <v>505</v>
      </c>
      <c r="G1477">
        <v>86.825289888685816</v>
      </c>
      <c r="H1477">
        <v>582</v>
      </c>
      <c r="J1477">
        <v>87.004064704826661</v>
      </c>
      <c r="K1477">
        <v>581</v>
      </c>
      <c r="M1477">
        <v>91.197299926044224</v>
      </c>
      <c r="N1477">
        <v>456</v>
      </c>
      <c r="P1477">
        <v>99.081767956267868</v>
      </c>
      <c r="Q1477">
        <v>228</v>
      </c>
    </row>
    <row r="1478" spans="4:17" x14ac:dyDescent="0.25">
      <c r="D1478">
        <v>88.735738063664357</v>
      </c>
      <c r="E1478">
        <v>506</v>
      </c>
      <c r="G1478">
        <v>86.81281344904626</v>
      </c>
      <c r="H1478">
        <v>582</v>
      </c>
      <c r="J1478">
        <v>86.997553363494418</v>
      </c>
      <c r="K1478">
        <v>582</v>
      </c>
      <c r="M1478">
        <v>91.187225380388881</v>
      </c>
      <c r="N1478">
        <v>457</v>
      </c>
      <c r="P1478">
        <v>99.078219641527284</v>
      </c>
      <c r="Q1478">
        <v>229</v>
      </c>
    </row>
    <row r="1479" spans="4:17" x14ac:dyDescent="0.25">
      <c r="D1479">
        <v>88.709172595155181</v>
      </c>
      <c r="E1479">
        <v>506</v>
      </c>
      <c r="G1479">
        <v>86.800337009406675</v>
      </c>
      <c r="H1479">
        <v>582</v>
      </c>
      <c r="J1479">
        <v>86.990706281124716</v>
      </c>
      <c r="K1479">
        <v>582</v>
      </c>
      <c r="M1479">
        <v>91.177150834733538</v>
      </c>
      <c r="N1479">
        <v>457</v>
      </c>
      <c r="P1479">
        <v>99.074671326786699</v>
      </c>
      <c r="Q1479">
        <v>229</v>
      </c>
    </row>
    <row r="1480" spans="4:17" x14ac:dyDescent="0.25">
      <c r="D1480">
        <v>88.682607126646019</v>
      </c>
      <c r="E1480">
        <v>506</v>
      </c>
      <c r="G1480">
        <v>86.788310409584454</v>
      </c>
      <c r="H1480">
        <v>583</v>
      </c>
      <c r="J1480">
        <v>86.983513283746774</v>
      </c>
      <c r="K1480">
        <v>583</v>
      </c>
      <c r="M1480">
        <v>91.167076289078196</v>
      </c>
      <c r="N1480">
        <v>458</v>
      </c>
      <c r="P1480">
        <v>99.071820002441584</v>
      </c>
      <c r="Q1480">
        <v>229</v>
      </c>
    </row>
    <row r="1481" spans="4:17" x14ac:dyDescent="0.25">
      <c r="D1481">
        <v>88.655579176862219</v>
      </c>
      <c r="E1481">
        <v>507</v>
      </c>
      <c r="G1481">
        <v>86.775833969944884</v>
      </c>
      <c r="H1481">
        <v>583</v>
      </c>
      <c r="J1481">
        <v>86.97665602740625</v>
      </c>
      <c r="K1481">
        <v>583</v>
      </c>
      <c r="M1481">
        <v>91.157001743422853</v>
      </c>
      <c r="N1481">
        <v>458</v>
      </c>
      <c r="P1481">
        <v>99.068271687700985</v>
      </c>
      <c r="Q1481">
        <v>230</v>
      </c>
    </row>
    <row r="1482" spans="4:17" x14ac:dyDescent="0.25">
      <c r="D1482">
        <v>88.628088745803836</v>
      </c>
      <c r="E1482">
        <v>507</v>
      </c>
      <c r="G1482">
        <v>86.763357530305328</v>
      </c>
      <c r="H1482">
        <v>584</v>
      </c>
      <c r="J1482">
        <v>86.970144686074008</v>
      </c>
      <c r="K1482">
        <v>583</v>
      </c>
      <c r="M1482">
        <v>91.147334008399682</v>
      </c>
      <c r="N1482">
        <v>458</v>
      </c>
      <c r="P1482">
        <v>99.065420363355898</v>
      </c>
      <c r="Q1482">
        <v>230</v>
      </c>
    </row>
    <row r="1483" spans="4:17" x14ac:dyDescent="0.25">
      <c r="D1483">
        <v>88.600611917135879</v>
      </c>
      <c r="E1483">
        <v>508</v>
      </c>
      <c r="G1483">
        <v>86.750881090665757</v>
      </c>
      <c r="H1483">
        <v>584</v>
      </c>
      <c r="J1483">
        <v>86.963297603704305</v>
      </c>
      <c r="K1483">
        <v>584</v>
      </c>
      <c r="M1483">
        <v>91.137259462744353</v>
      </c>
      <c r="N1483">
        <v>459</v>
      </c>
      <c r="P1483">
        <v>99.062569039010768</v>
      </c>
      <c r="Q1483">
        <v>230</v>
      </c>
    </row>
    <row r="1484" spans="4:17" x14ac:dyDescent="0.25">
      <c r="D1484">
        <v>88.574495327510888</v>
      </c>
      <c r="E1484">
        <v>508</v>
      </c>
      <c r="G1484">
        <v>86.738854490843508</v>
      </c>
      <c r="H1484">
        <v>585</v>
      </c>
      <c r="J1484">
        <v>86.956104606326363</v>
      </c>
      <c r="K1484">
        <v>584</v>
      </c>
      <c r="M1484">
        <v>91.127184917088996</v>
      </c>
      <c r="N1484">
        <v>459</v>
      </c>
      <c r="P1484">
        <v>99.059738835586714</v>
      </c>
      <c r="Q1484">
        <v>231</v>
      </c>
    </row>
    <row r="1485" spans="4:17" x14ac:dyDescent="0.25">
      <c r="D1485">
        <v>88.548854821550933</v>
      </c>
      <c r="E1485">
        <v>509</v>
      </c>
      <c r="G1485">
        <v>86.726814660438407</v>
      </c>
      <c r="H1485">
        <v>585</v>
      </c>
      <c r="J1485">
        <v>86.948911608948393</v>
      </c>
      <c r="K1485">
        <v>585</v>
      </c>
      <c r="M1485">
        <v>91.117517182065811</v>
      </c>
      <c r="N1485">
        <v>460</v>
      </c>
      <c r="P1485">
        <v>99.056169399925068</v>
      </c>
      <c r="Q1485">
        <v>231</v>
      </c>
    </row>
    <row r="1486" spans="4:17" x14ac:dyDescent="0.25">
      <c r="D1486">
        <v>88.523649592084723</v>
      </c>
      <c r="E1486">
        <v>509</v>
      </c>
      <c r="G1486">
        <v>86.714788060616172</v>
      </c>
      <c r="H1486">
        <v>585</v>
      </c>
      <c r="J1486">
        <v>86.942054352607869</v>
      </c>
      <c r="K1486">
        <v>585</v>
      </c>
      <c r="M1486">
        <v>91.107442636410468</v>
      </c>
      <c r="N1486">
        <v>460</v>
      </c>
      <c r="P1486">
        <v>99.053318075579938</v>
      </c>
      <c r="Q1486">
        <v>231</v>
      </c>
    </row>
    <row r="1487" spans="4:17" x14ac:dyDescent="0.25">
      <c r="D1487">
        <v>88.498457965008939</v>
      </c>
      <c r="E1487">
        <v>509</v>
      </c>
      <c r="G1487">
        <v>86.702761460793951</v>
      </c>
      <c r="H1487">
        <v>586</v>
      </c>
      <c r="J1487">
        <v>86.935207270238166</v>
      </c>
      <c r="K1487">
        <v>585</v>
      </c>
      <c r="M1487">
        <v>91.097774901387311</v>
      </c>
      <c r="N1487">
        <v>461</v>
      </c>
      <c r="P1487">
        <v>99.049769760839354</v>
      </c>
      <c r="Q1487">
        <v>232</v>
      </c>
    </row>
    <row r="1488" spans="4:17" x14ac:dyDescent="0.25">
      <c r="D1488">
        <v>88.473266337933168</v>
      </c>
      <c r="E1488">
        <v>510</v>
      </c>
      <c r="G1488">
        <v>86.690734860971702</v>
      </c>
      <c r="H1488">
        <v>586</v>
      </c>
      <c r="J1488">
        <v>86.928004098889375</v>
      </c>
      <c r="K1488">
        <v>586</v>
      </c>
      <c r="M1488">
        <v>91.087700355731968</v>
      </c>
      <c r="N1488">
        <v>461</v>
      </c>
      <c r="P1488">
        <v>99.046918436494252</v>
      </c>
      <c r="Q1488">
        <v>232</v>
      </c>
    </row>
    <row r="1489" spans="4:17" x14ac:dyDescent="0.25">
      <c r="D1489">
        <v>88.448074710857398</v>
      </c>
      <c r="E1489">
        <v>510</v>
      </c>
      <c r="G1489">
        <v>86.679144870383936</v>
      </c>
      <c r="H1489">
        <v>587</v>
      </c>
      <c r="J1489">
        <v>86.921157016519686</v>
      </c>
      <c r="K1489">
        <v>586</v>
      </c>
      <c r="M1489">
        <v>91.078032620708797</v>
      </c>
      <c r="N1489">
        <v>461</v>
      </c>
      <c r="P1489">
        <v>99.043370121753654</v>
      </c>
      <c r="Q1489">
        <v>232</v>
      </c>
    </row>
    <row r="1490" spans="4:17" x14ac:dyDescent="0.25">
      <c r="D1490">
        <v>88.423331962665799</v>
      </c>
      <c r="E1490">
        <v>511</v>
      </c>
      <c r="G1490">
        <v>86.668004719613535</v>
      </c>
      <c r="H1490">
        <v>587</v>
      </c>
      <c r="J1490">
        <v>86.914299760179162</v>
      </c>
      <c r="K1490">
        <v>587</v>
      </c>
      <c r="M1490">
        <v>91.06795807505344</v>
      </c>
      <c r="N1490">
        <v>462</v>
      </c>
      <c r="P1490">
        <v>99.03982180701307</v>
      </c>
      <c r="Q1490">
        <v>233</v>
      </c>
    </row>
    <row r="1491" spans="4:17" x14ac:dyDescent="0.25">
      <c r="D1491">
        <v>88.398140335590014</v>
      </c>
      <c r="E1491">
        <v>511</v>
      </c>
      <c r="G1491">
        <v>86.656427959608607</v>
      </c>
      <c r="H1491">
        <v>587</v>
      </c>
      <c r="J1491">
        <v>86.907798592817755</v>
      </c>
      <c r="K1491">
        <v>587</v>
      </c>
      <c r="M1491">
        <v>91.058290340030254</v>
      </c>
      <c r="N1491">
        <v>462</v>
      </c>
      <c r="P1491">
        <v>99.036970482667968</v>
      </c>
      <c r="Q1491">
        <v>233</v>
      </c>
    </row>
    <row r="1492" spans="4:17" x14ac:dyDescent="0.25">
      <c r="D1492">
        <v>88.373873671063464</v>
      </c>
      <c r="E1492">
        <v>511</v>
      </c>
      <c r="G1492">
        <v>86.645287808838205</v>
      </c>
      <c r="H1492">
        <v>588</v>
      </c>
      <c r="J1492">
        <v>86.901287251485499</v>
      </c>
      <c r="K1492">
        <v>588</v>
      </c>
      <c r="M1492">
        <v>91.048622605007097</v>
      </c>
      <c r="N1492">
        <v>463</v>
      </c>
      <c r="P1492">
        <v>99.03342216792737</v>
      </c>
      <c r="Q1492">
        <v>233</v>
      </c>
    </row>
    <row r="1493" spans="4:17" x14ac:dyDescent="0.25">
      <c r="D1493">
        <v>88.349130922871851</v>
      </c>
      <c r="E1493">
        <v>512</v>
      </c>
      <c r="G1493">
        <v>86.63369781825044</v>
      </c>
      <c r="H1493">
        <v>588</v>
      </c>
      <c r="J1493">
        <v>86.894775910153271</v>
      </c>
      <c r="K1493">
        <v>588</v>
      </c>
      <c r="M1493">
        <v>91.038548059351754</v>
      </c>
      <c r="N1493">
        <v>463</v>
      </c>
      <c r="P1493">
        <v>99.029852732265724</v>
      </c>
      <c r="Q1493">
        <v>234</v>
      </c>
    </row>
    <row r="1494" spans="4:17" x14ac:dyDescent="0.25">
      <c r="D1494">
        <v>88.324850655954876</v>
      </c>
      <c r="E1494">
        <v>512</v>
      </c>
      <c r="G1494">
        <v>86.622557667479995</v>
      </c>
      <c r="H1494">
        <v>589</v>
      </c>
      <c r="J1494">
        <v>86.887582912775301</v>
      </c>
      <c r="K1494">
        <v>588</v>
      </c>
      <c r="M1494">
        <v>91.028868359309996</v>
      </c>
      <c r="N1494">
        <v>463</v>
      </c>
      <c r="P1494">
        <v>99.027001407920608</v>
      </c>
      <c r="Q1494">
        <v>234</v>
      </c>
    </row>
    <row r="1495" spans="4:17" x14ac:dyDescent="0.25">
      <c r="D1495">
        <v>88.300583991428326</v>
      </c>
      <c r="E1495">
        <v>513</v>
      </c>
      <c r="G1495">
        <v>86.610980907475096</v>
      </c>
      <c r="H1495">
        <v>589</v>
      </c>
      <c r="J1495">
        <v>86.880725656434777</v>
      </c>
      <c r="K1495">
        <v>589</v>
      </c>
      <c r="M1495">
        <v>91.01880577867324</v>
      </c>
      <c r="N1495">
        <v>464</v>
      </c>
      <c r="P1495">
        <v>99.023453093180009</v>
      </c>
      <c r="Q1495">
        <v>234</v>
      </c>
    </row>
    <row r="1496" spans="4:17" x14ac:dyDescent="0.25">
      <c r="D1496">
        <v>88.276752603395522</v>
      </c>
      <c r="E1496">
        <v>513</v>
      </c>
      <c r="G1496">
        <v>86.59939091688733</v>
      </c>
      <c r="H1496">
        <v>590</v>
      </c>
      <c r="J1496">
        <v>86.873532659056821</v>
      </c>
      <c r="K1496">
        <v>589</v>
      </c>
      <c r="M1496">
        <v>91.009126078631468</v>
      </c>
      <c r="N1496">
        <v>464</v>
      </c>
      <c r="P1496">
        <v>99.019904778439439</v>
      </c>
      <c r="Q1496">
        <v>235</v>
      </c>
    </row>
    <row r="1497" spans="4:17" x14ac:dyDescent="0.25">
      <c r="D1497">
        <v>88.252934817753129</v>
      </c>
      <c r="E1497">
        <v>514</v>
      </c>
      <c r="G1497">
        <v>86.587814156882445</v>
      </c>
      <c r="H1497">
        <v>590</v>
      </c>
      <c r="J1497">
        <v>86.866685576687132</v>
      </c>
      <c r="K1497">
        <v>590</v>
      </c>
      <c r="M1497">
        <v>90.999458343608282</v>
      </c>
      <c r="N1497">
        <v>465</v>
      </c>
      <c r="P1497">
        <v>99.016335342777751</v>
      </c>
      <c r="Q1497">
        <v>235</v>
      </c>
    </row>
    <row r="1498" spans="4:17" x14ac:dyDescent="0.25">
      <c r="D1498">
        <v>88.22957951338536</v>
      </c>
      <c r="E1498">
        <v>514</v>
      </c>
      <c r="G1498">
        <v>86.576674006112</v>
      </c>
      <c r="H1498">
        <v>590</v>
      </c>
      <c r="J1498">
        <v>86.859482405338326</v>
      </c>
      <c r="K1498">
        <v>590</v>
      </c>
      <c r="M1498">
        <v>90.989383797952939</v>
      </c>
      <c r="N1498">
        <v>465</v>
      </c>
      <c r="P1498">
        <v>99.012787028037181</v>
      </c>
      <c r="Q1498">
        <v>235</v>
      </c>
    </row>
    <row r="1499" spans="4:17" x14ac:dyDescent="0.25">
      <c r="D1499">
        <v>88.206210606627167</v>
      </c>
      <c r="E1499">
        <v>514</v>
      </c>
      <c r="G1499">
        <v>86.565533855341585</v>
      </c>
      <c r="H1499">
        <v>591</v>
      </c>
      <c r="J1499">
        <v>86.851943492952103</v>
      </c>
      <c r="K1499">
        <v>590</v>
      </c>
      <c r="M1499">
        <v>90.979716062929782</v>
      </c>
      <c r="N1499">
        <v>466</v>
      </c>
      <c r="P1499">
        <v>99.009935703692065</v>
      </c>
      <c r="Q1499">
        <v>236</v>
      </c>
    </row>
    <row r="1500" spans="4:17" x14ac:dyDescent="0.25">
      <c r="D1500">
        <v>88.182855302259398</v>
      </c>
      <c r="E1500">
        <v>515</v>
      </c>
      <c r="G1500">
        <v>86.553943864753819</v>
      </c>
      <c r="H1500">
        <v>591</v>
      </c>
      <c r="J1500">
        <v>86.844750495574118</v>
      </c>
      <c r="K1500">
        <v>591</v>
      </c>
      <c r="M1500">
        <v>90.970048327906596</v>
      </c>
      <c r="N1500">
        <v>466</v>
      </c>
      <c r="P1500">
        <v>99.006387388951495</v>
      </c>
      <c r="Q1500">
        <v>236</v>
      </c>
    </row>
    <row r="1501" spans="4:17" x14ac:dyDescent="0.25">
      <c r="D1501">
        <v>88.159499997891615</v>
      </c>
      <c r="E1501">
        <v>515</v>
      </c>
      <c r="G1501">
        <v>86.542816944566255</v>
      </c>
      <c r="H1501">
        <v>592</v>
      </c>
      <c r="J1501">
        <v>86.837557498196148</v>
      </c>
      <c r="K1501">
        <v>591</v>
      </c>
      <c r="M1501">
        <v>90.960380592883411</v>
      </c>
      <c r="N1501">
        <v>466</v>
      </c>
      <c r="P1501">
        <v>99.002817953289806</v>
      </c>
      <c r="Q1501">
        <v>236</v>
      </c>
    </row>
    <row r="1502" spans="4:17" x14ac:dyDescent="0.25">
      <c r="D1502">
        <v>88.136131091133436</v>
      </c>
      <c r="E1502">
        <v>516</v>
      </c>
      <c r="G1502">
        <v>86.53167679379581</v>
      </c>
      <c r="H1502">
        <v>592</v>
      </c>
      <c r="J1502">
        <v>86.830364500818206</v>
      </c>
      <c r="K1502">
        <v>592</v>
      </c>
      <c r="M1502">
        <v>90.950306047228096</v>
      </c>
      <c r="N1502">
        <v>467</v>
      </c>
      <c r="P1502">
        <v>98.999269638549237</v>
      </c>
      <c r="Q1502">
        <v>237</v>
      </c>
    </row>
    <row r="1503" spans="4:17" x14ac:dyDescent="0.25">
      <c r="D1503">
        <v>88.112775786765667</v>
      </c>
      <c r="E1503">
        <v>516</v>
      </c>
      <c r="G1503">
        <v>86.52053664302538</v>
      </c>
      <c r="H1503">
        <v>592</v>
      </c>
      <c r="J1503">
        <v>86.822825588431968</v>
      </c>
      <c r="K1503">
        <v>592</v>
      </c>
      <c r="M1503">
        <v>90.940638312204896</v>
      </c>
      <c r="N1503">
        <v>467</v>
      </c>
      <c r="P1503">
        <v>98.996418314204121</v>
      </c>
      <c r="Q1503">
        <v>237</v>
      </c>
    </row>
    <row r="1504" spans="4:17" x14ac:dyDescent="0.25">
      <c r="D1504">
        <v>88.089406880007459</v>
      </c>
      <c r="E1504">
        <v>516</v>
      </c>
      <c r="G1504">
        <v>86.508946652437629</v>
      </c>
      <c r="H1504">
        <v>593</v>
      </c>
      <c r="J1504">
        <v>86.815632591053983</v>
      </c>
      <c r="K1504">
        <v>593</v>
      </c>
      <c r="M1504">
        <v>90.930958612163124</v>
      </c>
      <c r="N1504">
        <v>468</v>
      </c>
      <c r="P1504">
        <v>98.992869999463522</v>
      </c>
      <c r="Q1504">
        <v>237</v>
      </c>
    </row>
    <row r="1505" spans="4:17" x14ac:dyDescent="0.25">
      <c r="D1505">
        <v>88.066500454523876</v>
      </c>
      <c r="E1505">
        <v>517</v>
      </c>
      <c r="G1505">
        <v>86.497806501667171</v>
      </c>
      <c r="H1505">
        <v>593</v>
      </c>
      <c r="J1505">
        <v>86.808439593676042</v>
      </c>
      <c r="K1505">
        <v>593</v>
      </c>
      <c r="M1505">
        <v>90.921290877139953</v>
      </c>
      <c r="N1505">
        <v>468</v>
      </c>
      <c r="P1505">
        <v>98.989321684722938</v>
      </c>
      <c r="Q1505">
        <v>238</v>
      </c>
    </row>
    <row r="1506" spans="4:17" x14ac:dyDescent="0.25">
      <c r="D1506">
        <v>88.044056510314888</v>
      </c>
      <c r="E1506">
        <v>517</v>
      </c>
      <c r="G1506">
        <v>86.486229741662285</v>
      </c>
      <c r="H1506">
        <v>594</v>
      </c>
      <c r="J1506">
        <v>86.801246596298071</v>
      </c>
      <c r="K1506">
        <v>593</v>
      </c>
      <c r="M1506">
        <v>90.911623142116781</v>
      </c>
      <c r="N1506">
        <v>468</v>
      </c>
      <c r="P1506">
        <v>98.985752249061278</v>
      </c>
      <c r="Q1506">
        <v>238</v>
      </c>
    </row>
    <row r="1507" spans="4:17" x14ac:dyDescent="0.25">
      <c r="D1507">
        <v>88.021163687221744</v>
      </c>
      <c r="E1507">
        <v>518</v>
      </c>
      <c r="G1507">
        <v>86.475089590891855</v>
      </c>
      <c r="H1507">
        <v>594</v>
      </c>
      <c r="J1507">
        <v>86.794043424949251</v>
      </c>
      <c r="K1507">
        <v>594</v>
      </c>
      <c r="M1507">
        <v>90.90195540709361</v>
      </c>
      <c r="N1507">
        <v>469</v>
      </c>
      <c r="P1507">
        <v>98.982203934320694</v>
      </c>
      <c r="Q1507">
        <v>238</v>
      </c>
    </row>
    <row r="1508" spans="4:17" x14ac:dyDescent="0.25">
      <c r="D1508">
        <v>87.998719743012757</v>
      </c>
      <c r="E1508">
        <v>518</v>
      </c>
      <c r="G1508">
        <v>86.463949440121439</v>
      </c>
      <c r="H1508">
        <v>595</v>
      </c>
      <c r="J1508">
        <v>86.787196342579591</v>
      </c>
      <c r="K1508">
        <v>594</v>
      </c>
      <c r="M1508">
        <v>90.892287672070424</v>
      </c>
      <c r="N1508">
        <v>469</v>
      </c>
      <c r="P1508">
        <v>98.97865561958011</v>
      </c>
      <c r="Q1508">
        <v>239</v>
      </c>
    </row>
    <row r="1509" spans="4:17" x14ac:dyDescent="0.25">
      <c r="D1509">
        <v>87.976262196413344</v>
      </c>
      <c r="E1509">
        <v>519</v>
      </c>
      <c r="G1509">
        <v>86.452809289350995</v>
      </c>
      <c r="H1509">
        <v>595</v>
      </c>
      <c r="J1509">
        <v>86.780685001247321</v>
      </c>
      <c r="K1509">
        <v>595</v>
      </c>
      <c r="M1509">
        <v>90.882607972028666</v>
      </c>
      <c r="N1509">
        <v>470</v>
      </c>
      <c r="P1509">
        <v>98.975086183918464</v>
      </c>
      <c r="Q1509">
        <v>239</v>
      </c>
    </row>
    <row r="1510" spans="4:17" x14ac:dyDescent="0.25">
      <c r="D1510">
        <v>87.953818252204371</v>
      </c>
      <c r="E1510">
        <v>519</v>
      </c>
      <c r="G1510">
        <v>86.441669138580565</v>
      </c>
      <c r="H1510">
        <v>595</v>
      </c>
      <c r="J1510">
        <v>86.773837918877646</v>
      </c>
      <c r="K1510">
        <v>595</v>
      </c>
      <c r="M1510">
        <v>90.87294023700548</v>
      </c>
      <c r="N1510">
        <v>470</v>
      </c>
      <c r="P1510">
        <v>98.971537869177851</v>
      </c>
      <c r="Q1510">
        <v>239</v>
      </c>
    </row>
    <row r="1511" spans="4:17" x14ac:dyDescent="0.25">
      <c r="D1511">
        <v>87.930925429111213</v>
      </c>
      <c r="E1511">
        <v>519</v>
      </c>
      <c r="G1511">
        <v>86.430528987810135</v>
      </c>
      <c r="H1511">
        <v>596</v>
      </c>
      <c r="J1511">
        <v>86.76663474752884</v>
      </c>
      <c r="K1511">
        <v>595</v>
      </c>
      <c r="M1511">
        <v>90.863272501982294</v>
      </c>
      <c r="N1511">
        <v>471</v>
      </c>
      <c r="P1511">
        <v>98.967968433516205</v>
      </c>
      <c r="Q1511">
        <v>240</v>
      </c>
    </row>
    <row r="1512" spans="4:17" x14ac:dyDescent="0.25">
      <c r="D1512">
        <v>87.908467882511815</v>
      </c>
      <c r="E1512">
        <v>520</v>
      </c>
      <c r="G1512">
        <v>86.41983867685704</v>
      </c>
      <c r="H1512">
        <v>596</v>
      </c>
      <c r="J1512">
        <v>86.759787665159166</v>
      </c>
      <c r="K1512">
        <v>596</v>
      </c>
      <c r="M1512">
        <v>90.853604766959137</v>
      </c>
      <c r="N1512">
        <v>471</v>
      </c>
      <c r="P1512">
        <v>98.964420118775607</v>
      </c>
      <c r="Q1512">
        <v>240</v>
      </c>
    </row>
    <row r="1513" spans="4:17" x14ac:dyDescent="0.25">
      <c r="D1513">
        <v>87.886486419577437</v>
      </c>
      <c r="E1513">
        <v>520</v>
      </c>
      <c r="G1513">
        <v>86.40869852608661</v>
      </c>
      <c r="H1513">
        <v>597</v>
      </c>
      <c r="J1513">
        <v>86.752930408818642</v>
      </c>
      <c r="K1513">
        <v>596</v>
      </c>
      <c r="M1513">
        <v>90.843937031935951</v>
      </c>
      <c r="N1513">
        <v>471</v>
      </c>
      <c r="P1513">
        <v>98.960871804035037</v>
      </c>
      <c r="Q1513">
        <v>240</v>
      </c>
    </row>
    <row r="1514" spans="4:17" x14ac:dyDescent="0.25">
      <c r="D1514">
        <v>87.864042475368464</v>
      </c>
      <c r="E1514">
        <v>521</v>
      </c>
      <c r="G1514">
        <v>86.398008215133501</v>
      </c>
      <c r="H1514">
        <v>597</v>
      </c>
      <c r="J1514">
        <v>86.7464190674864</v>
      </c>
      <c r="K1514">
        <v>597</v>
      </c>
      <c r="M1514">
        <v>90.834257331894179</v>
      </c>
      <c r="N1514">
        <v>472</v>
      </c>
      <c r="P1514">
        <v>98.957302368373362</v>
      </c>
      <c r="Q1514">
        <v>241</v>
      </c>
    </row>
    <row r="1515" spans="4:17" x14ac:dyDescent="0.25">
      <c r="D1515">
        <v>87.842061012434087</v>
      </c>
      <c r="E1515">
        <v>521</v>
      </c>
      <c r="G1515">
        <v>86.387317904180421</v>
      </c>
      <c r="H1515">
        <v>597</v>
      </c>
      <c r="J1515">
        <v>86.739571985116697</v>
      </c>
      <c r="K1515">
        <v>597</v>
      </c>
      <c r="M1515">
        <v>90.824589596870993</v>
      </c>
      <c r="N1515">
        <v>472</v>
      </c>
      <c r="P1515">
        <v>98.953754053632778</v>
      </c>
      <c r="Q1515">
        <v>241</v>
      </c>
    </row>
    <row r="1516" spans="4:17" x14ac:dyDescent="0.25">
      <c r="D1516">
        <v>87.820528428383895</v>
      </c>
      <c r="E1516">
        <v>521</v>
      </c>
      <c r="G1516">
        <v>86.376627593227326</v>
      </c>
      <c r="H1516">
        <v>598</v>
      </c>
      <c r="J1516">
        <v>86.732714728776187</v>
      </c>
      <c r="K1516">
        <v>598</v>
      </c>
      <c r="M1516">
        <v>90.814921861847807</v>
      </c>
      <c r="N1516">
        <v>473</v>
      </c>
      <c r="P1516">
        <v>98.95020573889218</v>
      </c>
      <c r="Q1516">
        <v>241</v>
      </c>
    </row>
    <row r="1517" spans="4:17" x14ac:dyDescent="0.25">
      <c r="D1517">
        <v>87.798533363059107</v>
      </c>
      <c r="E1517">
        <v>522</v>
      </c>
      <c r="G1517">
        <v>86.365487442456896</v>
      </c>
      <c r="H1517">
        <v>598</v>
      </c>
      <c r="J1517">
        <v>86.726213561414767</v>
      </c>
      <c r="K1517">
        <v>598</v>
      </c>
      <c r="M1517">
        <v>90.80525412682465</v>
      </c>
      <c r="N1517">
        <v>473</v>
      </c>
      <c r="P1517">
        <v>98.946636303230534</v>
      </c>
      <c r="Q1517">
        <v>242</v>
      </c>
    </row>
    <row r="1518" spans="4:17" x14ac:dyDescent="0.25">
      <c r="D1518">
        <v>87.776551900124716</v>
      </c>
      <c r="E1518">
        <v>522</v>
      </c>
      <c r="G1518">
        <v>86.355233740738271</v>
      </c>
      <c r="H1518">
        <v>599</v>
      </c>
      <c r="J1518">
        <v>86.719702220082539</v>
      </c>
      <c r="K1518">
        <v>598</v>
      </c>
      <c r="M1518">
        <v>90.795574426782878</v>
      </c>
      <c r="N1518">
        <v>473</v>
      </c>
      <c r="P1518">
        <v>98.943087988489935</v>
      </c>
      <c r="Q1518">
        <v>242</v>
      </c>
    </row>
    <row r="1519" spans="4:17" x14ac:dyDescent="0.25">
      <c r="D1519">
        <v>87.755019316074538</v>
      </c>
      <c r="E1519">
        <v>523</v>
      </c>
      <c r="G1519">
        <v>86.344543429785162</v>
      </c>
      <c r="H1519">
        <v>599</v>
      </c>
      <c r="J1519">
        <v>86.713536793758564</v>
      </c>
      <c r="K1519">
        <v>599</v>
      </c>
      <c r="M1519">
        <v>90.785906691759706</v>
      </c>
      <c r="N1519">
        <v>474</v>
      </c>
      <c r="P1519">
        <v>98.939518552828275</v>
      </c>
      <c r="Q1519">
        <v>242</v>
      </c>
    </row>
    <row r="1520" spans="4:17" x14ac:dyDescent="0.25">
      <c r="D1520">
        <v>87.733500334414771</v>
      </c>
      <c r="E1520">
        <v>523</v>
      </c>
      <c r="G1520">
        <v>86.334289728066537</v>
      </c>
      <c r="H1520">
        <v>600</v>
      </c>
      <c r="J1520">
        <v>86.707025452426322</v>
      </c>
      <c r="K1520">
        <v>599</v>
      </c>
      <c r="M1520">
        <v>90.77623895673652</v>
      </c>
      <c r="N1520">
        <v>474</v>
      </c>
      <c r="P1520">
        <v>98.935970238087691</v>
      </c>
      <c r="Q1520">
        <v>243</v>
      </c>
    </row>
    <row r="1521" spans="4:17" x14ac:dyDescent="0.25">
      <c r="D1521">
        <v>87.711967750364579</v>
      </c>
      <c r="E1521">
        <v>524</v>
      </c>
      <c r="G1521">
        <v>86.323599417113428</v>
      </c>
      <c r="H1521">
        <v>600</v>
      </c>
      <c r="J1521">
        <v>86.70051411109408</v>
      </c>
      <c r="K1521">
        <v>600</v>
      </c>
      <c r="M1521">
        <v>90.766571221713349</v>
      </c>
      <c r="N1521">
        <v>475</v>
      </c>
      <c r="P1521">
        <v>98.932421923347107</v>
      </c>
      <c r="Q1521">
        <v>243</v>
      </c>
    </row>
    <row r="1522" spans="4:17" x14ac:dyDescent="0.25">
      <c r="D1522">
        <v>87.690897647588997</v>
      </c>
      <c r="E1522">
        <v>524</v>
      </c>
      <c r="G1522">
        <v>86.313358945977669</v>
      </c>
      <c r="H1522">
        <v>600</v>
      </c>
      <c r="J1522">
        <v>86.693656854753542</v>
      </c>
      <c r="K1522">
        <v>600</v>
      </c>
      <c r="M1522">
        <v>90.756903486690163</v>
      </c>
      <c r="N1522">
        <v>475</v>
      </c>
      <c r="P1522">
        <v>98.928852487685432</v>
      </c>
      <c r="Q1522">
        <v>243</v>
      </c>
    </row>
    <row r="1523" spans="4:17" x14ac:dyDescent="0.25">
      <c r="D1523">
        <v>87.669365063538805</v>
      </c>
      <c r="E1523">
        <v>524</v>
      </c>
      <c r="G1523">
        <v>86.302668635024588</v>
      </c>
      <c r="H1523">
        <v>601</v>
      </c>
      <c r="J1523">
        <v>86.687155687392135</v>
      </c>
      <c r="K1523">
        <v>600</v>
      </c>
      <c r="M1523">
        <v>90.747630597280576</v>
      </c>
      <c r="N1523">
        <v>476</v>
      </c>
      <c r="P1523">
        <v>98.925304172944877</v>
      </c>
      <c r="Q1523">
        <v>244</v>
      </c>
    </row>
    <row r="1524" spans="4:17" x14ac:dyDescent="0.25">
      <c r="D1524">
        <v>87.648294960763224</v>
      </c>
      <c r="E1524">
        <v>525</v>
      </c>
      <c r="G1524">
        <v>86.292414933305949</v>
      </c>
      <c r="H1524">
        <v>601</v>
      </c>
      <c r="J1524">
        <v>86.680298431051611</v>
      </c>
      <c r="K1524">
        <v>601</v>
      </c>
      <c r="M1524">
        <v>90.737962862257376</v>
      </c>
      <c r="N1524">
        <v>476</v>
      </c>
      <c r="P1524">
        <v>98.921755858204278</v>
      </c>
      <c r="Q1524">
        <v>244</v>
      </c>
    </row>
    <row r="1525" spans="4:17" x14ac:dyDescent="0.25">
      <c r="D1525">
        <v>87.627687339262266</v>
      </c>
      <c r="E1525">
        <v>525</v>
      </c>
      <c r="G1525">
        <v>86.281724622352868</v>
      </c>
      <c r="H1525">
        <v>602</v>
      </c>
      <c r="J1525">
        <v>86.673787089719369</v>
      </c>
      <c r="K1525">
        <v>601</v>
      </c>
      <c r="M1525">
        <v>90.728295127234205</v>
      </c>
      <c r="N1525">
        <v>476</v>
      </c>
      <c r="P1525">
        <v>98.918186422542604</v>
      </c>
      <c r="Q1525">
        <v>244</v>
      </c>
    </row>
    <row r="1526" spans="4:17" x14ac:dyDescent="0.25">
      <c r="D1526">
        <v>87.607066115370856</v>
      </c>
      <c r="E1526">
        <v>526</v>
      </c>
      <c r="G1526">
        <v>86.271470920634229</v>
      </c>
      <c r="H1526">
        <v>602</v>
      </c>
      <c r="J1526">
        <v>86.666940007349694</v>
      </c>
      <c r="K1526">
        <v>602</v>
      </c>
      <c r="M1526">
        <v>90.719022237824603</v>
      </c>
      <c r="N1526">
        <v>477</v>
      </c>
      <c r="P1526">
        <v>98.91463810780202</v>
      </c>
      <c r="Q1526">
        <v>245</v>
      </c>
    </row>
    <row r="1527" spans="4:17" x14ac:dyDescent="0.25">
      <c r="D1527">
        <v>87.586458493869884</v>
      </c>
      <c r="E1527">
        <v>526</v>
      </c>
      <c r="G1527">
        <v>86.261230449498484</v>
      </c>
      <c r="H1527">
        <v>602</v>
      </c>
      <c r="J1527">
        <v>86.660428666017424</v>
      </c>
      <c r="K1527">
        <v>602</v>
      </c>
      <c r="M1527">
        <v>90.709354502801432</v>
      </c>
      <c r="N1527">
        <v>477</v>
      </c>
      <c r="P1527">
        <v>98.910371681744905</v>
      </c>
      <c r="Q1527">
        <v>245</v>
      </c>
    </row>
    <row r="1528" spans="4:17" x14ac:dyDescent="0.25">
      <c r="D1528">
        <v>87.566299751253069</v>
      </c>
      <c r="E1528">
        <v>526</v>
      </c>
      <c r="G1528">
        <v>86.250976747779845</v>
      </c>
      <c r="H1528">
        <v>603</v>
      </c>
      <c r="J1528">
        <v>86.6535714096769</v>
      </c>
      <c r="K1528">
        <v>603</v>
      </c>
      <c r="M1528">
        <v>90.699686767778246</v>
      </c>
      <c r="N1528">
        <v>478</v>
      </c>
      <c r="P1528">
        <v>98.906802246083245</v>
      </c>
      <c r="Q1528">
        <v>245</v>
      </c>
    </row>
    <row r="1529" spans="4:17" x14ac:dyDescent="0.25">
      <c r="D1529">
        <v>87.545692129752112</v>
      </c>
      <c r="E1529">
        <v>527</v>
      </c>
      <c r="G1529">
        <v>86.240736276644085</v>
      </c>
      <c r="H1529">
        <v>603</v>
      </c>
      <c r="J1529">
        <v>86.64672432730724</v>
      </c>
      <c r="K1529">
        <v>603</v>
      </c>
      <c r="M1529">
        <v>90.690413878368645</v>
      </c>
      <c r="N1529">
        <v>478</v>
      </c>
      <c r="P1529">
        <v>98.903253931342633</v>
      </c>
      <c r="Q1529">
        <v>246</v>
      </c>
    </row>
    <row r="1530" spans="4:17" x14ac:dyDescent="0.25">
      <c r="D1530">
        <v>87.525533387135326</v>
      </c>
      <c r="E1530">
        <v>527</v>
      </c>
      <c r="G1530">
        <v>86.230482574925446</v>
      </c>
      <c r="H1530">
        <v>604</v>
      </c>
      <c r="J1530">
        <v>86.639867070966702</v>
      </c>
      <c r="K1530">
        <v>603</v>
      </c>
      <c r="M1530">
        <v>90.680746143345459</v>
      </c>
      <c r="N1530">
        <v>478</v>
      </c>
      <c r="P1530">
        <v>98.898987505285504</v>
      </c>
      <c r="Q1530">
        <v>246</v>
      </c>
    </row>
    <row r="1531" spans="4:17" x14ac:dyDescent="0.25">
      <c r="D1531">
        <v>87.505837125793136</v>
      </c>
      <c r="E1531">
        <v>528</v>
      </c>
      <c r="G1531">
        <v>86.220242103789687</v>
      </c>
      <c r="H1531">
        <v>604</v>
      </c>
      <c r="J1531">
        <v>86.633019988597027</v>
      </c>
      <c r="K1531">
        <v>604</v>
      </c>
      <c r="M1531">
        <v>90.671473253935858</v>
      </c>
      <c r="N1531">
        <v>479</v>
      </c>
      <c r="P1531">
        <v>98.89543919054492</v>
      </c>
      <c r="Q1531">
        <v>246</v>
      </c>
    </row>
    <row r="1532" spans="4:17" x14ac:dyDescent="0.25">
      <c r="D1532">
        <v>87.485678383176364</v>
      </c>
      <c r="E1532">
        <v>528</v>
      </c>
      <c r="G1532">
        <v>86.209988402071076</v>
      </c>
      <c r="H1532">
        <v>605</v>
      </c>
      <c r="J1532">
        <v>86.625826991219043</v>
      </c>
      <c r="K1532">
        <v>604</v>
      </c>
      <c r="M1532">
        <v>90.661805518912686</v>
      </c>
      <c r="N1532">
        <v>479</v>
      </c>
      <c r="P1532">
        <v>98.89186975488326</v>
      </c>
      <c r="Q1532">
        <v>247</v>
      </c>
    </row>
    <row r="1533" spans="4:17" x14ac:dyDescent="0.25">
      <c r="D1533">
        <v>87.465519640559563</v>
      </c>
      <c r="E1533">
        <v>529</v>
      </c>
      <c r="G1533">
        <v>86.199747930935317</v>
      </c>
      <c r="H1533">
        <v>605</v>
      </c>
      <c r="J1533">
        <v>86.618633993841101</v>
      </c>
      <c r="K1533">
        <v>605</v>
      </c>
      <c r="M1533">
        <v>90.652544594521672</v>
      </c>
      <c r="N1533">
        <v>480</v>
      </c>
      <c r="P1533">
        <v>98.888321440142661</v>
      </c>
      <c r="Q1533">
        <v>247</v>
      </c>
    </row>
    <row r="1534" spans="4:17" x14ac:dyDescent="0.25">
      <c r="D1534">
        <v>87.445374500333202</v>
      </c>
      <c r="E1534">
        <v>529</v>
      </c>
      <c r="G1534">
        <v>86.189494229216677</v>
      </c>
      <c r="H1534">
        <v>605</v>
      </c>
      <c r="J1534">
        <v>86.611430822492281</v>
      </c>
      <c r="K1534">
        <v>605</v>
      </c>
      <c r="M1534">
        <v>90.642876859498486</v>
      </c>
      <c r="N1534">
        <v>480</v>
      </c>
      <c r="P1534">
        <v>98.884752004481015</v>
      </c>
      <c r="Q1534">
        <v>247</v>
      </c>
    </row>
    <row r="1535" spans="4:17" x14ac:dyDescent="0.25">
      <c r="D1535">
        <v>87.425678238990997</v>
      </c>
      <c r="E1535">
        <v>529</v>
      </c>
      <c r="G1535">
        <v>86.179690367315388</v>
      </c>
      <c r="H1535">
        <v>606</v>
      </c>
      <c r="J1535">
        <v>86.604237825114325</v>
      </c>
      <c r="K1535">
        <v>605</v>
      </c>
      <c r="M1535">
        <v>90.633603970088885</v>
      </c>
      <c r="N1535">
        <v>481</v>
      </c>
      <c r="P1535">
        <v>98.881921801056976</v>
      </c>
      <c r="Q1535">
        <v>248</v>
      </c>
    </row>
    <row r="1536" spans="4:17" x14ac:dyDescent="0.25">
      <c r="D1536">
        <v>87.406430856533007</v>
      </c>
      <c r="E1536">
        <v>530</v>
      </c>
      <c r="G1536">
        <v>86.169449896179614</v>
      </c>
      <c r="H1536">
        <v>606</v>
      </c>
      <c r="J1536">
        <v>86.597044827736383</v>
      </c>
      <c r="K1536">
        <v>606</v>
      </c>
      <c r="M1536">
        <v>90.624331080679283</v>
      </c>
      <c r="N1536">
        <v>481</v>
      </c>
      <c r="P1536">
        <v>98.87835236539533</v>
      </c>
      <c r="Q1536">
        <v>248</v>
      </c>
    </row>
    <row r="1537" spans="4:17" x14ac:dyDescent="0.25">
      <c r="D1537">
        <v>87.386734595190831</v>
      </c>
      <c r="E1537">
        <v>530</v>
      </c>
      <c r="G1537">
        <v>86.159646034278325</v>
      </c>
      <c r="H1537">
        <v>607</v>
      </c>
      <c r="J1537">
        <v>86.590197745366666</v>
      </c>
      <c r="K1537">
        <v>606</v>
      </c>
      <c r="M1537">
        <v>90.615070156288269</v>
      </c>
      <c r="N1537">
        <v>481</v>
      </c>
      <c r="P1537">
        <v>98.874085939338158</v>
      </c>
      <c r="Q1537">
        <v>248</v>
      </c>
    </row>
    <row r="1538" spans="4:17" x14ac:dyDescent="0.25">
      <c r="D1538">
        <v>87.36750081512325</v>
      </c>
      <c r="E1538">
        <v>531</v>
      </c>
      <c r="G1538">
        <v>86.149842172377035</v>
      </c>
      <c r="H1538">
        <v>607</v>
      </c>
      <c r="J1538">
        <v>86.582994574017889</v>
      </c>
      <c r="K1538">
        <v>607</v>
      </c>
      <c r="M1538">
        <v>90.605797266878653</v>
      </c>
      <c r="N1538">
        <v>482</v>
      </c>
      <c r="P1538">
        <v>98.870537624597603</v>
      </c>
      <c r="Q1538">
        <v>249</v>
      </c>
    </row>
    <row r="1539" spans="4:17" x14ac:dyDescent="0.25">
      <c r="D1539">
        <v>87.348267035055684</v>
      </c>
      <c r="E1539">
        <v>531</v>
      </c>
      <c r="G1539">
        <v>86.140038310475745</v>
      </c>
      <c r="H1539">
        <v>607</v>
      </c>
      <c r="J1539">
        <v>86.576147491648186</v>
      </c>
      <c r="K1539">
        <v>607</v>
      </c>
      <c r="M1539">
        <v>90.596129531855468</v>
      </c>
      <c r="N1539">
        <v>482</v>
      </c>
      <c r="P1539">
        <v>98.866989309857018</v>
      </c>
      <c r="Q1539">
        <v>249</v>
      </c>
    </row>
    <row r="1540" spans="4:17" x14ac:dyDescent="0.25">
      <c r="D1540">
        <v>87.32901965259768</v>
      </c>
      <c r="E1540">
        <v>531</v>
      </c>
      <c r="G1540">
        <v>86.130234448574441</v>
      </c>
      <c r="H1540">
        <v>608</v>
      </c>
      <c r="J1540">
        <v>86.569290235307662</v>
      </c>
      <c r="K1540">
        <v>608</v>
      </c>
      <c r="M1540">
        <v>90.586868607464481</v>
      </c>
      <c r="N1540">
        <v>483</v>
      </c>
      <c r="P1540">
        <v>98.8627017628788</v>
      </c>
      <c r="Q1540">
        <v>249</v>
      </c>
    </row>
    <row r="1541" spans="4:17" x14ac:dyDescent="0.25">
      <c r="D1541">
        <v>87.309785872530085</v>
      </c>
      <c r="E1541">
        <v>532</v>
      </c>
      <c r="G1541">
        <v>86.120430586673152</v>
      </c>
      <c r="H1541">
        <v>608</v>
      </c>
      <c r="J1541">
        <v>86.562443152938002</v>
      </c>
      <c r="K1541">
        <v>608</v>
      </c>
      <c r="M1541">
        <v>90.578002528687037</v>
      </c>
      <c r="N1541">
        <v>483</v>
      </c>
      <c r="P1541">
        <v>98.859153448138215</v>
      </c>
      <c r="Q1541">
        <v>250</v>
      </c>
    </row>
    <row r="1542" spans="4:17" x14ac:dyDescent="0.25">
      <c r="D1542">
        <v>87.291000971346705</v>
      </c>
      <c r="E1542">
        <v>532</v>
      </c>
      <c r="G1542">
        <v>86.111076564589197</v>
      </c>
      <c r="H1542">
        <v>609</v>
      </c>
      <c r="J1542">
        <v>86.555585896597464</v>
      </c>
      <c r="K1542">
        <v>608</v>
      </c>
      <c r="M1542">
        <v>90.568334793663851</v>
      </c>
      <c r="N1542">
        <v>483</v>
      </c>
      <c r="P1542">
        <v>98.854887022081073</v>
      </c>
      <c r="Q1542">
        <v>250</v>
      </c>
    </row>
    <row r="1543" spans="4:17" x14ac:dyDescent="0.25">
      <c r="D1543">
        <v>87.271767191279125</v>
      </c>
      <c r="E1543">
        <v>533</v>
      </c>
      <c r="G1543">
        <v>86.101272702687908</v>
      </c>
      <c r="H1543">
        <v>609</v>
      </c>
      <c r="J1543">
        <v>86.548392899219508</v>
      </c>
      <c r="K1543">
        <v>609</v>
      </c>
      <c r="M1543">
        <v>90.559061904254236</v>
      </c>
      <c r="N1543">
        <v>484</v>
      </c>
      <c r="P1543">
        <v>98.851338707340503</v>
      </c>
      <c r="Q1543">
        <v>250</v>
      </c>
    </row>
    <row r="1544" spans="4:17" x14ac:dyDescent="0.25">
      <c r="D1544">
        <v>87.252519808821134</v>
      </c>
      <c r="E1544">
        <v>533</v>
      </c>
      <c r="G1544">
        <v>86.091468840786604</v>
      </c>
      <c r="H1544">
        <v>610</v>
      </c>
      <c r="J1544">
        <v>86.541545816849805</v>
      </c>
      <c r="K1544">
        <v>609</v>
      </c>
      <c r="M1544">
        <v>90.549800979863221</v>
      </c>
      <c r="N1544">
        <v>484</v>
      </c>
      <c r="P1544">
        <v>98.84707228128336</v>
      </c>
      <c r="Q1544">
        <v>251</v>
      </c>
    </row>
    <row r="1545" spans="4:17" x14ac:dyDescent="0.25">
      <c r="D1545">
        <v>87.23328602875354</v>
      </c>
      <c r="E1545">
        <v>534</v>
      </c>
      <c r="G1545">
        <v>86.08167820946818</v>
      </c>
      <c r="H1545">
        <v>610</v>
      </c>
      <c r="J1545">
        <v>86.535034475517577</v>
      </c>
      <c r="K1545">
        <v>610</v>
      </c>
      <c r="M1545">
        <v>90.540528090453634</v>
      </c>
      <c r="N1545">
        <v>485</v>
      </c>
      <c r="P1545">
        <v>98.843502845621686</v>
      </c>
      <c r="Q1545">
        <v>251</v>
      </c>
    </row>
    <row r="1546" spans="4:17" x14ac:dyDescent="0.25">
      <c r="D1546">
        <v>87.214501127570159</v>
      </c>
      <c r="E1546">
        <v>534</v>
      </c>
      <c r="G1546">
        <v>86.07187434756689</v>
      </c>
      <c r="H1546">
        <v>610</v>
      </c>
      <c r="J1546">
        <v>86.528177219177053</v>
      </c>
      <c r="K1546">
        <v>610</v>
      </c>
      <c r="M1546">
        <v>90.531255201044019</v>
      </c>
      <c r="N1546">
        <v>485</v>
      </c>
      <c r="P1546">
        <v>98.839236419564571</v>
      </c>
      <c r="Q1546">
        <v>251</v>
      </c>
    </row>
    <row r="1547" spans="4:17" x14ac:dyDescent="0.25">
      <c r="D1547">
        <v>87.195267347502579</v>
      </c>
      <c r="E1547">
        <v>534</v>
      </c>
      <c r="G1547">
        <v>86.062520325482936</v>
      </c>
      <c r="H1547">
        <v>611</v>
      </c>
      <c r="J1547">
        <v>86.52167605181566</v>
      </c>
      <c r="K1547">
        <v>610</v>
      </c>
      <c r="M1547">
        <v>90.52199427665299</v>
      </c>
      <c r="N1547">
        <v>486</v>
      </c>
      <c r="P1547">
        <v>98.835688104823959</v>
      </c>
      <c r="Q1547">
        <v>252</v>
      </c>
    </row>
    <row r="1548" spans="4:17" x14ac:dyDescent="0.25">
      <c r="D1548">
        <v>87.176033567435013</v>
      </c>
      <c r="E1548">
        <v>535</v>
      </c>
      <c r="G1548">
        <v>86.052716463581632</v>
      </c>
      <c r="H1548">
        <v>611</v>
      </c>
      <c r="J1548">
        <v>86.514818795475122</v>
      </c>
      <c r="K1548">
        <v>611</v>
      </c>
      <c r="M1548">
        <v>90.51312819787556</v>
      </c>
      <c r="N1548">
        <v>486</v>
      </c>
      <c r="P1548">
        <v>98.831421678766844</v>
      </c>
      <c r="Q1548">
        <v>252</v>
      </c>
    </row>
    <row r="1549" spans="4:17" x14ac:dyDescent="0.25">
      <c r="D1549">
        <v>87.157248666251618</v>
      </c>
      <c r="E1549">
        <v>535</v>
      </c>
      <c r="G1549">
        <v>86.043362441497663</v>
      </c>
      <c r="H1549">
        <v>612</v>
      </c>
      <c r="J1549">
        <v>86.508307454142866</v>
      </c>
      <c r="K1549">
        <v>611</v>
      </c>
      <c r="M1549">
        <v>90.503867273484545</v>
      </c>
      <c r="N1549">
        <v>486</v>
      </c>
      <c r="P1549">
        <v>98.82785224310517</v>
      </c>
      <c r="Q1549">
        <v>252</v>
      </c>
    </row>
    <row r="1550" spans="4:17" x14ac:dyDescent="0.25">
      <c r="D1550">
        <v>87.137552404909428</v>
      </c>
      <c r="E1550">
        <v>536</v>
      </c>
      <c r="G1550">
        <v>86.033995188830843</v>
      </c>
      <c r="H1550">
        <v>612</v>
      </c>
      <c r="J1550">
        <v>86.501460371773192</v>
      </c>
      <c r="K1550">
        <v>612</v>
      </c>
      <c r="M1550">
        <v>90.494594384074944</v>
      </c>
      <c r="N1550">
        <v>487</v>
      </c>
      <c r="P1550">
        <v>98.823585817048055</v>
      </c>
      <c r="Q1550">
        <v>253</v>
      </c>
    </row>
    <row r="1551" spans="4:17" x14ac:dyDescent="0.25">
      <c r="D1551">
        <v>87.117856143567238</v>
      </c>
      <c r="E1551">
        <v>536</v>
      </c>
      <c r="G1551">
        <v>86.024641166746889</v>
      </c>
      <c r="H1551">
        <v>612</v>
      </c>
      <c r="J1551">
        <v>86.494603115432653</v>
      </c>
      <c r="K1551">
        <v>612</v>
      </c>
      <c r="M1551">
        <v>90.485333459683929</v>
      </c>
      <c r="N1551">
        <v>487</v>
      </c>
      <c r="P1551">
        <v>98.820037502307457</v>
      </c>
      <c r="Q1551">
        <v>253</v>
      </c>
    </row>
    <row r="1552" spans="4:17" x14ac:dyDescent="0.25">
      <c r="D1552">
        <v>87.098622363499672</v>
      </c>
      <c r="E1552">
        <v>536</v>
      </c>
      <c r="G1552">
        <v>86.014837304845599</v>
      </c>
      <c r="H1552">
        <v>613</v>
      </c>
      <c r="J1552">
        <v>86.488091774100411</v>
      </c>
      <c r="K1552">
        <v>613</v>
      </c>
      <c r="M1552">
        <v>90.475653759642157</v>
      </c>
      <c r="N1552">
        <v>488</v>
      </c>
      <c r="P1552">
        <v>98.815771076250314</v>
      </c>
      <c r="Q1552">
        <v>253</v>
      </c>
    </row>
    <row r="1553" spans="4:17" x14ac:dyDescent="0.25">
      <c r="D1553">
        <v>87.079374981041667</v>
      </c>
      <c r="E1553">
        <v>537</v>
      </c>
      <c r="G1553">
        <v>86.005483282761645</v>
      </c>
      <c r="H1553">
        <v>613</v>
      </c>
      <c r="J1553">
        <v>86.481244691730723</v>
      </c>
      <c r="K1553">
        <v>613</v>
      </c>
      <c r="M1553">
        <v>90.466392835251142</v>
      </c>
      <c r="N1553">
        <v>488</v>
      </c>
      <c r="P1553">
        <v>98.8115046501932</v>
      </c>
      <c r="Q1553">
        <v>254</v>
      </c>
    </row>
    <row r="1554" spans="4:17" x14ac:dyDescent="0.25">
      <c r="D1554">
        <v>87.060603682248711</v>
      </c>
      <c r="E1554">
        <v>537</v>
      </c>
      <c r="G1554">
        <v>85.996129260677677</v>
      </c>
      <c r="H1554">
        <v>614</v>
      </c>
      <c r="J1554">
        <v>86.474733350398495</v>
      </c>
      <c r="K1554">
        <v>613</v>
      </c>
      <c r="M1554">
        <v>90.45672510022797</v>
      </c>
      <c r="N1554">
        <v>488</v>
      </c>
      <c r="P1554">
        <v>98.80793521453154</v>
      </c>
      <c r="Q1554">
        <v>254</v>
      </c>
    </row>
    <row r="1555" spans="4:17" x14ac:dyDescent="0.25">
      <c r="D1555">
        <v>87.041818781065317</v>
      </c>
      <c r="E1555">
        <v>538</v>
      </c>
      <c r="G1555">
        <v>85.986775238593722</v>
      </c>
      <c r="H1555">
        <v>614</v>
      </c>
      <c r="J1555">
        <v>86.468222009066238</v>
      </c>
      <c r="K1555">
        <v>614</v>
      </c>
      <c r="M1555">
        <v>90.447452210818355</v>
      </c>
      <c r="N1555">
        <v>489</v>
      </c>
      <c r="P1555">
        <v>98.803668788474397</v>
      </c>
      <c r="Q1555">
        <v>254</v>
      </c>
    </row>
    <row r="1556" spans="4:17" x14ac:dyDescent="0.25">
      <c r="D1556">
        <v>87.023033879881922</v>
      </c>
      <c r="E1556">
        <v>538</v>
      </c>
      <c r="G1556">
        <v>85.977421216509768</v>
      </c>
      <c r="H1556">
        <v>615</v>
      </c>
      <c r="J1556">
        <v>86.461710667733982</v>
      </c>
      <c r="K1556">
        <v>614</v>
      </c>
      <c r="M1556">
        <v>90.438191286427354</v>
      </c>
      <c r="N1556">
        <v>489</v>
      </c>
      <c r="P1556">
        <v>98.800120473733813</v>
      </c>
      <c r="Q1556">
        <v>255</v>
      </c>
    </row>
    <row r="1557" spans="4:17" x14ac:dyDescent="0.25">
      <c r="D1557">
        <v>87.004711459973123</v>
      </c>
      <c r="E1557">
        <v>539</v>
      </c>
      <c r="G1557">
        <v>85.968053963842948</v>
      </c>
      <c r="H1557">
        <v>615</v>
      </c>
      <c r="J1557">
        <v>86.455199326401754</v>
      </c>
      <c r="K1557">
        <v>615</v>
      </c>
      <c r="M1557">
        <v>90.428918397017739</v>
      </c>
      <c r="N1557">
        <v>490</v>
      </c>
      <c r="P1557">
        <v>98.795854047676684</v>
      </c>
      <c r="Q1557">
        <v>255</v>
      </c>
    </row>
    <row r="1558" spans="4:17" x14ac:dyDescent="0.25">
      <c r="D1558">
        <v>86.986851521338977</v>
      </c>
      <c r="E1558">
        <v>539</v>
      </c>
      <c r="G1558">
        <v>85.958699941758979</v>
      </c>
      <c r="H1558">
        <v>615</v>
      </c>
      <c r="J1558">
        <v>86.448698159040333</v>
      </c>
      <c r="K1558">
        <v>615</v>
      </c>
      <c r="M1558">
        <v>90.420052318240295</v>
      </c>
      <c r="N1558">
        <v>490</v>
      </c>
      <c r="P1558">
        <v>98.791587621619541</v>
      </c>
      <c r="Q1558">
        <v>255</v>
      </c>
    </row>
    <row r="1559" spans="4:17" x14ac:dyDescent="0.25">
      <c r="D1559">
        <v>86.968529101430164</v>
      </c>
      <c r="E1559">
        <v>539</v>
      </c>
      <c r="G1559">
        <v>85.949795759492361</v>
      </c>
      <c r="H1559">
        <v>616</v>
      </c>
      <c r="J1559">
        <v>86.441840902699809</v>
      </c>
      <c r="K1559">
        <v>615</v>
      </c>
      <c r="M1559">
        <v>90.411186239462864</v>
      </c>
      <c r="N1559">
        <v>491</v>
      </c>
      <c r="P1559">
        <v>98.786603084245854</v>
      </c>
      <c r="Q1559">
        <v>256</v>
      </c>
    </row>
    <row r="1560" spans="4:17" x14ac:dyDescent="0.25">
      <c r="D1560">
        <v>86.950206681521365</v>
      </c>
      <c r="E1560">
        <v>540</v>
      </c>
      <c r="G1560">
        <v>85.940441737408392</v>
      </c>
      <c r="H1560">
        <v>616</v>
      </c>
      <c r="J1560">
        <v>86.434647905321853</v>
      </c>
      <c r="K1560">
        <v>616</v>
      </c>
      <c r="M1560">
        <v>90.401925315071836</v>
      </c>
      <c r="N1560">
        <v>491</v>
      </c>
      <c r="P1560">
        <v>98.782336658188726</v>
      </c>
      <c r="Q1560">
        <v>256</v>
      </c>
    </row>
    <row r="1561" spans="4:17" x14ac:dyDescent="0.25">
      <c r="D1561">
        <v>86.931421780337999</v>
      </c>
      <c r="E1561">
        <v>540</v>
      </c>
      <c r="G1561">
        <v>85.931074484741572</v>
      </c>
      <c r="H1561">
        <v>617</v>
      </c>
      <c r="J1561">
        <v>86.427790648981329</v>
      </c>
      <c r="K1561">
        <v>616</v>
      </c>
      <c r="M1561">
        <v>90.393059236294405</v>
      </c>
      <c r="N1561">
        <v>491</v>
      </c>
      <c r="P1561">
        <v>98.778070232131597</v>
      </c>
      <c r="Q1561">
        <v>256</v>
      </c>
    </row>
    <row r="1562" spans="4:17" x14ac:dyDescent="0.25">
      <c r="D1562">
        <v>86.913561841703824</v>
      </c>
      <c r="E1562">
        <v>541</v>
      </c>
      <c r="G1562">
        <v>85.921720462657603</v>
      </c>
      <c r="H1562">
        <v>617</v>
      </c>
      <c r="J1562">
        <v>86.420943566611626</v>
      </c>
      <c r="K1562">
        <v>617</v>
      </c>
      <c r="M1562">
        <v>90.384193157516961</v>
      </c>
      <c r="N1562">
        <v>492</v>
      </c>
      <c r="P1562">
        <v>98.774521917391013</v>
      </c>
      <c r="Q1562">
        <v>257</v>
      </c>
    </row>
    <row r="1563" spans="4:17" x14ac:dyDescent="0.25">
      <c r="D1563">
        <v>86.896150781953835</v>
      </c>
      <c r="E1563">
        <v>541</v>
      </c>
      <c r="G1563">
        <v>85.912366440573649</v>
      </c>
      <c r="H1563">
        <v>617</v>
      </c>
      <c r="J1563">
        <v>86.414086310271117</v>
      </c>
      <c r="K1563">
        <v>617</v>
      </c>
      <c r="M1563">
        <v>90.374920268107346</v>
      </c>
      <c r="N1563">
        <v>492</v>
      </c>
      <c r="P1563">
        <v>98.770952481729353</v>
      </c>
      <c r="Q1563">
        <v>257</v>
      </c>
    </row>
    <row r="1564" spans="4:17" x14ac:dyDescent="0.25">
      <c r="D1564">
        <v>86.878290843319633</v>
      </c>
      <c r="E1564">
        <v>541</v>
      </c>
      <c r="G1564">
        <v>85.903012418489695</v>
      </c>
      <c r="H1564">
        <v>618</v>
      </c>
      <c r="J1564">
        <v>86.407239227901428</v>
      </c>
      <c r="K1564">
        <v>618</v>
      </c>
      <c r="M1564">
        <v>90.366066154348488</v>
      </c>
      <c r="N1564">
        <v>493</v>
      </c>
      <c r="P1564">
        <v>98.766686055672224</v>
      </c>
      <c r="Q1564">
        <v>257</v>
      </c>
    </row>
    <row r="1565" spans="4:17" x14ac:dyDescent="0.25">
      <c r="D1565">
        <v>86.860879783569658</v>
      </c>
      <c r="E1565">
        <v>542</v>
      </c>
      <c r="G1565">
        <v>85.893658396405755</v>
      </c>
      <c r="H1565">
        <v>618</v>
      </c>
      <c r="J1565">
        <v>86.400046230523472</v>
      </c>
      <c r="K1565">
        <v>618</v>
      </c>
      <c r="M1565">
        <v>90.357200075571043</v>
      </c>
      <c r="N1565">
        <v>493</v>
      </c>
      <c r="P1565">
        <v>98.763137740931612</v>
      </c>
      <c r="Q1565">
        <v>258</v>
      </c>
    </row>
    <row r="1566" spans="4:17" x14ac:dyDescent="0.25">
      <c r="D1566">
        <v>86.84393120509425</v>
      </c>
      <c r="E1566">
        <v>542</v>
      </c>
      <c r="G1566">
        <v>85.884291143738906</v>
      </c>
      <c r="H1566">
        <v>619</v>
      </c>
      <c r="J1566">
        <v>86.393188974182948</v>
      </c>
      <c r="K1566">
        <v>618</v>
      </c>
      <c r="M1566">
        <v>90.348333996793599</v>
      </c>
      <c r="N1566">
        <v>493</v>
      </c>
      <c r="P1566">
        <v>98.758871314874483</v>
      </c>
      <c r="Q1566">
        <v>258</v>
      </c>
    </row>
    <row r="1567" spans="4:17" x14ac:dyDescent="0.25">
      <c r="D1567">
        <v>86.826982626618872</v>
      </c>
      <c r="E1567">
        <v>543</v>
      </c>
      <c r="G1567">
        <v>85.875386961472287</v>
      </c>
      <c r="H1567">
        <v>619</v>
      </c>
      <c r="J1567">
        <v>86.385995976804978</v>
      </c>
      <c r="K1567">
        <v>619</v>
      </c>
      <c r="M1567">
        <v>90.339467918016169</v>
      </c>
      <c r="N1567">
        <v>494</v>
      </c>
      <c r="P1567">
        <v>98.755301879212837</v>
      </c>
      <c r="Q1567">
        <v>258</v>
      </c>
    </row>
    <row r="1568" spans="4:17" x14ac:dyDescent="0.25">
      <c r="D1568">
        <v>86.810034048143493</v>
      </c>
      <c r="E1568">
        <v>543</v>
      </c>
      <c r="G1568">
        <v>85.866032939388319</v>
      </c>
      <c r="H1568">
        <v>620</v>
      </c>
      <c r="J1568">
        <v>86.378802979427022</v>
      </c>
      <c r="K1568">
        <v>619</v>
      </c>
      <c r="M1568">
        <v>90.330601839238724</v>
      </c>
      <c r="N1568">
        <v>494</v>
      </c>
      <c r="P1568">
        <v>98.751035453155694</v>
      </c>
      <c r="Q1568">
        <v>259</v>
      </c>
    </row>
    <row r="1569" spans="4:17" x14ac:dyDescent="0.25">
      <c r="D1569">
        <v>86.793085469668085</v>
      </c>
      <c r="E1569">
        <v>544</v>
      </c>
      <c r="G1569">
        <v>85.857115526538834</v>
      </c>
      <c r="H1569">
        <v>620</v>
      </c>
      <c r="J1569">
        <v>86.371609982049051</v>
      </c>
      <c r="K1569">
        <v>620</v>
      </c>
      <c r="M1569">
        <v>90.32173576046128</v>
      </c>
      <c r="N1569">
        <v>495</v>
      </c>
      <c r="P1569">
        <v>98.746769027098566</v>
      </c>
      <c r="Q1569">
        <v>259</v>
      </c>
    </row>
    <row r="1570" spans="4:17" x14ac:dyDescent="0.25">
      <c r="D1570">
        <v>86.776136891192706</v>
      </c>
      <c r="E1570">
        <v>544</v>
      </c>
      <c r="G1570">
        <v>85.848211344272215</v>
      </c>
      <c r="H1570">
        <v>620</v>
      </c>
      <c r="J1570">
        <v>86.364416984671081</v>
      </c>
      <c r="K1570">
        <v>620</v>
      </c>
      <c r="M1570">
        <v>90.312881646702436</v>
      </c>
      <c r="N1570">
        <v>495</v>
      </c>
      <c r="P1570">
        <v>98.742502601041437</v>
      </c>
      <c r="Q1570">
        <v>259</v>
      </c>
    </row>
    <row r="1571" spans="4:17" x14ac:dyDescent="0.25">
      <c r="D1571">
        <v>86.759188312717342</v>
      </c>
      <c r="E1571">
        <v>544</v>
      </c>
      <c r="G1571">
        <v>85.839293931422716</v>
      </c>
      <c r="H1571">
        <v>621</v>
      </c>
      <c r="J1571">
        <v>86.356878072284857</v>
      </c>
      <c r="K1571">
        <v>620</v>
      </c>
      <c r="M1571">
        <v>90.303608757292835</v>
      </c>
      <c r="N1571">
        <v>496</v>
      </c>
      <c r="P1571">
        <v>98.738236174984308</v>
      </c>
      <c r="Q1571">
        <v>260</v>
      </c>
    </row>
    <row r="1572" spans="4:17" x14ac:dyDescent="0.25">
      <c r="D1572">
        <v>86.742239734241949</v>
      </c>
      <c r="E1572">
        <v>545</v>
      </c>
      <c r="G1572">
        <v>85.830389749156083</v>
      </c>
      <c r="H1572">
        <v>621</v>
      </c>
      <c r="J1572">
        <v>86.349685074906873</v>
      </c>
      <c r="K1572">
        <v>621</v>
      </c>
      <c r="M1572">
        <v>90.294742678515377</v>
      </c>
      <c r="N1572">
        <v>496</v>
      </c>
      <c r="P1572">
        <v>98.733969748927151</v>
      </c>
      <c r="Q1572">
        <v>260</v>
      </c>
    </row>
    <row r="1573" spans="4:17" x14ac:dyDescent="0.25">
      <c r="D1573">
        <v>86.725291155766541</v>
      </c>
      <c r="E1573">
        <v>545</v>
      </c>
      <c r="G1573">
        <v>85.821922176123934</v>
      </c>
      <c r="H1573">
        <v>622</v>
      </c>
      <c r="J1573">
        <v>86.342827818566349</v>
      </c>
      <c r="K1573">
        <v>621</v>
      </c>
      <c r="M1573">
        <v>90.285481754124376</v>
      </c>
      <c r="N1573">
        <v>496</v>
      </c>
      <c r="P1573">
        <v>98.729703322870023</v>
      </c>
      <c r="Q1573">
        <v>260</v>
      </c>
    </row>
    <row r="1574" spans="4:17" x14ac:dyDescent="0.25">
      <c r="D1574">
        <v>86.708805058565773</v>
      </c>
      <c r="E1574">
        <v>546</v>
      </c>
      <c r="G1574">
        <v>85.813004763274435</v>
      </c>
      <c r="H1574">
        <v>622</v>
      </c>
      <c r="J1574">
        <v>86.335980736196689</v>
      </c>
      <c r="K1574">
        <v>622</v>
      </c>
      <c r="M1574">
        <v>90.276615675346932</v>
      </c>
      <c r="N1574">
        <v>497</v>
      </c>
      <c r="P1574">
        <v>98.725436896812909</v>
      </c>
      <c r="Q1574">
        <v>261</v>
      </c>
    </row>
    <row r="1575" spans="4:17" x14ac:dyDescent="0.25">
      <c r="D1575">
        <v>86.691856480090394</v>
      </c>
      <c r="E1575">
        <v>546</v>
      </c>
      <c r="G1575">
        <v>85.804550420825151</v>
      </c>
      <c r="H1575">
        <v>622</v>
      </c>
      <c r="J1575">
        <v>86.32912347985615</v>
      </c>
      <c r="K1575">
        <v>622</v>
      </c>
      <c r="M1575">
        <v>90.267342785937316</v>
      </c>
      <c r="N1575">
        <v>497</v>
      </c>
      <c r="P1575">
        <v>98.721170470755766</v>
      </c>
      <c r="Q1575">
        <v>261</v>
      </c>
    </row>
    <row r="1576" spans="4:17" x14ac:dyDescent="0.25">
      <c r="D1576">
        <v>86.675370382889596</v>
      </c>
      <c r="E1576">
        <v>546</v>
      </c>
      <c r="G1576">
        <v>85.796082847792988</v>
      </c>
      <c r="H1576">
        <v>623</v>
      </c>
      <c r="J1576">
        <v>86.322266223515626</v>
      </c>
      <c r="K1576">
        <v>623</v>
      </c>
      <c r="M1576">
        <v>90.258883517792043</v>
      </c>
      <c r="N1576">
        <v>498</v>
      </c>
      <c r="P1576">
        <v>98.716904044698637</v>
      </c>
      <c r="Q1576">
        <v>261</v>
      </c>
    </row>
    <row r="1577" spans="4:17" x14ac:dyDescent="0.25">
      <c r="D1577">
        <v>86.658870683298389</v>
      </c>
      <c r="E1577">
        <v>547</v>
      </c>
      <c r="G1577">
        <v>85.787165434943503</v>
      </c>
      <c r="H1577">
        <v>623</v>
      </c>
      <c r="J1577">
        <v>86.315419141145938</v>
      </c>
      <c r="K1577">
        <v>623</v>
      </c>
      <c r="M1577">
        <v>90.250017439014613</v>
      </c>
      <c r="N1577">
        <v>498</v>
      </c>
      <c r="P1577">
        <v>98.71263761864148</v>
      </c>
      <c r="Q1577">
        <v>262</v>
      </c>
    </row>
    <row r="1578" spans="4:17" x14ac:dyDescent="0.25">
      <c r="D1578">
        <v>86.642384586097634</v>
      </c>
      <c r="E1578">
        <v>547</v>
      </c>
      <c r="G1578">
        <v>85.77869786191134</v>
      </c>
      <c r="H1578">
        <v>624</v>
      </c>
      <c r="J1578">
        <v>86.30890779981371</v>
      </c>
      <c r="K1578">
        <v>623</v>
      </c>
      <c r="M1578">
        <v>90.241558170869311</v>
      </c>
      <c r="N1578">
        <v>498</v>
      </c>
      <c r="P1578">
        <v>98.708371192584352</v>
      </c>
      <c r="Q1578">
        <v>262</v>
      </c>
    </row>
    <row r="1579" spans="4:17" x14ac:dyDescent="0.25">
      <c r="D1579">
        <v>86.625436007622241</v>
      </c>
      <c r="E1579">
        <v>548</v>
      </c>
      <c r="G1579">
        <v>85.770243519462056</v>
      </c>
      <c r="H1579">
        <v>624</v>
      </c>
      <c r="J1579">
        <v>86.302060717444007</v>
      </c>
      <c r="K1579">
        <v>624</v>
      </c>
      <c r="M1579">
        <v>90.232692092091881</v>
      </c>
      <c r="N1579">
        <v>499</v>
      </c>
      <c r="P1579">
        <v>98.704822877843782</v>
      </c>
      <c r="Q1579">
        <v>262</v>
      </c>
    </row>
    <row r="1580" spans="4:17" x14ac:dyDescent="0.25">
      <c r="D1580">
        <v>86.608949910421458</v>
      </c>
      <c r="E1580">
        <v>548</v>
      </c>
      <c r="G1580">
        <v>85.761775946429893</v>
      </c>
      <c r="H1580">
        <v>625</v>
      </c>
      <c r="J1580">
        <v>86.295203461103497</v>
      </c>
      <c r="K1580">
        <v>624</v>
      </c>
      <c r="M1580">
        <v>90.224232823946608</v>
      </c>
      <c r="N1580">
        <v>499</v>
      </c>
      <c r="P1580">
        <v>98.700556451786625</v>
      </c>
      <c r="Q1580">
        <v>263</v>
      </c>
    </row>
    <row r="1581" spans="4:17" x14ac:dyDescent="0.25">
      <c r="D1581">
        <v>86.592450210830251</v>
      </c>
      <c r="E1581">
        <v>549</v>
      </c>
      <c r="G1581">
        <v>85.752858533580408</v>
      </c>
      <c r="H1581">
        <v>625</v>
      </c>
      <c r="J1581">
        <v>86.288692119771241</v>
      </c>
      <c r="K1581">
        <v>625</v>
      </c>
      <c r="M1581">
        <v>90.215366745169149</v>
      </c>
      <c r="N1581">
        <v>500</v>
      </c>
      <c r="P1581">
        <v>98.696268904808434</v>
      </c>
      <c r="Q1581">
        <v>263</v>
      </c>
    </row>
    <row r="1582" spans="4:17" x14ac:dyDescent="0.25">
      <c r="D1582">
        <v>86.575964113629468</v>
      </c>
      <c r="E1582">
        <v>549</v>
      </c>
      <c r="G1582">
        <v>85.744390960548259</v>
      </c>
      <c r="H1582">
        <v>625</v>
      </c>
      <c r="J1582">
        <v>86.281845037401567</v>
      </c>
      <c r="K1582">
        <v>625</v>
      </c>
      <c r="M1582">
        <v>90.206500666391705</v>
      </c>
      <c r="N1582">
        <v>500</v>
      </c>
      <c r="P1582">
        <v>98.692002478751306</v>
      </c>
      <c r="Q1582">
        <v>263</v>
      </c>
    </row>
    <row r="1583" spans="4:17" x14ac:dyDescent="0.25">
      <c r="D1583">
        <v>86.55992689531287</v>
      </c>
      <c r="E1583">
        <v>549</v>
      </c>
      <c r="G1583">
        <v>85.735936618098961</v>
      </c>
      <c r="H1583">
        <v>626</v>
      </c>
      <c r="J1583">
        <v>86.274987781061043</v>
      </c>
      <c r="K1583">
        <v>625</v>
      </c>
      <c r="M1583">
        <v>90.197634587614274</v>
      </c>
      <c r="N1583">
        <v>501</v>
      </c>
      <c r="P1583">
        <v>98.687736052694163</v>
      </c>
      <c r="Q1583">
        <v>264</v>
      </c>
    </row>
    <row r="1584" spans="4:17" x14ac:dyDescent="0.25">
      <c r="D1584">
        <v>86.543440798112101</v>
      </c>
      <c r="E1584">
        <v>550</v>
      </c>
      <c r="G1584">
        <v>85.727469045066812</v>
      </c>
      <c r="H1584">
        <v>626</v>
      </c>
      <c r="J1584">
        <v>86.26814069869134</v>
      </c>
      <c r="K1584">
        <v>626</v>
      </c>
      <c r="M1584">
        <v>90.189175319468987</v>
      </c>
      <c r="N1584">
        <v>501</v>
      </c>
      <c r="P1584">
        <v>98.683469626637034</v>
      </c>
      <c r="Q1584">
        <v>264</v>
      </c>
    </row>
    <row r="1585" spans="4:17" x14ac:dyDescent="0.25">
      <c r="D1585">
        <v>86.527417182185928</v>
      </c>
      <c r="E1585">
        <v>550</v>
      </c>
      <c r="G1585">
        <v>85.719001472034648</v>
      </c>
      <c r="H1585">
        <v>627</v>
      </c>
      <c r="J1585">
        <v>86.261283442350816</v>
      </c>
      <c r="K1585">
        <v>626</v>
      </c>
      <c r="M1585">
        <v>90.180309240691543</v>
      </c>
      <c r="N1585">
        <v>501</v>
      </c>
      <c r="P1585">
        <v>98.679203200579892</v>
      </c>
      <c r="Q1585">
        <v>264</v>
      </c>
    </row>
    <row r="1586" spans="4:17" x14ac:dyDescent="0.25">
      <c r="D1586">
        <v>86.511379963869345</v>
      </c>
      <c r="E1586">
        <v>551</v>
      </c>
      <c r="G1586">
        <v>85.710533899002499</v>
      </c>
      <c r="H1586">
        <v>627</v>
      </c>
      <c r="J1586">
        <v>86.254772101018588</v>
      </c>
      <c r="K1586">
        <v>627</v>
      </c>
      <c r="M1586">
        <v>90.171443161914098</v>
      </c>
      <c r="N1586">
        <v>502</v>
      </c>
      <c r="P1586">
        <v>98.675654885839322</v>
      </c>
      <c r="Q1586">
        <v>265</v>
      </c>
    </row>
    <row r="1587" spans="4:17" x14ac:dyDescent="0.25">
      <c r="D1587">
        <v>86.495342745552733</v>
      </c>
      <c r="E1587">
        <v>551</v>
      </c>
      <c r="G1587">
        <v>85.702066325970335</v>
      </c>
      <c r="H1587">
        <v>627</v>
      </c>
      <c r="J1587">
        <v>86.247925018648885</v>
      </c>
      <c r="K1587">
        <v>627</v>
      </c>
      <c r="M1587">
        <v>90.162589048155255</v>
      </c>
      <c r="N1587">
        <v>502</v>
      </c>
      <c r="P1587">
        <v>98.670670348465634</v>
      </c>
      <c r="Q1587">
        <v>265</v>
      </c>
    </row>
    <row r="1588" spans="4:17" x14ac:dyDescent="0.25">
      <c r="D1588">
        <v>86.47931912962656</v>
      </c>
      <c r="E1588">
        <v>551</v>
      </c>
      <c r="G1588">
        <v>85.693598752938186</v>
      </c>
      <c r="H1588">
        <v>628</v>
      </c>
      <c r="J1588">
        <v>86.240732021270929</v>
      </c>
      <c r="K1588">
        <v>628</v>
      </c>
      <c r="M1588">
        <v>90.15411781499138</v>
      </c>
      <c r="N1588">
        <v>503</v>
      </c>
      <c r="P1588">
        <v>98.666403922408492</v>
      </c>
      <c r="Q1588">
        <v>265</v>
      </c>
    </row>
    <row r="1589" spans="4:17" x14ac:dyDescent="0.25">
      <c r="D1589">
        <v>86.463281911309949</v>
      </c>
      <c r="E1589">
        <v>552</v>
      </c>
      <c r="G1589">
        <v>85.685581019723372</v>
      </c>
      <c r="H1589">
        <v>628</v>
      </c>
      <c r="J1589">
        <v>86.233539023892973</v>
      </c>
      <c r="K1589">
        <v>628</v>
      </c>
      <c r="M1589">
        <v>90.145263701232523</v>
      </c>
      <c r="N1589">
        <v>503</v>
      </c>
      <c r="P1589">
        <v>98.662137496351363</v>
      </c>
      <c r="Q1589">
        <v>266</v>
      </c>
    </row>
    <row r="1590" spans="4:17" x14ac:dyDescent="0.25">
      <c r="D1590">
        <v>86.447707174267961</v>
      </c>
      <c r="E1590">
        <v>552</v>
      </c>
      <c r="G1590">
        <v>85.677113446691209</v>
      </c>
      <c r="H1590">
        <v>629</v>
      </c>
      <c r="J1590">
        <v>86.226335852544167</v>
      </c>
      <c r="K1590">
        <v>628</v>
      </c>
      <c r="M1590">
        <v>90.136397622455078</v>
      </c>
      <c r="N1590">
        <v>503</v>
      </c>
      <c r="P1590">
        <v>98.657152958977676</v>
      </c>
      <c r="Q1590">
        <v>266</v>
      </c>
    </row>
    <row r="1591" spans="4:17" x14ac:dyDescent="0.25">
      <c r="D1591">
        <v>86.431669955951378</v>
      </c>
      <c r="E1591">
        <v>553</v>
      </c>
      <c r="G1591">
        <v>85.669095713476395</v>
      </c>
      <c r="H1591">
        <v>629</v>
      </c>
      <c r="J1591">
        <v>86.219488770174493</v>
      </c>
      <c r="K1591">
        <v>629</v>
      </c>
      <c r="M1591">
        <v>90.127938354309791</v>
      </c>
      <c r="N1591">
        <v>504</v>
      </c>
      <c r="P1591">
        <v>98.652886532920562</v>
      </c>
      <c r="Q1591">
        <v>266</v>
      </c>
    </row>
    <row r="1592" spans="4:17" x14ac:dyDescent="0.25">
      <c r="D1592">
        <v>86.41609521890939</v>
      </c>
      <c r="E1592">
        <v>553</v>
      </c>
      <c r="G1592">
        <v>85.660628140444217</v>
      </c>
      <c r="H1592">
        <v>630</v>
      </c>
      <c r="J1592">
        <v>86.212631513833969</v>
      </c>
      <c r="K1592">
        <v>629</v>
      </c>
      <c r="M1592">
        <v>90.119072275532361</v>
      </c>
      <c r="N1592">
        <v>504</v>
      </c>
      <c r="P1592">
        <v>98.64862010686339</v>
      </c>
      <c r="Q1592">
        <v>267</v>
      </c>
    </row>
    <row r="1593" spans="4:17" x14ac:dyDescent="0.25">
      <c r="D1593">
        <v>86.400520481867389</v>
      </c>
      <c r="E1593">
        <v>554</v>
      </c>
      <c r="G1593">
        <v>85.652610407229417</v>
      </c>
      <c r="H1593">
        <v>630</v>
      </c>
      <c r="J1593">
        <v>86.205784431464267</v>
      </c>
      <c r="K1593">
        <v>630</v>
      </c>
      <c r="M1593">
        <v>90.11020619675493</v>
      </c>
      <c r="N1593">
        <v>505</v>
      </c>
      <c r="P1593">
        <v>98.644353680806276</v>
      </c>
      <c r="Q1593">
        <v>267</v>
      </c>
    </row>
    <row r="1594" spans="4:17" x14ac:dyDescent="0.25">
      <c r="D1594">
        <v>86.38495934721584</v>
      </c>
      <c r="E1594">
        <v>554</v>
      </c>
      <c r="G1594">
        <v>85.644592674014589</v>
      </c>
      <c r="H1594">
        <v>630</v>
      </c>
      <c r="J1594">
        <v>86.198927175123742</v>
      </c>
      <c r="K1594">
        <v>630</v>
      </c>
      <c r="M1594">
        <v>90.101340117977472</v>
      </c>
      <c r="N1594">
        <v>505</v>
      </c>
      <c r="P1594">
        <v>98.640087254749147</v>
      </c>
      <c r="Q1594">
        <v>267</v>
      </c>
    </row>
    <row r="1595" spans="4:17" x14ac:dyDescent="0.25">
      <c r="D1595">
        <v>86.369384610173853</v>
      </c>
      <c r="E1595">
        <v>554</v>
      </c>
      <c r="G1595">
        <v>85.636125100982412</v>
      </c>
      <c r="H1595">
        <v>631</v>
      </c>
      <c r="J1595">
        <v>86.192080092754068</v>
      </c>
      <c r="K1595">
        <v>630</v>
      </c>
      <c r="M1595">
        <v>90.092880849832198</v>
      </c>
      <c r="N1595">
        <v>506</v>
      </c>
      <c r="P1595">
        <v>98.635820828692005</v>
      </c>
      <c r="Q1595">
        <v>268</v>
      </c>
    </row>
    <row r="1596" spans="4:17" x14ac:dyDescent="0.25">
      <c r="D1596">
        <v>86.353809873131866</v>
      </c>
      <c r="E1596">
        <v>555</v>
      </c>
      <c r="G1596">
        <v>85.628107367767598</v>
      </c>
      <c r="H1596">
        <v>631</v>
      </c>
      <c r="J1596">
        <v>86.185222836413558</v>
      </c>
      <c r="K1596">
        <v>631</v>
      </c>
      <c r="M1596">
        <v>90.084421581686911</v>
      </c>
      <c r="N1596">
        <v>506</v>
      </c>
      <c r="P1596">
        <v>98.631554402634876</v>
      </c>
      <c r="Q1596">
        <v>268</v>
      </c>
    </row>
    <row r="1597" spans="4:17" x14ac:dyDescent="0.25">
      <c r="D1597">
        <v>86.338684014974064</v>
      </c>
      <c r="E1597">
        <v>555</v>
      </c>
      <c r="G1597">
        <v>85.620089634552784</v>
      </c>
      <c r="H1597">
        <v>632</v>
      </c>
      <c r="J1597">
        <v>86.178375754043842</v>
      </c>
      <c r="K1597">
        <v>631</v>
      </c>
      <c r="M1597">
        <v>90.075555502909467</v>
      </c>
      <c r="N1597">
        <v>506</v>
      </c>
      <c r="P1597">
        <v>98.627287976577747</v>
      </c>
      <c r="Q1597">
        <v>268</v>
      </c>
    </row>
    <row r="1598" spans="4:17" x14ac:dyDescent="0.25">
      <c r="D1598">
        <v>86.323109277932076</v>
      </c>
      <c r="E1598">
        <v>556</v>
      </c>
      <c r="G1598">
        <v>85.612071901337956</v>
      </c>
      <c r="H1598">
        <v>632</v>
      </c>
      <c r="J1598">
        <v>86.171518497703332</v>
      </c>
      <c r="K1598">
        <v>632</v>
      </c>
      <c r="M1598">
        <v>90.067096234764193</v>
      </c>
      <c r="N1598">
        <v>507</v>
      </c>
      <c r="P1598">
        <v>98.622303439204046</v>
      </c>
      <c r="Q1598">
        <v>269</v>
      </c>
    </row>
    <row r="1599" spans="4:17" x14ac:dyDescent="0.25">
      <c r="D1599">
        <v>86.307997022164699</v>
      </c>
      <c r="E1599">
        <v>556</v>
      </c>
      <c r="G1599">
        <v>85.603604328305821</v>
      </c>
      <c r="H1599">
        <v>632</v>
      </c>
      <c r="J1599">
        <v>86.164671415333643</v>
      </c>
      <c r="K1599">
        <v>632</v>
      </c>
      <c r="M1599">
        <v>90.058625001600319</v>
      </c>
      <c r="N1599">
        <v>507</v>
      </c>
      <c r="P1599">
        <v>98.618037013146918</v>
      </c>
      <c r="Q1599">
        <v>269</v>
      </c>
    </row>
    <row r="1600" spans="4:17" x14ac:dyDescent="0.25">
      <c r="D1600">
        <v>86.292422285122711</v>
      </c>
      <c r="E1600">
        <v>556</v>
      </c>
      <c r="G1600">
        <v>85.595586595090992</v>
      </c>
      <c r="H1600">
        <v>633</v>
      </c>
      <c r="J1600">
        <v>86.157814158993133</v>
      </c>
      <c r="K1600">
        <v>633</v>
      </c>
      <c r="M1600">
        <v>90.050572544087203</v>
      </c>
      <c r="N1600">
        <v>508</v>
      </c>
      <c r="P1600">
        <v>98.613770587089803</v>
      </c>
      <c r="Q1600">
        <v>269</v>
      </c>
    </row>
    <row r="1601" spans="4:17" x14ac:dyDescent="0.25">
      <c r="D1601">
        <v>86.27684754808071</v>
      </c>
      <c r="E1601">
        <v>557</v>
      </c>
      <c r="G1601">
        <v>85.587568861876164</v>
      </c>
      <c r="H1601">
        <v>633</v>
      </c>
      <c r="J1601">
        <v>86.150621161615177</v>
      </c>
      <c r="K1601">
        <v>633</v>
      </c>
      <c r="M1601">
        <v>90.042113275941915</v>
      </c>
      <c r="N1601">
        <v>508</v>
      </c>
      <c r="P1601">
        <v>98.608786049716116</v>
      </c>
      <c r="Q1601">
        <v>270</v>
      </c>
    </row>
    <row r="1602" spans="4:17" x14ac:dyDescent="0.25">
      <c r="D1602">
        <v>86.261735292313332</v>
      </c>
      <c r="E1602">
        <v>557</v>
      </c>
      <c r="G1602">
        <v>85.579551128661336</v>
      </c>
      <c r="H1602">
        <v>634</v>
      </c>
      <c r="J1602">
        <v>86.143774079245475</v>
      </c>
      <c r="K1602">
        <v>633</v>
      </c>
      <c r="M1602">
        <v>90.033654007796642</v>
      </c>
      <c r="N1602">
        <v>508</v>
      </c>
      <c r="P1602">
        <v>98.604519623658987</v>
      </c>
      <c r="Q1602">
        <v>270</v>
      </c>
    </row>
    <row r="1603" spans="4:17" x14ac:dyDescent="0.25">
      <c r="D1603">
        <v>86.246623036545955</v>
      </c>
      <c r="E1603">
        <v>558</v>
      </c>
      <c r="G1603">
        <v>85.571520164863657</v>
      </c>
      <c r="H1603">
        <v>634</v>
      </c>
      <c r="J1603">
        <v>86.136570907896683</v>
      </c>
      <c r="K1603">
        <v>634</v>
      </c>
      <c r="M1603">
        <v>90.025182774632768</v>
      </c>
      <c r="N1603">
        <v>509</v>
      </c>
      <c r="P1603">
        <v>98.600253197601845</v>
      </c>
      <c r="Q1603">
        <v>270</v>
      </c>
    </row>
    <row r="1604" spans="4:17" x14ac:dyDescent="0.25">
      <c r="D1604">
        <v>86.231497178388139</v>
      </c>
      <c r="E1604">
        <v>558</v>
      </c>
      <c r="G1604">
        <v>85.56395227146615</v>
      </c>
      <c r="H1604">
        <v>635</v>
      </c>
      <c r="J1604">
        <v>86.129377910518727</v>
      </c>
      <c r="K1604">
        <v>634</v>
      </c>
      <c r="M1604">
        <v>90.01672350648748</v>
      </c>
      <c r="N1604">
        <v>509</v>
      </c>
      <c r="P1604">
        <v>98.595289781149248</v>
      </c>
      <c r="Q1604">
        <v>271</v>
      </c>
    </row>
    <row r="1605" spans="4:17" x14ac:dyDescent="0.25">
      <c r="D1605">
        <v>86.216847403895372</v>
      </c>
      <c r="E1605">
        <v>559</v>
      </c>
      <c r="G1605">
        <v>85.555934538251336</v>
      </c>
      <c r="H1605">
        <v>635</v>
      </c>
      <c r="J1605">
        <v>86.122530828149024</v>
      </c>
      <c r="K1605">
        <v>635</v>
      </c>
      <c r="M1605">
        <v>90.008264238342207</v>
      </c>
      <c r="N1605">
        <v>510</v>
      </c>
      <c r="P1605">
        <v>98.591023355092105</v>
      </c>
      <c r="Q1605">
        <v>271</v>
      </c>
    </row>
    <row r="1606" spans="4:17" x14ac:dyDescent="0.25">
      <c r="D1606">
        <v>86.20218402701218</v>
      </c>
      <c r="E1606">
        <v>559</v>
      </c>
      <c r="G1606">
        <v>85.547916805036522</v>
      </c>
      <c r="H1606">
        <v>635</v>
      </c>
      <c r="J1606">
        <v>86.1156735718085</v>
      </c>
      <c r="K1606">
        <v>635</v>
      </c>
      <c r="M1606">
        <v>89.999804970196934</v>
      </c>
      <c r="N1606">
        <v>510</v>
      </c>
      <c r="P1606">
        <v>98.586038817718432</v>
      </c>
      <c r="Q1606">
        <v>271</v>
      </c>
    </row>
    <row r="1607" spans="4:17" x14ac:dyDescent="0.25">
      <c r="D1607">
        <v>86.187071771244803</v>
      </c>
      <c r="E1607">
        <v>559</v>
      </c>
      <c r="G1607">
        <v>85.540335681056163</v>
      </c>
      <c r="H1607">
        <v>636</v>
      </c>
      <c r="J1607">
        <v>86.108480574430544</v>
      </c>
      <c r="K1607">
        <v>635</v>
      </c>
      <c r="M1607">
        <v>89.991345702051646</v>
      </c>
      <c r="N1607">
        <v>511</v>
      </c>
      <c r="P1607">
        <v>98.581772391661275</v>
      </c>
      <c r="Q1607">
        <v>272</v>
      </c>
    </row>
    <row r="1608" spans="4:17" x14ac:dyDescent="0.25">
      <c r="D1608">
        <v>86.172408394361582</v>
      </c>
      <c r="E1608">
        <v>560</v>
      </c>
      <c r="G1608">
        <v>85.53276778765867</v>
      </c>
      <c r="H1608">
        <v>636</v>
      </c>
      <c r="J1608">
        <v>86.10128757705256</v>
      </c>
      <c r="K1608">
        <v>636</v>
      </c>
      <c r="M1608">
        <v>89.982874468887772</v>
      </c>
      <c r="N1608">
        <v>511</v>
      </c>
      <c r="P1608">
        <v>98.577505965604146</v>
      </c>
      <c r="Q1608">
        <v>272</v>
      </c>
    </row>
    <row r="1609" spans="4:17" x14ac:dyDescent="0.25">
      <c r="D1609">
        <v>86.157758619868829</v>
      </c>
      <c r="E1609">
        <v>560</v>
      </c>
      <c r="G1609">
        <v>85.524750054443842</v>
      </c>
      <c r="H1609">
        <v>637</v>
      </c>
      <c r="J1609">
        <v>86.09443032071205</v>
      </c>
      <c r="K1609">
        <v>636</v>
      </c>
      <c r="M1609">
        <v>89.974415200742499</v>
      </c>
      <c r="N1609">
        <v>511</v>
      </c>
      <c r="P1609">
        <v>98.572521428230473</v>
      </c>
      <c r="Q1609">
        <v>272</v>
      </c>
    </row>
    <row r="1610" spans="4:17" x14ac:dyDescent="0.25">
      <c r="D1610">
        <v>86.143557724260233</v>
      </c>
      <c r="E1610">
        <v>561</v>
      </c>
      <c r="G1610">
        <v>85.517168930463498</v>
      </c>
      <c r="H1610">
        <v>637</v>
      </c>
      <c r="J1610">
        <v>86.087583238342361</v>
      </c>
      <c r="K1610">
        <v>637</v>
      </c>
      <c r="M1610">
        <v>89.966362743229382</v>
      </c>
      <c r="N1610">
        <v>512</v>
      </c>
      <c r="P1610">
        <v>98.5675368908568</v>
      </c>
      <c r="Q1610">
        <v>273</v>
      </c>
    </row>
    <row r="1611" spans="4:17" x14ac:dyDescent="0.25">
      <c r="D1611">
        <v>86.128894347377027</v>
      </c>
      <c r="E1611">
        <v>561</v>
      </c>
      <c r="G1611">
        <v>85.50960103706602</v>
      </c>
      <c r="H1611">
        <v>637</v>
      </c>
      <c r="J1611">
        <v>86.080725982001837</v>
      </c>
      <c r="K1611">
        <v>637</v>
      </c>
      <c r="M1611">
        <v>89.957903475084109</v>
      </c>
      <c r="N1611">
        <v>512</v>
      </c>
      <c r="P1611">
        <v>98.562552353483127</v>
      </c>
      <c r="Q1611">
        <v>273</v>
      </c>
    </row>
    <row r="1612" spans="4:17" x14ac:dyDescent="0.25">
      <c r="D1612">
        <v>86.11423097049385</v>
      </c>
      <c r="E1612">
        <v>561</v>
      </c>
      <c r="G1612">
        <v>85.501570073268326</v>
      </c>
      <c r="H1612">
        <v>638</v>
      </c>
      <c r="J1612">
        <v>86.074224814640417</v>
      </c>
      <c r="K1612">
        <v>638</v>
      </c>
      <c r="M1612">
        <v>89.949432241920206</v>
      </c>
      <c r="N1612">
        <v>513</v>
      </c>
      <c r="P1612">
        <v>98.55758893703053</v>
      </c>
      <c r="Q1612">
        <v>273</v>
      </c>
    </row>
    <row r="1613" spans="4:17" x14ac:dyDescent="0.25">
      <c r="D1613">
        <v>86.099581196001068</v>
      </c>
      <c r="E1613">
        <v>562</v>
      </c>
      <c r="G1613">
        <v>85.494002179870819</v>
      </c>
      <c r="H1613">
        <v>638</v>
      </c>
      <c r="J1613">
        <v>86.067713473308189</v>
      </c>
      <c r="K1613">
        <v>638</v>
      </c>
      <c r="M1613">
        <v>89.941379784407104</v>
      </c>
      <c r="N1613">
        <v>513</v>
      </c>
      <c r="P1613">
        <v>98.553322510973359</v>
      </c>
      <c r="Q1613">
        <v>274</v>
      </c>
    </row>
    <row r="1614" spans="4:17" x14ac:dyDescent="0.25">
      <c r="D1614">
        <v>86.085380300392472</v>
      </c>
      <c r="E1614">
        <v>562</v>
      </c>
      <c r="G1614">
        <v>85.485984446656005</v>
      </c>
      <c r="H1614">
        <v>639</v>
      </c>
      <c r="J1614">
        <v>86.061548046984214</v>
      </c>
      <c r="K1614">
        <v>638</v>
      </c>
      <c r="M1614">
        <v>89.932920516261831</v>
      </c>
      <c r="N1614">
        <v>513</v>
      </c>
      <c r="P1614">
        <v>98.5483379735997</v>
      </c>
      <c r="Q1614">
        <v>274</v>
      </c>
    </row>
    <row r="1615" spans="4:17" x14ac:dyDescent="0.25">
      <c r="D1615">
        <v>86.070716923509266</v>
      </c>
      <c r="E1615">
        <v>563</v>
      </c>
      <c r="G1615">
        <v>85.477966713441177</v>
      </c>
      <c r="H1615">
        <v>639</v>
      </c>
      <c r="J1615">
        <v>86.055036705651986</v>
      </c>
      <c r="K1615">
        <v>639</v>
      </c>
      <c r="M1615">
        <v>89.924856093730128</v>
      </c>
      <c r="N1615">
        <v>514</v>
      </c>
      <c r="P1615">
        <v>98.543353436226013</v>
      </c>
      <c r="Q1615">
        <v>274</v>
      </c>
    </row>
    <row r="1616" spans="4:17" x14ac:dyDescent="0.25">
      <c r="D1616">
        <v>86.05651602790067</v>
      </c>
      <c r="E1616">
        <v>563</v>
      </c>
      <c r="G1616">
        <v>85.470385589460847</v>
      </c>
      <c r="H1616">
        <v>640</v>
      </c>
      <c r="J1616">
        <v>86.048525364319715</v>
      </c>
      <c r="K1616">
        <v>639</v>
      </c>
      <c r="M1616">
        <v>89.916396825584854</v>
      </c>
      <c r="N1616">
        <v>514</v>
      </c>
      <c r="P1616">
        <v>98.539087010168885</v>
      </c>
      <c r="Q1616">
        <v>275</v>
      </c>
    </row>
    <row r="1617" spans="4:17" x14ac:dyDescent="0.25">
      <c r="D1617">
        <v>86.042315132292103</v>
      </c>
      <c r="E1617">
        <v>564</v>
      </c>
      <c r="G1617">
        <v>85.46281769606334</v>
      </c>
      <c r="H1617">
        <v>640</v>
      </c>
      <c r="J1617">
        <v>86.041668107979206</v>
      </c>
      <c r="K1617">
        <v>640</v>
      </c>
      <c r="M1617">
        <v>89.908344368071738</v>
      </c>
      <c r="N1617">
        <v>515</v>
      </c>
      <c r="P1617">
        <v>98.534102472795198</v>
      </c>
      <c r="Q1617">
        <v>275</v>
      </c>
    </row>
    <row r="1618" spans="4:17" x14ac:dyDescent="0.25">
      <c r="D1618">
        <v>86.028114236683507</v>
      </c>
      <c r="E1618">
        <v>564</v>
      </c>
      <c r="G1618">
        <v>85.455236572082995</v>
      </c>
      <c r="H1618">
        <v>640</v>
      </c>
      <c r="J1618">
        <v>86.034821025609503</v>
      </c>
      <c r="K1618">
        <v>640</v>
      </c>
      <c r="M1618">
        <v>89.900279945540035</v>
      </c>
      <c r="N1618">
        <v>515</v>
      </c>
      <c r="P1618">
        <v>98.529139056342601</v>
      </c>
      <c r="Q1618">
        <v>275</v>
      </c>
    </row>
    <row r="1619" spans="4:17" x14ac:dyDescent="0.25">
      <c r="D1619">
        <v>86.013926943465336</v>
      </c>
      <c r="E1619">
        <v>564</v>
      </c>
      <c r="G1619">
        <v>85.447668678685503</v>
      </c>
      <c r="H1619">
        <v>641</v>
      </c>
      <c r="J1619">
        <v>86.027628028231561</v>
      </c>
      <c r="K1619">
        <v>640</v>
      </c>
      <c r="M1619">
        <v>89.891820677394733</v>
      </c>
      <c r="N1619">
        <v>516</v>
      </c>
      <c r="P1619">
        <v>98.524872630285458</v>
      </c>
      <c r="Q1619">
        <v>276</v>
      </c>
    </row>
    <row r="1620" spans="4:17" x14ac:dyDescent="0.25">
      <c r="D1620">
        <v>85.999726047856754</v>
      </c>
      <c r="E1620">
        <v>565</v>
      </c>
      <c r="G1620">
        <v>85.440087554705158</v>
      </c>
      <c r="H1620">
        <v>641</v>
      </c>
      <c r="J1620">
        <v>86.020435030853605</v>
      </c>
      <c r="K1620">
        <v>641</v>
      </c>
      <c r="M1620">
        <v>89.883756254863016</v>
      </c>
      <c r="N1620">
        <v>516</v>
      </c>
      <c r="P1620">
        <v>98.519888092911785</v>
      </c>
      <c r="Q1620">
        <v>276</v>
      </c>
    </row>
    <row r="1621" spans="4:17" x14ac:dyDescent="0.25">
      <c r="D1621">
        <v>85.985974031132329</v>
      </c>
      <c r="E1621">
        <v>565</v>
      </c>
      <c r="G1621">
        <v>85.432519661307666</v>
      </c>
      <c r="H1621">
        <v>642</v>
      </c>
      <c r="J1621">
        <v>86.013577774513067</v>
      </c>
      <c r="K1621">
        <v>641</v>
      </c>
      <c r="M1621">
        <v>89.875703797349914</v>
      </c>
      <c r="N1621">
        <v>516</v>
      </c>
      <c r="P1621">
        <v>98.514903555538098</v>
      </c>
      <c r="Q1621">
        <v>276</v>
      </c>
    </row>
    <row r="1622" spans="4:17" x14ac:dyDescent="0.25">
      <c r="D1622">
        <v>85.971773135523748</v>
      </c>
      <c r="E1622">
        <v>566</v>
      </c>
      <c r="G1622">
        <v>85.424938537327293</v>
      </c>
      <c r="H1622">
        <v>642</v>
      </c>
      <c r="J1622">
        <v>86.006730692143378</v>
      </c>
      <c r="K1622">
        <v>642</v>
      </c>
      <c r="M1622">
        <v>89.867639374818211</v>
      </c>
      <c r="N1622">
        <v>517</v>
      </c>
      <c r="P1622">
        <v>98.509940139085501</v>
      </c>
      <c r="Q1622">
        <v>277</v>
      </c>
    </row>
    <row r="1623" spans="4:17" x14ac:dyDescent="0.25">
      <c r="D1623">
        <v>85.957585842305591</v>
      </c>
      <c r="E1623">
        <v>566</v>
      </c>
      <c r="G1623">
        <v>85.417807253164298</v>
      </c>
      <c r="H1623">
        <v>642</v>
      </c>
      <c r="J1623">
        <v>85.999527520794601</v>
      </c>
      <c r="K1623">
        <v>642</v>
      </c>
      <c r="M1623">
        <v>89.85958691730508</v>
      </c>
      <c r="N1623">
        <v>517</v>
      </c>
      <c r="P1623">
        <v>98.505652592107296</v>
      </c>
      <c r="Q1623">
        <v>277</v>
      </c>
    </row>
    <row r="1624" spans="4:17" x14ac:dyDescent="0.25">
      <c r="D1624">
        <v>85.943384946696995</v>
      </c>
      <c r="E1624">
        <v>566</v>
      </c>
      <c r="G1624">
        <v>85.410689199584127</v>
      </c>
      <c r="H1624">
        <v>643</v>
      </c>
      <c r="J1624">
        <v>85.99199878237917</v>
      </c>
      <c r="K1624">
        <v>643</v>
      </c>
      <c r="M1624">
        <v>89.851522494773377</v>
      </c>
      <c r="N1624">
        <v>518</v>
      </c>
      <c r="P1624">
        <v>98.500689175654685</v>
      </c>
      <c r="Q1624">
        <v>277</v>
      </c>
    </row>
    <row r="1625" spans="4:17" x14ac:dyDescent="0.25">
      <c r="D1625">
        <v>85.92963292997257</v>
      </c>
      <c r="E1625">
        <v>567</v>
      </c>
      <c r="G1625">
        <v>85.403557915421118</v>
      </c>
      <c r="H1625">
        <v>643</v>
      </c>
      <c r="J1625">
        <v>85.984795611030393</v>
      </c>
      <c r="K1625">
        <v>643</v>
      </c>
      <c r="M1625">
        <v>89.843470037260261</v>
      </c>
      <c r="N1625">
        <v>518</v>
      </c>
      <c r="P1625">
        <v>98.495704638280998</v>
      </c>
      <c r="Q1625">
        <v>278</v>
      </c>
    </row>
    <row r="1626" spans="4:17" x14ac:dyDescent="0.25">
      <c r="D1626">
        <v>85.915894515638598</v>
      </c>
      <c r="E1626">
        <v>567</v>
      </c>
      <c r="G1626">
        <v>85.396426631258095</v>
      </c>
      <c r="H1626">
        <v>644</v>
      </c>
      <c r="J1626">
        <v>85.977602613652408</v>
      </c>
      <c r="K1626">
        <v>643</v>
      </c>
      <c r="M1626">
        <v>89.835405614728543</v>
      </c>
      <c r="N1626">
        <v>518</v>
      </c>
      <c r="P1626">
        <v>98.490720100907311</v>
      </c>
      <c r="Q1626">
        <v>278</v>
      </c>
    </row>
    <row r="1627" spans="4:17" x14ac:dyDescent="0.25">
      <c r="D1627">
        <v>85.902156101304612</v>
      </c>
      <c r="E1627">
        <v>568</v>
      </c>
      <c r="G1627">
        <v>85.389295347095086</v>
      </c>
      <c r="H1627">
        <v>644</v>
      </c>
      <c r="J1627">
        <v>85.970409616274452</v>
      </c>
      <c r="K1627">
        <v>644</v>
      </c>
      <c r="M1627">
        <v>89.827353157215427</v>
      </c>
      <c r="N1627">
        <v>519</v>
      </c>
      <c r="P1627">
        <v>98.486453674850196</v>
      </c>
      <c r="Q1627">
        <v>278</v>
      </c>
    </row>
    <row r="1628" spans="4:17" x14ac:dyDescent="0.25">
      <c r="D1628">
        <v>85.888417686970641</v>
      </c>
      <c r="E1628">
        <v>568</v>
      </c>
      <c r="G1628">
        <v>85.382164062932063</v>
      </c>
      <c r="H1628">
        <v>645</v>
      </c>
      <c r="J1628">
        <v>85.962870703888214</v>
      </c>
      <c r="K1628">
        <v>644</v>
      </c>
      <c r="M1628">
        <v>89.819288734683724</v>
      </c>
      <c r="N1628">
        <v>519</v>
      </c>
      <c r="P1628">
        <v>98.481490258397571</v>
      </c>
      <c r="Q1628">
        <v>279</v>
      </c>
    </row>
    <row r="1629" spans="4:17" x14ac:dyDescent="0.25">
      <c r="D1629">
        <v>85.87512815152084</v>
      </c>
      <c r="E1629">
        <v>569</v>
      </c>
      <c r="G1629">
        <v>85.375046009351905</v>
      </c>
      <c r="H1629">
        <v>645</v>
      </c>
      <c r="J1629">
        <v>85.955331791501976</v>
      </c>
      <c r="K1629">
        <v>645</v>
      </c>
      <c r="M1629">
        <v>89.811236277170607</v>
      </c>
      <c r="N1629">
        <v>520</v>
      </c>
      <c r="P1629">
        <v>98.477202711419366</v>
      </c>
      <c r="Q1629">
        <v>279</v>
      </c>
    </row>
    <row r="1630" spans="4:17" x14ac:dyDescent="0.25">
      <c r="D1630">
        <v>85.861389737186869</v>
      </c>
      <c r="E1630">
        <v>569</v>
      </c>
      <c r="G1630">
        <v>85.367464885371561</v>
      </c>
      <c r="H1630">
        <v>645</v>
      </c>
      <c r="J1630">
        <v>85.947792879115738</v>
      </c>
      <c r="K1630">
        <v>645</v>
      </c>
      <c r="M1630">
        <v>89.803578665271061</v>
      </c>
      <c r="N1630">
        <v>520</v>
      </c>
      <c r="P1630">
        <v>98.472239294966769</v>
      </c>
      <c r="Q1630">
        <v>279</v>
      </c>
    </row>
    <row r="1631" spans="4:17" x14ac:dyDescent="0.25">
      <c r="D1631">
        <v>85.847637720462444</v>
      </c>
      <c r="E1631">
        <v>569</v>
      </c>
      <c r="G1631">
        <v>85.360333601208538</v>
      </c>
      <c r="H1631">
        <v>646</v>
      </c>
      <c r="J1631">
        <v>85.940264140700322</v>
      </c>
      <c r="K1631">
        <v>645</v>
      </c>
      <c r="M1631">
        <v>89.795514242739358</v>
      </c>
      <c r="N1631">
        <v>521</v>
      </c>
      <c r="P1631">
        <v>98.467254757593082</v>
      </c>
      <c r="Q1631">
        <v>280</v>
      </c>
    </row>
    <row r="1632" spans="4:17" x14ac:dyDescent="0.25">
      <c r="D1632">
        <v>85.833899306128458</v>
      </c>
      <c r="E1632">
        <v>570</v>
      </c>
      <c r="G1632">
        <v>85.35321554762838</v>
      </c>
      <c r="H1632">
        <v>646</v>
      </c>
      <c r="J1632">
        <v>85.93306096935153</v>
      </c>
      <c r="K1632">
        <v>646</v>
      </c>
      <c r="M1632">
        <v>89.787461785226228</v>
      </c>
      <c r="N1632">
        <v>521</v>
      </c>
      <c r="P1632">
        <v>98.462988331535939</v>
      </c>
      <c r="Q1632">
        <v>280</v>
      </c>
    </row>
    <row r="1633" spans="4:17" x14ac:dyDescent="0.25">
      <c r="D1633">
        <v>85.820160891794501</v>
      </c>
      <c r="E1633">
        <v>570</v>
      </c>
      <c r="G1633">
        <v>85.346084263465357</v>
      </c>
      <c r="H1633">
        <v>647</v>
      </c>
      <c r="J1633">
        <v>85.925867971973574</v>
      </c>
      <c r="K1633">
        <v>646</v>
      </c>
      <c r="M1633">
        <v>89.779804173326696</v>
      </c>
      <c r="N1633">
        <v>521</v>
      </c>
      <c r="P1633">
        <v>98.458003794162266</v>
      </c>
      <c r="Q1633">
        <v>280</v>
      </c>
    </row>
    <row r="1634" spans="4:17" x14ac:dyDescent="0.25">
      <c r="D1634">
        <v>85.806422477460515</v>
      </c>
      <c r="E1634">
        <v>571</v>
      </c>
      <c r="G1634">
        <v>85.338952979302334</v>
      </c>
      <c r="H1634">
        <v>647</v>
      </c>
      <c r="J1634">
        <v>85.918674974595604</v>
      </c>
      <c r="K1634">
        <v>647</v>
      </c>
      <c r="M1634">
        <v>89.771751715813579</v>
      </c>
      <c r="N1634">
        <v>522</v>
      </c>
      <c r="P1634">
        <v>98.453737368105124</v>
      </c>
      <c r="Q1634">
        <v>281</v>
      </c>
    </row>
    <row r="1635" spans="4:17" x14ac:dyDescent="0.25">
      <c r="D1635">
        <v>85.79267046073609</v>
      </c>
      <c r="E1635">
        <v>571</v>
      </c>
      <c r="G1635">
        <v>85.332271534956661</v>
      </c>
      <c r="H1635">
        <v>647</v>
      </c>
      <c r="J1635">
        <v>85.911481977217633</v>
      </c>
      <c r="K1635">
        <v>647</v>
      </c>
      <c r="M1635">
        <v>89.764094103914033</v>
      </c>
      <c r="N1635">
        <v>522</v>
      </c>
      <c r="P1635">
        <v>98.448752830731451</v>
      </c>
      <c r="Q1635">
        <v>281</v>
      </c>
    </row>
    <row r="1636" spans="4:17" x14ac:dyDescent="0.25">
      <c r="D1636">
        <v>85.779394527676729</v>
      </c>
      <c r="E1636">
        <v>571</v>
      </c>
      <c r="G1636">
        <v>85.325140250793623</v>
      </c>
      <c r="H1636">
        <v>648</v>
      </c>
      <c r="J1636">
        <v>85.904288979839677</v>
      </c>
      <c r="K1636">
        <v>648</v>
      </c>
      <c r="M1636">
        <v>89.75602968138233</v>
      </c>
      <c r="N1636">
        <v>523</v>
      </c>
      <c r="P1636">
        <v>98.444486404674308</v>
      </c>
      <c r="Q1636">
        <v>281</v>
      </c>
    </row>
    <row r="1637" spans="4:17" x14ac:dyDescent="0.25">
      <c r="D1637">
        <v>85.766104992226914</v>
      </c>
      <c r="E1637">
        <v>572</v>
      </c>
      <c r="G1637">
        <v>85.318008966630629</v>
      </c>
      <c r="H1637">
        <v>648</v>
      </c>
      <c r="J1637">
        <v>85.897085808490885</v>
      </c>
      <c r="K1637">
        <v>648</v>
      </c>
      <c r="M1637">
        <v>89.748372069482784</v>
      </c>
      <c r="N1637">
        <v>523</v>
      </c>
      <c r="P1637">
        <v>98.440219978617179</v>
      </c>
      <c r="Q1637">
        <v>282</v>
      </c>
    </row>
    <row r="1638" spans="4:17" x14ac:dyDescent="0.25">
      <c r="D1638">
        <v>85.752829059167539</v>
      </c>
      <c r="E1638">
        <v>572</v>
      </c>
      <c r="G1638">
        <v>85.311327522284941</v>
      </c>
      <c r="H1638">
        <v>649</v>
      </c>
      <c r="J1638">
        <v>85.889557070075469</v>
      </c>
      <c r="K1638">
        <v>648</v>
      </c>
      <c r="M1638">
        <v>89.740319611969667</v>
      </c>
      <c r="N1638">
        <v>523</v>
      </c>
      <c r="P1638">
        <v>98.435256562164568</v>
      </c>
      <c r="Q1638">
        <v>282</v>
      </c>
    </row>
    <row r="1639" spans="4:17" x14ac:dyDescent="0.25">
      <c r="D1639">
        <v>85.739539523717738</v>
      </c>
      <c r="E1639">
        <v>573</v>
      </c>
      <c r="G1639">
        <v>85.304646077939253</v>
      </c>
      <c r="H1639">
        <v>649</v>
      </c>
      <c r="J1639">
        <v>85.882018157689231</v>
      </c>
      <c r="K1639">
        <v>649</v>
      </c>
      <c r="M1639">
        <v>89.73225518943795</v>
      </c>
      <c r="N1639">
        <v>524</v>
      </c>
      <c r="P1639">
        <v>98.430272024790895</v>
      </c>
      <c r="Q1639">
        <v>282</v>
      </c>
    </row>
    <row r="1640" spans="4:17" x14ac:dyDescent="0.25">
      <c r="D1640">
        <v>85.726249988267938</v>
      </c>
      <c r="E1640">
        <v>573</v>
      </c>
      <c r="G1640">
        <v>85.297964633593551</v>
      </c>
      <c r="H1640">
        <v>650</v>
      </c>
      <c r="J1640">
        <v>85.874825160311275</v>
      </c>
      <c r="K1640">
        <v>649</v>
      </c>
      <c r="M1640">
        <v>89.724609542556976</v>
      </c>
      <c r="N1640">
        <v>524</v>
      </c>
      <c r="P1640">
        <v>98.426005598733752</v>
      </c>
      <c r="Q1640">
        <v>283</v>
      </c>
    </row>
    <row r="1641" spans="4:17" x14ac:dyDescent="0.25">
      <c r="D1641">
        <v>85.712974055208562</v>
      </c>
      <c r="E1641">
        <v>574</v>
      </c>
      <c r="G1641">
        <v>85.290833349430542</v>
      </c>
      <c r="H1641">
        <v>650</v>
      </c>
      <c r="J1641">
        <v>85.867621988962469</v>
      </c>
      <c r="K1641">
        <v>650</v>
      </c>
      <c r="M1641">
        <v>89.716545120025287</v>
      </c>
      <c r="N1641">
        <v>525</v>
      </c>
      <c r="P1641">
        <v>98.421021061360065</v>
      </c>
      <c r="Q1641">
        <v>283</v>
      </c>
    </row>
    <row r="1642" spans="4:17" x14ac:dyDescent="0.25">
      <c r="D1642">
        <v>85.699235640874576</v>
      </c>
      <c r="E1642">
        <v>574</v>
      </c>
      <c r="G1642">
        <v>85.284151905084855</v>
      </c>
      <c r="H1642">
        <v>650</v>
      </c>
      <c r="J1642">
        <v>85.860093250547067</v>
      </c>
      <c r="K1642">
        <v>650</v>
      </c>
      <c r="M1642">
        <v>89.708887508125741</v>
      </c>
      <c r="N1642">
        <v>525</v>
      </c>
      <c r="P1642">
        <v>98.416754635302937</v>
      </c>
      <c r="Q1642">
        <v>283</v>
      </c>
    </row>
    <row r="1643" spans="4:17" x14ac:dyDescent="0.25">
      <c r="D1643">
        <v>85.685483624150166</v>
      </c>
      <c r="E1643">
        <v>574</v>
      </c>
      <c r="G1643">
        <v>85.277020620921846</v>
      </c>
      <c r="H1643">
        <v>651</v>
      </c>
      <c r="J1643">
        <v>85.852890079198275</v>
      </c>
      <c r="K1643">
        <v>650</v>
      </c>
      <c r="M1643">
        <v>89.700835050612611</v>
      </c>
      <c r="N1643">
        <v>526</v>
      </c>
      <c r="P1643">
        <v>98.411770097929249</v>
      </c>
      <c r="Q1643">
        <v>284</v>
      </c>
    </row>
    <row r="1644" spans="4:17" x14ac:dyDescent="0.25">
      <c r="D1644">
        <v>85.672207691090804</v>
      </c>
      <c r="E1644">
        <v>575</v>
      </c>
      <c r="G1644">
        <v>85.270339176576158</v>
      </c>
      <c r="H1644">
        <v>651</v>
      </c>
      <c r="J1644">
        <v>85.845697081820319</v>
      </c>
      <c r="K1644">
        <v>651</v>
      </c>
      <c r="M1644">
        <v>89.693177438713079</v>
      </c>
      <c r="N1644">
        <v>526</v>
      </c>
      <c r="P1644">
        <v>98.407503671872121</v>
      </c>
      <c r="Q1644">
        <v>284</v>
      </c>
    </row>
    <row r="1645" spans="4:17" x14ac:dyDescent="0.25">
      <c r="D1645">
        <v>85.65891815564099</v>
      </c>
      <c r="E1645">
        <v>575</v>
      </c>
      <c r="G1645">
        <v>85.263657732230456</v>
      </c>
      <c r="H1645">
        <v>652</v>
      </c>
      <c r="J1645">
        <v>85.838158169434081</v>
      </c>
      <c r="K1645">
        <v>651</v>
      </c>
      <c r="M1645">
        <v>89.685113016181376</v>
      </c>
      <c r="N1645">
        <v>526</v>
      </c>
      <c r="P1645">
        <v>98.402540255419524</v>
      </c>
      <c r="Q1645">
        <v>284</v>
      </c>
    </row>
    <row r="1646" spans="4:17" x14ac:dyDescent="0.25">
      <c r="D1646">
        <v>85.645642222581628</v>
      </c>
      <c r="E1646">
        <v>576</v>
      </c>
      <c r="G1646">
        <v>85.256526448067447</v>
      </c>
      <c r="H1646">
        <v>652</v>
      </c>
      <c r="J1646">
        <v>85.830965172056111</v>
      </c>
      <c r="K1646">
        <v>652</v>
      </c>
      <c r="M1646">
        <v>89.677060558668245</v>
      </c>
      <c r="N1646">
        <v>527</v>
      </c>
      <c r="P1646">
        <v>98.398273829362381</v>
      </c>
      <c r="Q1646">
        <v>285</v>
      </c>
    </row>
    <row r="1647" spans="4:17" x14ac:dyDescent="0.25">
      <c r="D1647">
        <v>85.632815168406424</v>
      </c>
      <c r="E1647">
        <v>576</v>
      </c>
      <c r="G1647">
        <v>85.249845003721774</v>
      </c>
      <c r="H1647">
        <v>652</v>
      </c>
      <c r="J1647">
        <v>85.823426259669844</v>
      </c>
      <c r="K1647">
        <v>652</v>
      </c>
      <c r="M1647">
        <v>89.668996136136542</v>
      </c>
      <c r="N1647">
        <v>527</v>
      </c>
      <c r="P1647">
        <v>98.393289291988708</v>
      </c>
      <c r="Q1647">
        <v>285</v>
      </c>
    </row>
    <row r="1648" spans="4:17" x14ac:dyDescent="0.25">
      <c r="D1648">
        <v>85.619988114231248</v>
      </c>
      <c r="E1648">
        <v>576</v>
      </c>
      <c r="G1648">
        <v>85.243163559376072</v>
      </c>
      <c r="H1648">
        <v>653</v>
      </c>
      <c r="J1648">
        <v>85.816233262291902</v>
      </c>
      <c r="K1648">
        <v>653</v>
      </c>
      <c r="M1648">
        <v>89.661350489255582</v>
      </c>
      <c r="N1648">
        <v>528</v>
      </c>
      <c r="P1648">
        <v>98.38902286593158</v>
      </c>
      <c r="Q1648">
        <v>285</v>
      </c>
    </row>
    <row r="1649" spans="4:17" x14ac:dyDescent="0.25">
      <c r="D1649">
        <v>85.607623541330653</v>
      </c>
      <c r="E1649">
        <v>577</v>
      </c>
      <c r="G1649">
        <v>85.236482115030398</v>
      </c>
      <c r="H1649">
        <v>653</v>
      </c>
      <c r="J1649">
        <v>85.809040264913932</v>
      </c>
      <c r="K1649">
        <v>653</v>
      </c>
      <c r="M1649">
        <v>89.653286066723879</v>
      </c>
      <c r="N1649">
        <v>528</v>
      </c>
      <c r="P1649">
        <v>98.384038328557892</v>
      </c>
      <c r="Q1649">
        <v>286</v>
      </c>
    </row>
    <row r="1650" spans="4:17" x14ac:dyDescent="0.25">
      <c r="D1650">
        <v>85.594796487155463</v>
      </c>
      <c r="E1650">
        <v>577</v>
      </c>
      <c r="G1650">
        <v>85.229787440101845</v>
      </c>
      <c r="H1650">
        <v>654</v>
      </c>
      <c r="J1650">
        <v>85.801847267535976</v>
      </c>
      <c r="K1650">
        <v>653</v>
      </c>
      <c r="M1650">
        <v>89.645628454824333</v>
      </c>
      <c r="N1650">
        <v>528</v>
      </c>
      <c r="P1650">
        <v>98.379771902500764</v>
      </c>
      <c r="Q1650">
        <v>286</v>
      </c>
    </row>
    <row r="1651" spans="4:17" x14ac:dyDescent="0.25">
      <c r="D1651">
        <v>85.582418311864458</v>
      </c>
      <c r="E1651">
        <v>578</v>
      </c>
      <c r="G1651">
        <v>85.222669386521702</v>
      </c>
      <c r="H1651">
        <v>654</v>
      </c>
      <c r="J1651">
        <v>85.794654270158006</v>
      </c>
      <c r="K1651">
        <v>654</v>
      </c>
      <c r="M1651">
        <v>89.637575997311217</v>
      </c>
      <c r="N1651">
        <v>529</v>
      </c>
      <c r="P1651">
        <v>98.375505476443621</v>
      </c>
      <c r="Q1651">
        <v>286</v>
      </c>
    </row>
    <row r="1652" spans="4:17" x14ac:dyDescent="0.25">
      <c r="D1652">
        <v>85.570053738963864</v>
      </c>
      <c r="E1652">
        <v>578</v>
      </c>
      <c r="G1652">
        <v>85.215987942176</v>
      </c>
      <c r="H1652">
        <v>655</v>
      </c>
      <c r="J1652">
        <v>85.787451098809214</v>
      </c>
      <c r="K1652">
        <v>654</v>
      </c>
      <c r="M1652">
        <v>89.629918385411685</v>
      </c>
      <c r="N1652">
        <v>529</v>
      </c>
      <c r="P1652">
        <v>98.370520939069962</v>
      </c>
      <c r="Q1652">
        <v>287</v>
      </c>
    </row>
    <row r="1653" spans="4:17" x14ac:dyDescent="0.25">
      <c r="D1653">
        <v>85.558151647337894</v>
      </c>
      <c r="E1653">
        <v>579</v>
      </c>
      <c r="G1653">
        <v>85.20974310706481</v>
      </c>
      <c r="H1653">
        <v>655</v>
      </c>
      <c r="J1653">
        <v>85.780258101431244</v>
      </c>
      <c r="K1653">
        <v>655</v>
      </c>
      <c r="M1653">
        <v>89.622260773512124</v>
      </c>
      <c r="N1653">
        <v>530</v>
      </c>
      <c r="P1653">
        <v>98.366254513012791</v>
      </c>
      <c r="Q1653">
        <v>287</v>
      </c>
    </row>
    <row r="1654" spans="4:17" x14ac:dyDescent="0.25">
      <c r="D1654">
        <v>85.545324593162704</v>
      </c>
      <c r="E1654">
        <v>579</v>
      </c>
      <c r="G1654">
        <v>85.203061662719108</v>
      </c>
      <c r="H1654">
        <v>655</v>
      </c>
      <c r="J1654">
        <v>85.773065104053288</v>
      </c>
      <c r="K1654">
        <v>655</v>
      </c>
      <c r="M1654">
        <v>89.614603161612578</v>
      </c>
      <c r="N1654">
        <v>530</v>
      </c>
      <c r="P1654">
        <v>98.361269975639118</v>
      </c>
      <c r="Q1654">
        <v>287</v>
      </c>
    </row>
    <row r="1655" spans="4:17" x14ac:dyDescent="0.25">
      <c r="D1655">
        <v>85.532960020262124</v>
      </c>
      <c r="E1655">
        <v>579</v>
      </c>
      <c r="G1655">
        <v>85.19638021837342</v>
      </c>
      <c r="H1655">
        <v>656</v>
      </c>
      <c r="J1655">
        <v>85.766218021683585</v>
      </c>
      <c r="K1655">
        <v>655</v>
      </c>
      <c r="M1655">
        <v>89.606945549713032</v>
      </c>
      <c r="N1655">
        <v>531</v>
      </c>
      <c r="P1655">
        <v>98.356306559186507</v>
      </c>
      <c r="Q1655">
        <v>288</v>
      </c>
    </row>
    <row r="1656" spans="4:17" x14ac:dyDescent="0.25">
      <c r="D1656">
        <v>85.520581844971105</v>
      </c>
      <c r="E1656">
        <v>580</v>
      </c>
      <c r="G1656">
        <v>85.190135383262202</v>
      </c>
      <c r="H1656">
        <v>656</v>
      </c>
      <c r="J1656">
        <v>85.759014850334793</v>
      </c>
      <c r="K1656">
        <v>656</v>
      </c>
      <c r="M1656">
        <v>89.599299902832087</v>
      </c>
      <c r="N1656">
        <v>531</v>
      </c>
      <c r="P1656">
        <v>98.352040133129378</v>
      </c>
      <c r="Q1656">
        <v>288</v>
      </c>
    </row>
    <row r="1657" spans="4:17" x14ac:dyDescent="0.25">
      <c r="D1657">
        <v>85.508217272070524</v>
      </c>
      <c r="E1657">
        <v>580</v>
      </c>
      <c r="G1657">
        <v>85.183453938916514</v>
      </c>
      <c r="H1657">
        <v>657</v>
      </c>
      <c r="J1657">
        <v>85.752167767965119</v>
      </c>
      <c r="K1657">
        <v>656</v>
      </c>
      <c r="M1657">
        <v>89.592037136546111</v>
      </c>
      <c r="N1657">
        <v>531</v>
      </c>
      <c r="P1657">
        <v>98.347055595755705</v>
      </c>
      <c r="Q1657">
        <v>288</v>
      </c>
    </row>
    <row r="1658" spans="4:17" x14ac:dyDescent="0.25">
      <c r="D1658">
        <v>85.495852699169944</v>
      </c>
      <c r="E1658">
        <v>581</v>
      </c>
      <c r="G1658">
        <v>85.177222334388162</v>
      </c>
      <c r="H1658">
        <v>657</v>
      </c>
      <c r="J1658">
        <v>85.744974770587149</v>
      </c>
      <c r="K1658">
        <v>657</v>
      </c>
      <c r="M1658">
        <v>89.584391489665165</v>
      </c>
      <c r="N1658">
        <v>532</v>
      </c>
      <c r="P1658">
        <v>98.342071058382032</v>
      </c>
      <c r="Q1658">
        <v>289</v>
      </c>
    </row>
    <row r="1659" spans="4:17" x14ac:dyDescent="0.25">
      <c r="D1659">
        <v>85.48393700515355</v>
      </c>
      <c r="E1659">
        <v>581</v>
      </c>
      <c r="G1659">
        <v>85.170540890042489</v>
      </c>
      <c r="H1659">
        <v>657</v>
      </c>
      <c r="J1659">
        <v>85.738117514246611</v>
      </c>
      <c r="K1659">
        <v>657</v>
      </c>
      <c r="M1659">
        <v>89.576733877765591</v>
      </c>
      <c r="N1659">
        <v>532</v>
      </c>
      <c r="P1659">
        <v>98.337086521008359</v>
      </c>
      <c r="Q1659">
        <v>289</v>
      </c>
    </row>
    <row r="1660" spans="4:17" x14ac:dyDescent="0.25">
      <c r="D1660">
        <v>85.47203491352758</v>
      </c>
      <c r="E1660">
        <v>581</v>
      </c>
      <c r="G1660">
        <v>85.16429605493127</v>
      </c>
      <c r="H1660">
        <v>658</v>
      </c>
      <c r="J1660">
        <v>85.731270431876922</v>
      </c>
      <c r="K1660">
        <v>658</v>
      </c>
      <c r="M1660">
        <v>89.569076265866073</v>
      </c>
      <c r="N1660">
        <v>533</v>
      </c>
      <c r="P1660">
        <v>98.332820094951217</v>
      </c>
      <c r="Q1660">
        <v>289</v>
      </c>
    </row>
    <row r="1661" spans="4:17" x14ac:dyDescent="0.25">
      <c r="D1661">
        <v>85.460119219511171</v>
      </c>
      <c r="E1661">
        <v>582</v>
      </c>
      <c r="G1661">
        <v>85.157614610585568</v>
      </c>
      <c r="H1661">
        <v>658</v>
      </c>
      <c r="J1661">
        <v>85.724413175536398</v>
      </c>
      <c r="K1661">
        <v>658</v>
      </c>
      <c r="M1661">
        <v>89.56182546459867</v>
      </c>
      <c r="N1661">
        <v>533</v>
      </c>
      <c r="P1661">
        <v>98.327856678498591</v>
      </c>
      <c r="Q1661">
        <v>290</v>
      </c>
    </row>
    <row r="1662" spans="4:17" x14ac:dyDescent="0.25">
      <c r="D1662">
        <v>85.448217127885187</v>
      </c>
      <c r="E1662">
        <v>582</v>
      </c>
      <c r="G1662">
        <v>85.15138300605723</v>
      </c>
      <c r="H1662">
        <v>659</v>
      </c>
      <c r="J1662">
        <v>85.717566093166724</v>
      </c>
      <c r="K1662">
        <v>658</v>
      </c>
      <c r="M1662">
        <v>89.554167852699123</v>
      </c>
      <c r="N1662">
        <v>533</v>
      </c>
      <c r="P1662">
        <v>98.322872141124947</v>
      </c>
      <c r="Q1662">
        <v>290</v>
      </c>
    </row>
    <row r="1663" spans="4:17" x14ac:dyDescent="0.25">
      <c r="D1663">
        <v>85.436301433868778</v>
      </c>
      <c r="E1663">
        <v>583</v>
      </c>
      <c r="G1663">
        <v>85.145588010763348</v>
      </c>
      <c r="H1663">
        <v>659</v>
      </c>
      <c r="J1663">
        <v>85.7107088368262</v>
      </c>
      <c r="K1663">
        <v>659</v>
      </c>
      <c r="M1663">
        <v>89.546510240799591</v>
      </c>
      <c r="N1663">
        <v>534</v>
      </c>
      <c r="P1663">
        <v>98.317887603751245</v>
      </c>
      <c r="Q1663">
        <v>290</v>
      </c>
    </row>
    <row r="1664" spans="4:17" x14ac:dyDescent="0.25">
      <c r="D1664">
        <v>85.424385739852383</v>
      </c>
      <c r="E1664">
        <v>583</v>
      </c>
      <c r="G1664">
        <v>85.139343175652115</v>
      </c>
      <c r="H1664">
        <v>660</v>
      </c>
      <c r="J1664">
        <v>85.703861754456497</v>
      </c>
      <c r="K1664">
        <v>659</v>
      </c>
      <c r="M1664">
        <v>89.538852628900045</v>
      </c>
      <c r="N1664">
        <v>534</v>
      </c>
      <c r="P1664">
        <v>98.312903066377572</v>
      </c>
      <c r="Q1664">
        <v>291</v>
      </c>
    </row>
    <row r="1665" spans="4:17" x14ac:dyDescent="0.25">
      <c r="D1665">
        <v>85.412483648226413</v>
      </c>
      <c r="E1665">
        <v>584</v>
      </c>
      <c r="G1665">
        <v>85.133111571123777</v>
      </c>
      <c r="H1665">
        <v>660</v>
      </c>
      <c r="J1665">
        <v>85.697004498115987</v>
      </c>
      <c r="K1665">
        <v>660</v>
      </c>
      <c r="M1665">
        <v>89.531601827632656</v>
      </c>
      <c r="N1665">
        <v>535</v>
      </c>
      <c r="P1665">
        <v>98.307939649924961</v>
      </c>
      <c r="Q1665">
        <v>291</v>
      </c>
    </row>
    <row r="1666" spans="4:17" x14ac:dyDescent="0.25">
      <c r="D1666">
        <v>85.40056795420999</v>
      </c>
      <c r="E1666">
        <v>584</v>
      </c>
      <c r="G1666">
        <v>85.126879966595425</v>
      </c>
      <c r="H1666">
        <v>660</v>
      </c>
      <c r="J1666">
        <v>85.690157415746313</v>
      </c>
      <c r="K1666">
        <v>660</v>
      </c>
      <c r="M1666">
        <v>89.523944215733124</v>
      </c>
      <c r="N1666">
        <v>535</v>
      </c>
      <c r="P1666">
        <v>98.303673223867833</v>
      </c>
      <c r="Q1666">
        <v>291</v>
      </c>
    </row>
    <row r="1667" spans="4:17" x14ac:dyDescent="0.25">
      <c r="D1667">
        <v>85.38866586258402</v>
      </c>
      <c r="E1667">
        <v>584</v>
      </c>
      <c r="G1667">
        <v>85.120635131484221</v>
      </c>
      <c r="H1667">
        <v>661</v>
      </c>
      <c r="J1667">
        <v>85.683300159405789</v>
      </c>
      <c r="K1667">
        <v>660</v>
      </c>
      <c r="M1667">
        <v>89.516693414465735</v>
      </c>
      <c r="N1667">
        <v>536</v>
      </c>
      <c r="P1667">
        <v>98.298688686494145</v>
      </c>
      <c r="Q1667">
        <v>292</v>
      </c>
    </row>
    <row r="1668" spans="4:17" x14ac:dyDescent="0.25">
      <c r="D1668">
        <v>85.376750168567625</v>
      </c>
      <c r="E1668">
        <v>585</v>
      </c>
      <c r="G1668">
        <v>85.114840136190324</v>
      </c>
      <c r="H1668">
        <v>661</v>
      </c>
      <c r="J1668">
        <v>85.676453077036101</v>
      </c>
      <c r="K1668">
        <v>661</v>
      </c>
      <c r="M1668">
        <v>89.509035802566174</v>
      </c>
      <c r="N1668">
        <v>536</v>
      </c>
      <c r="P1668">
        <v>98.294422260437003</v>
      </c>
      <c r="Q1668">
        <v>292</v>
      </c>
    </row>
    <row r="1669" spans="4:17" x14ac:dyDescent="0.25">
      <c r="D1669">
        <v>85.364848076941655</v>
      </c>
      <c r="E1669">
        <v>585</v>
      </c>
      <c r="G1669">
        <v>85.109045140896441</v>
      </c>
      <c r="H1669">
        <v>662</v>
      </c>
      <c r="J1669">
        <v>85.669941735703858</v>
      </c>
      <c r="K1669">
        <v>661</v>
      </c>
      <c r="M1669">
        <v>89.501390155685229</v>
      </c>
      <c r="N1669">
        <v>536</v>
      </c>
      <c r="P1669">
        <v>98.28943772306333</v>
      </c>
      <c r="Q1669">
        <v>292</v>
      </c>
    </row>
    <row r="1670" spans="4:17" x14ac:dyDescent="0.25">
      <c r="D1670">
        <v>85.35293238292526</v>
      </c>
      <c r="E1670">
        <v>586</v>
      </c>
      <c r="G1670">
        <v>85.103263376185438</v>
      </c>
      <c r="H1670">
        <v>662</v>
      </c>
      <c r="J1670">
        <v>85.663084479363334</v>
      </c>
      <c r="K1670">
        <v>662</v>
      </c>
      <c r="M1670">
        <v>89.494127389399253</v>
      </c>
      <c r="N1670">
        <v>537</v>
      </c>
      <c r="P1670">
        <v>98.285171297006187</v>
      </c>
      <c r="Q1670">
        <v>293</v>
      </c>
    </row>
    <row r="1671" spans="4:17" x14ac:dyDescent="0.25">
      <c r="D1671">
        <v>85.341030291299262</v>
      </c>
      <c r="E1671">
        <v>586</v>
      </c>
      <c r="G1671">
        <v>85.097468380891556</v>
      </c>
      <c r="H1671">
        <v>662</v>
      </c>
      <c r="J1671">
        <v>85.656573138031092</v>
      </c>
      <c r="K1671">
        <v>662</v>
      </c>
      <c r="M1671">
        <v>89.486481742518293</v>
      </c>
      <c r="N1671">
        <v>537</v>
      </c>
      <c r="P1671">
        <v>98.280186759632514</v>
      </c>
      <c r="Q1671">
        <v>293</v>
      </c>
    </row>
    <row r="1672" spans="4:17" x14ac:dyDescent="0.25">
      <c r="D1672">
        <v>85.329577078557477</v>
      </c>
      <c r="E1672">
        <v>586</v>
      </c>
      <c r="G1672">
        <v>85.091223545780323</v>
      </c>
      <c r="H1672">
        <v>663</v>
      </c>
      <c r="J1672">
        <v>85.64972605566139</v>
      </c>
      <c r="K1672">
        <v>663</v>
      </c>
      <c r="M1672">
        <v>89.479218976232318</v>
      </c>
      <c r="N1672">
        <v>538</v>
      </c>
      <c r="P1672">
        <v>98.275920333575385</v>
      </c>
      <c r="Q1672">
        <v>293</v>
      </c>
    </row>
    <row r="1673" spans="4:17" x14ac:dyDescent="0.25">
      <c r="D1673">
        <v>85.318123865815679</v>
      </c>
      <c r="E1673">
        <v>587</v>
      </c>
      <c r="G1673">
        <v>85.085441781069306</v>
      </c>
      <c r="H1673">
        <v>663</v>
      </c>
      <c r="J1673">
        <v>85.642868799320865</v>
      </c>
      <c r="K1673">
        <v>663</v>
      </c>
      <c r="M1673">
        <v>89.471573329351372</v>
      </c>
      <c r="N1673">
        <v>538</v>
      </c>
      <c r="P1673">
        <v>98.27095691712276</v>
      </c>
      <c r="Q1673">
        <v>294</v>
      </c>
    </row>
    <row r="1674" spans="4:17" x14ac:dyDescent="0.25">
      <c r="D1674">
        <v>85.306208171799284</v>
      </c>
      <c r="E1674">
        <v>587</v>
      </c>
      <c r="G1674">
        <v>85.079196945958103</v>
      </c>
      <c r="H1674">
        <v>664</v>
      </c>
      <c r="J1674">
        <v>85.635675801942909</v>
      </c>
      <c r="K1674">
        <v>663</v>
      </c>
      <c r="M1674">
        <v>89.464310563065396</v>
      </c>
      <c r="N1674">
        <v>538</v>
      </c>
      <c r="P1674">
        <v>98.265972379749101</v>
      </c>
      <c r="Q1674">
        <v>294</v>
      </c>
    </row>
    <row r="1675" spans="4:17" x14ac:dyDescent="0.25">
      <c r="D1675">
        <v>85.294306080173314</v>
      </c>
      <c r="E1675">
        <v>588</v>
      </c>
      <c r="G1675">
        <v>85.07340195066422</v>
      </c>
      <c r="H1675">
        <v>664</v>
      </c>
      <c r="J1675">
        <v>85.628828719573207</v>
      </c>
      <c r="K1675">
        <v>664</v>
      </c>
      <c r="M1675">
        <v>89.457059761798007</v>
      </c>
      <c r="N1675">
        <v>539</v>
      </c>
      <c r="P1675">
        <v>98.260987842375428</v>
      </c>
      <c r="Q1675">
        <v>294</v>
      </c>
    </row>
    <row r="1676" spans="4:17" x14ac:dyDescent="0.25">
      <c r="D1676">
        <v>85.282852867431501</v>
      </c>
      <c r="E1676">
        <v>588</v>
      </c>
      <c r="G1676">
        <v>85.067620185953203</v>
      </c>
      <c r="H1676">
        <v>665</v>
      </c>
      <c r="J1676">
        <v>85.621635722195251</v>
      </c>
      <c r="K1676">
        <v>664</v>
      </c>
      <c r="M1676">
        <v>89.449402149898461</v>
      </c>
      <c r="N1676">
        <v>539</v>
      </c>
      <c r="P1676">
        <v>98.255306314606244</v>
      </c>
      <c r="Q1676">
        <v>295</v>
      </c>
    </row>
    <row r="1677" spans="4:17" x14ac:dyDescent="0.25">
      <c r="D1677">
        <v>85.270937173415106</v>
      </c>
      <c r="E1677">
        <v>589</v>
      </c>
      <c r="G1677">
        <v>85.061825190659306</v>
      </c>
      <c r="H1677">
        <v>665</v>
      </c>
      <c r="J1677">
        <v>85.614778465854741</v>
      </c>
      <c r="K1677">
        <v>665</v>
      </c>
      <c r="M1677">
        <v>89.4421513486311</v>
      </c>
      <c r="N1677">
        <v>540</v>
      </c>
      <c r="P1677">
        <v>98.250321777232571</v>
      </c>
      <c r="Q1677">
        <v>295</v>
      </c>
    </row>
    <row r="1678" spans="4:17" x14ac:dyDescent="0.25">
      <c r="D1678">
        <v>85.259035081789136</v>
      </c>
      <c r="E1678">
        <v>589</v>
      </c>
      <c r="G1678">
        <v>85.055580355548102</v>
      </c>
      <c r="H1678">
        <v>665</v>
      </c>
      <c r="J1678">
        <v>85.607931383485052</v>
      </c>
      <c r="K1678">
        <v>665</v>
      </c>
      <c r="M1678">
        <v>89.434900547363711</v>
      </c>
      <c r="N1678">
        <v>540</v>
      </c>
      <c r="P1678">
        <v>98.245337239858884</v>
      </c>
      <c r="Q1678">
        <v>295</v>
      </c>
    </row>
    <row r="1679" spans="4:17" x14ac:dyDescent="0.25">
      <c r="D1679">
        <v>85.247581869047323</v>
      </c>
      <c r="E1679">
        <v>589</v>
      </c>
      <c r="G1679">
        <v>85.049798590837071</v>
      </c>
      <c r="H1679">
        <v>666</v>
      </c>
      <c r="J1679">
        <v>85.600728212136246</v>
      </c>
      <c r="K1679">
        <v>665</v>
      </c>
      <c r="M1679">
        <v>89.427649746096321</v>
      </c>
      <c r="N1679">
        <v>541</v>
      </c>
      <c r="P1679">
        <v>98.240373823406287</v>
      </c>
      <c r="Q1679">
        <v>296</v>
      </c>
    </row>
    <row r="1680" spans="4:17" x14ac:dyDescent="0.25">
      <c r="D1680">
        <v>85.236128656305553</v>
      </c>
      <c r="E1680">
        <v>590</v>
      </c>
      <c r="G1680">
        <v>85.044003595543188</v>
      </c>
      <c r="H1680">
        <v>666</v>
      </c>
      <c r="J1680">
        <v>85.593881129766558</v>
      </c>
      <c r="K1680">
        <v>666</v>
      </c>
      <c r="M1680">
        <v>89.420398944828932</v>
      </c>
      <c r="N1680">
        <v>541</v>
      </c>
      <c r="P1680">
        <v>98.235389286032614</v>
      </c>
      <c r="Q1680">
        <v>296</v>
      </c>
    </row>
    <row r="1681" spans="4:17" x14ac:dyDescent="0.25">
      <c r="D1681">
        <v>85.22467544356374</v>
      </c>
      <c r="E1681">
        <v>590</v>
      </c>
      <c r="G1681">
        <v>85.03820860024932</v>
      </c>
      <c r="H1681">
        <v>667</v>
      </c>
      <c r="J1681">
        <v>85.587023873426048</v>
      </c>
      <c r="K1681">
        <v>666</v>
      </c>
      <c r="M1681">
        <v>89.413148143561557</v>
      </c>
      <c r="N1681">
        <v>541</v>
      </c>
      <c r="P1681">
        <v>98.230404748658941</v>
      </c>
      <c r="Q1681">
        <v>296</v>
      </c>
    </row>
    <row r="1682" spans="4:17" x14ac:dyDescent="0.25">
      <c r="D1682">
        <v>85.21322223082197</v>
      </c>
      <c r="E1682">
        <v>591</v>
      </c>
      <c r="G1682">
        <v>85.032413604955437</v>
      </c>
      <c r="H1682">
        <v>667</v>
      </c>
      <c r="J1682">
        <v>85.579830876048078</v>
      </c>
      <c r="K1682">
        <v>667</v>
      </c>
      <c r="M1682">
        <v>89.405885377275581</v>
      </c>
      <c r="N1682">
        <v>542</v>
      </c>
      <c r="P1682">
        <v>98.224723220889771</v>
      </c>
      <c r="Q1682">
        <v>297</v>
      </c>
    </row>
    <row r="1683" spans="4:17" x14ac:dyDescent="0.25">
      <c r="D1683">
        <v>85.201769018080171</v>
      </c>
      <c r="E1683">
        <v>591</v>
      </c>
      <c r="G1683">
        <v>85.02663184024442</v>
      </c>
      <c r="H1683">
        <v>667</v>
      </c>
      <c r="J1683">
        <v>85.572983793678375</v>
      </c>
      <c r="K1683">
        <v>667</v>
      </c>
      <c r="M1683">
        <v>89.398239730394636</v>
      </c>
      <c r="N1683">
        <v>542</v>
      </c>
      <c r="P1683">
        <v>98.219738683516098</v>
      </c>
      <c r="Q1683">
        <v>297</v>
      </c>
    </row>
    <row r="1684" spans="4:17" x14ac:dyDescent="0.25">
      <c r="D1684">
        <v>85.189866926454201</v>
      </c>
      <c r="E1684">
        <v>591</v>
      </c>
      <c r="G1684">
        <v>85.020836844950551</v>
      </c>
      <c r="H1684">
        <v>668</v>
      </c>
      <c r="J1684">
        <v>85.566126537337865</v>
      </c>
      <c r="K1684">
        <v>668</v>
      </c>
      <c r="M1684">
        <v>89.39097696410866</v>
      </c>
      <c r="N1684">
        <v>543</v>
      </c>
      <c r="P1684">
        <v>98.214754146142411</v>
      </c>
      <c r="Q1684">
        <v>297</v>
      </c>
    </row>
    <row r="1685" spans="4:17" x14ac:dyDescent="0.25">
      <c r="D1685">
        <v>85.178413713712402</v>
      </c>
      <c r="E1685">
        <v>592</v>
      </c>
      <c r="G1685">
        <v>85.015041849656669</v>
      </c>
      <c r="H1685">
        <v>668</v>
      </c>
      <c r="J1685">
        <v>85.559279454968177</v>
      </c>
      <c r="K1685">
        <v>668</v>
      </c>
      <c r="M1685">
        <v>89.383726162841256</v>
      </c>
      <c r="N1685">
        <v>543</v>
      </c>
      <c r="P1685">
        <v>98.2097907296898</v>
      </c>
      <c r="Q1685">
        <v>298</v>
      </c>
    </row>
    <row r="1686" spans="4:17" x14ac:dyDescent="0.25">
      <c r="D1686">
        <v>85.166498019696007</v>
      </c>
      <c r="E1686">
        <v>592</v>
      </c>
      <c r="G1686">
        <v>85.009246854362772</v>
      </c>
      <c r="H1686">
        <v>669</v>
      </c>
      <c r="J1686">
        <v>85.552422198627653</v>
      </c>
      <c r="K1686">
        <v>668</v>
      </c>
      <c r="M1686">
        <v>89.376882172206038</v>
      </c>
      <c r="N1686">
        <v>543</v>
      </c>
      <c r="P1686">
        <v>98.204806192316113</v>
      </c>
      <c r="Q1686">
        <v>298</v>
      </c>
    </row>
    <row r="1687" spans="4:17" x14ac:dyDescent="0.25">
      <c r="D1687">
        <v>85.155044806954194</v>
      </c>
      <c r="E1687">
        <v>593</v>
      </c>
      <c r="G1687">
        <v>85.003451859068889</v>
      </c>
      <c r="H1687">
        <v>669</v>
      </c>
      <c r="J1687">
        <v>85.545575116257965</v>
      </c>
      <c r="K1687">
        <v>669</v>
      </c>
      <c r="M1687">
        <v>89.369631370938649</v>
      </c>
      <c r="N1687">
        <v>544</v>
      </c>
      <c r="P1687">
        <v>98.200539766258984</v>
      </c>
      <c r="Q1687">
        <v>298</v>
      </c>
    </row>
    <row r="1688" spans="4:17" x14ac:dyDescent="0.25">
      <c r="D1688">
        <v>85.143605196602834</v>
      </c>
      <c r="E1688">
        <v>593</v>
      </c>
      <c r="G1688">
        <v>84.997670094357872</v>
      </c>
      <c r="H1688">
        <v>670</v>
      </c>
      <c r="J1688">
        <v>85.53871785991744</v>
      </c>
      <c r="K1688">
        <v>669</v>
      </c>
      <c r="M1688">
        <v>89.362380569671302</v>
      </c>
      <c r="N1688">
        <v>544</v>
      </c>
      <c r="P1688">
        <v>98.195555228885297</v>
      </c>
      <c r="Q1688">
        <v>299</v>
      </c>
    </row>
    <row r="1689" spans="4:17" x14ac:dyDescent="0.25">
      <c r="D1689">
        <v>85.13215198386105</v>
      </c>
      <c r="E1689">
        <v>594</v>
      </c>
      <c r="G1689">
        <v>84.992324938881325</v>
      </c>
      <c r="H1689">
        <v>670</v>
      </c>
      <c r="J1689">
        <v>85.531870777547752</v>
      </c>
      <c r="K1689">
        <v>670</v>
      </c>
      <c r="M1689">
        <v>89.355117803385298</v>
      </c>
      <c r="N1689">
        <v>545</v>
      </c>
      <c r="P1689">
        <v>98.190570691511624</v>
      </c>
      <c r="Q1689">
        <v>299</v>
      </c>
    </row>
    <row r="1690" spans="4:17" x14ac:dyDescent="0.25">
      <c r="D1690">
        <v>85.120698771119237</v>
      </c>
      <c r="E1690">
        <v>594</v>
      </c>
      <c r="G1690">
        <v>84.986529943587442</v>
      </c>
      <c r="H1690">
        <v>670</v>
      </c>
      <c r="J1690">
        <v>85.524667606198975</v>
      </c>
      <c r="K1690">
        <v>670</v>
      </c>
      <c r="M1690">
        <v>89.347867002117923</v>
      </c>
      <c r="N1690">
        <v>545</v>
      </c>
      <c r="P1690">
        <v>98.185607275058999</v>
      </c>
      <c r="Q1690">
        <v>299</v>
      </c>
    </row>
    <row r="1691" spans="4:17" x14ac:dyDescent="0.25">
      <c r="D1691">
        <v>85.109245558377438</v>
      </c>
      <c r="E1691">
        <v>594</v>
      </c>
      <c r="G1691">
        <v>84.980734948293559</v>
      </c>
      <c r="H1691">
        <v>671</v>
      </c>
      <c r="J1691">
        <v>85.517820523829286</v>
      </c>
      <c r="K1691">
        <v>670</v>
      </c>
      <c r="M1691">
        <v>89.340616200850548</v>
      </c>
      <c r="N1691">
        <v>546</v>
      </c>
      <c r="P1691">
        <v>98.18062273768534</v>
      </c>
      <c r="Q1691">
        <v>300</v>
      </c>
    </row>
    <row r="1692" spans="4:17" x14ac:dyDescent="0.25">
      <c r="D1692">
        <v>85.098254826910264</v>
      </c>
      <c r="E1692">
        <v>595</v>
      </c>
      <c r="G1692">
        <v>84.975389792816998</v>
      </c>
      <c r="H1692">
        <v>671</v>
      </c>
      <c r="J1692">
        <v>85.510963267488762</v>
      </c>
      <c r="K1692">
        <v>671</v>
      </c>
      <c r="M1692">
        <v>89.333772210215329</v>
      </c>
      <c r="N1692">
        <v>546</v>
      </c>
      <c r="P1692">
        <v>98.175638200311667</v>
      </c>
      <c r="Q1692">
        <v>300</v>
      </c>
    </row>
    <row r="1693" spans="4:17" x14ac:dyDescent="0.25">
      <c r="D1693">
        <v>85.08725049305265</v>
      </c>
      <c r="E1693">
        <v>595</v>
      </c>
      <c r="G1693">
        <v>84.969594797523115</v>
      </c>
      <c r="H1693">
        <v>672</v>
      </c>
      <c r="J1693">
        <v>85.503770270110792</v>
      </c>
      <c r="K1693">
        <v>671</v>
      </c>
      <c r="M1693">
        <v>89.326509443929339</v>
      </c>
      <c r="N1693">
        <v>546</v>
      </c>
      <c r="P1693">
        <v>98.17065366293798</v>
      </c>
      <c r="Q1693">
        <v>300</v>
      </c>
    </row>
    <row r="1694" spans="4:17" x14ac:dyDescent="0.25">
      <c r="D1694">
        <v>85.076259761585476</v>
      </c>
      <c r="E1694">
        <v>596</v>
      </c>
      <c r="G1694">
        <v>84.963799802229232</v>
      </c>
      <c r="H1694">
        <v>672</v>
      </c>
      <c r="J1694">
        <v>85.496923187741118</v>
      </c>
      <c r="K1694">
        <v>672</v>
      </c>
      <c r="M1694">
        <v>89.319258642661964</v>
      </c>
      <c r="N1694">
        <v>547</v>
      </c>
      <c r="P1694">
        <v>98.165690246485383</v>
      </c>
      <c r="Q1694">
        <v>301</v>
      </c>
    </row>
    <row r="1695" spans="4:17" x14ac:dyDescent="0.25">
      <c r="D1695">
        <v>85.065269030118287</v>
      </c>
      <c r="E1695">
        <v>596</v>
      </c>
      <c r="G1695">
        <v>84.958454646752713</v>
      </c>
      <c r="H1695">
        <v>672</v>
      </c>
      <c r="J1695">
        <v>85.490065931400594</v>
      </c>
      <c r="K1695">
        <v>672</v>
      </c>
      <c r="M1695">
        <v>89.312007841394575</v>
      </c>
      <c r="N1695">
        <v>547</v>
      </c>
      <c r="P1695">
        <v>98.159987597795151</v>
      </c>
      <c r="Q1695">
        <v>301</v>
      </c>
    </row>
    <row r="1696" spans="4:17" x14ac:dyDescent="0.25">
      <c r="D1696">
        <v>85.054278298651084</v>
      </c>
      <c r="E1696">
        <v>596</v>
      </c>
      <c r="G1696">
        <v>84.953109491276152</v>
      </c>
      <c r="H1696">
        <v>673</v>
      </c>
      <c r="J1696">
        <v>85.483218849030891</v>
      </c>
      <c r="K1696">
        <v>673</v>
      </c>
      <c r="M1696">
        <v>89.305163850759357</v>
      </c>
      <c r="N1696">
        <v>548</v>
      </c>
      <c r="P1696">
        <v>98.15502418134254</v>
      </c>
      <c r="Q1696">
        <v>301</v>
      </c>
    </row>
    <row r="1697" spans="4:17" x14ac:dyDescent="0.25">
      <c r="D1697">
        <v>85.043287567183896</v>
      </c>
      <c r="E1697">
        <v>597</v>
      </c>
      <c r="G1697">
        <v>84.947764335799604</v>
      </c>
      <c r="H1697">
        <v>673</v>
      </c>
      <c r="J1697">
        <v>85.476025851652921</v>
      </c>
      <c r="K1697">
        <v>673</v>
      </c>
      <c r="M1697">
        <v>89.297901084473395</v>
      </c>
      <c r="N1697">
        <v>548</v>
      </c>
      <c r="P1697">
        <v>98.150039643968853</v>
      </c>
      <c r="Q1697">
        <v>302</v>
      </c>
    </row>
    <row r="1698" spans="4:17" x14ac:dyDescent="0.25">
      <c r="D1698">
        <v>85.032283233326282</v>
      </c>
      <c r="E1698">
        <v>597</v>
      </c>
      <c r="G1698">
        <v>84.942419180323057</v>
      </c>
      <c r="H1698">
        <v>674</v>
      </c>
      <c r="J1698">
        <v>85.469514510320693</v>
      </c>
      <c r="K1698">
        <v>673</v>
      </c>
      <c r="M1698">
        <v>89.290650283205991</v>
      </c>
      <c r="N1698">
        <v>548</v>
      </c>
      <c r="P1698">
        <v>98.145055106595194</v>
      </c>
      <c r="Q1698">
        <v>302</v>
      </c>
    </row>
    <row r="1699" spans="4:17" x14ac:dyDescent="0.25">
      <c r="D1699">
        <v>85.021754983133718</v>
      </c>
      <c r="E1699">
        <v>598</v>
      </c>
      <c r="G1699">
        <v>84.93662418502916</v>
      </c>
      <c r="H1699">
        <v>674</v>
      </c>
      <c r="J1699">
        <v>85.462657253980169</v>
      </c>
      <c r="K1699">
        <v>674</v>
      </c>
      <c r="M1699">
        <v>89.283399481938616</v>
      </c>
      <c r="N1699">
        <v>549</v>
      </c>
      <c r="P1699">
        <v>98.140788680538023</v>
      </c>
      <c r="Q1699">
        <v>302</v>
      </c>
    </row>
    <row r="1700" spans="4:17" x14ac:dyDescent="0.25">
      <c r="D1700">
        <v>85.011213130550715</v>
      </c>
      <c r="E1700">
        <v>598</v>
      </c>
      <c r="G1700">
        <v>84.931279029552627</v>
      </c>
      <c r="H1700">
        <v>675</v>
      </c>
      <c r="J1700">
        <v>85.456145912647912</v>
      </c>
      <c r="K1700">
        <v>674</v>
      </c>
      <c r="M1700">
        <v>89.276148680671255</v>
      </c>
      <c r="N1700">
        <v>549</v>
      </c>
      <c r="P1700">
        <v>98.13580414316435</v>
      </c>
      <c r="Q1700">
        <v>303</v>
      </c>
    </row>
    <row r="1701" spans="4:17" x14ac:dyDescent="0.25">
      <c r="D1701">
        <v>85.000684880358136</v>
      </c>
      <c r="E1701">
        <v>599</v>
      </c>
      <c r="G1701">
        <v>84.92593387407608</v>
      </c>
      <c r="H1701">
        <v>675</v>
      </c>
      <c r="J1701">
        <v>85.449298830278252</v>
      </c>
      <c r="K1701">
        <v>675</v>
      </c>
      <c r="M1701">
        <v>89.269304690036009</v>
      </c>
      <c r="N1701">
        <v>550</v>
      </c>
      <c r="P1701">
        <v>98.131537717107221</v>
      </c>
      <c r="Q1701">
        <v>303</v>
      </c>
    </row>
    <row r="1702" spans="4:17" x14ac:dyDescent="0.25">
      <c r="D1702">
        <v>84.990143027775133</v>
      </c>
      <c r="E1702">
        <v>599</v>
      </c>
      <c r="G1702">
        <v>84.920588718599518</v>
      </c>
      <c r="H1702">
        <v>675</v>
      </c>
      <c r="J1702">
        <v>85.442441573937728</v>
      </c>
      <c r="K1702">
        <v>675</v>
      </c>
      <c r="M1702">
        <v>89.262041923750061</v>
      </c>
      <c r="N1702">
        <v>550</v>
      </c>
      <c r="P1702">
        <v>98.127271291050093</v>
      </c>
      <c r="Q1702">
        <v>303</v>
      </c>
    </row>
    <row r="1703" spans="4:17" x14ac:dyDescent="0.25">
      <c r="D1703">
        <v>84.979614777582555</v>
      </c>
      <c r="E1703">
        <v>599</v>
      </c>
      <c r="G1703">
        <v>84.915243563122999</v>
      </c>
      <c r="H1703">
        <v>676</v>
      </c>
      <c r="J1703">
        <v>85.435594491568025</v>
      </c>
      <c r="K1703">
        <v>675</v>
      </c>
      <c r="M1703">
        <v>89.254791122482658</v>
      </c>
      <c r="N1703">
        <v>551</v>
      </c>
      <c r="P1703">
        <v>98.122307874597482</v>
      </c>
      <c r="Q1703">
        <v>304</v>
      </c>
    </row>
    <row r="1704" spans="4:17" x14ac:dyDescent="0.25">
      <c r="D1704">
        <v>84.969072924999551</v>
      </c>
      <c r="E1704">
        <v>600</v>
      </c>
      <c r="G1704">
        <v>84.909898407646423</v>
      </c>
      <c r="H1704">
        <v>676</v>
      </c>
      <c r="J1704">
        <v>85.429083150235769</v>
      </c>
      <c r="K1704">
        <v>676</v>
      </c>
      <c r="M1704">
        <v>89.247540321215268</v>
      </c>
      <c r="N1704">
        <v>551</v>
      </c>
      <c r="P1704">
        <v>98.118020327619277</v>
      </c>
      <c r="Q1704">
        <v>304</v>
      </c>
    </row>
    <row r="1705" spans="4:17" x14ac:dyDescent="0.25">
      <c r="D1705">
        <v>84.958544674806973</v>
      </c>
      <c r="E1705">
        <v>600</v>
      </c>
      <c r="G1705">
        <v>84.90455325216989</v>
      </c>
      <c r="H1705">
        <v>677</v>
      </c>
      <c r="J1705">
        <v>85.422236067866081</v>
      </c>
      <c r="K1705">
        <v>676</v>
      </c>
      <c r="M1705">
        <v>89.240289519947908</v>
      </c>
      <c r="N1705">
        <v>551</v>
      </c>
      <c r="P1705">
        <v>98.113056911166666</v>
      </c>
      <c r="Q1705">
        <v>304</v>
      </c>
    </row>
    <row r="1706" spans="4:17" x14ac:dyDescent="0.25">
      <c r="D1706">
        <v>84.948002822223955</v>
      </c>
      <c r="E1706">
        <v>601</v>
      </c>
      <c r="G1706">
        <v>84.899194866110477</v>
      </c>
      <c r="H1706">
        <v>677</v>
      </c>
      <c r="J1706">
        <v>85.415032896517303</v>
      </c>
      <c r="K1706">
        <v>677</v>
      </c>
      <c r="M1706">
        <v>89.233433564294103</v>
      </c>
      <c r="N1706">
        <v>552</v>
      </c>
      <c r="P1706">
        <v>98.108072373792993</v>
      </c>
      <c r="Q1706">
        <v>305</v>
      </c>
    </row>
    <row r="1707" spans="4:17" x14ac:dyDescent="0.25">
      <c r="D1707">
        <v>84.937474572031377</v>
      </c>
      <c r="E1707">
        <v>601</v>
      </c>
      <c r="G1707">
        <v>84.894299550451251</v>
      </c>
      <c r="H1707">
        <v>677</v>
      </c>
      <c r="J1707">
        <v>85.408185814147615</v>
      </c>
      <c r="K1707">
        <v>677</v>
      </c>
      <c r="M1707">
        <v>89.226182763026699</v>
      </c>
      <c r="N1707">
        <v>552</v>
      </c>
      <c r="P1707">
        <v>98.103087836419306</v>
      </c>
      <c r="Q1707">
        <v>305</v>
      </c>
    </row>
    <row r="1708" spans="4:17" x14ac:dyDescent="0.25">
      <c r="D1708">
        <v>84.927395200722998</v>
      </c>
      <c r="E1708">
        <v>601</v>
      </c>
      <c r="G1708">
        <v>84.889404234792039</v>
      </c>
      <c r="H1708">
        <v>678</v>
      </c>
      <c r="J1708">
        <v>85.40099281676963</v>
      </c>
      <c r="K1708">
        <v>678</v>
      </c>
      <c r="M1708">
        <v>89.219338772391481</v>
      </c>
      <c r="N1708">
        <v>553</v>
      </c>
      <c r="P1708">
        <v>98.098124419966709</v>
      </c>
      <c r="Q1708">
        <v>305</v>
      </c>
    </row>
    <row r="1709" spans="4:17" x14ac:dyDescent="0.25">
      <c r="D1709">
        <v>84.916853348139981</v>
      </c>
      <c r="E1709">
        <v>602</v>
      </c>
      <c r="G1709">
        <v>84.88404584873264</v>
      </c>
      <c r="H1709">
        <v>678</v>
      </c>
      <c r="J1709">
        <v>85.39413556042912</v>
      </c>
      <c r="K1709">
        <v>678</v>
      </c>
      <c r="M1709">
        <v>89.212087971124106</v>
      </c>
      <c r="N1709">
        <v>553</v>
      </c>
      <c r="P1709">
        <v>98.093139882593022</v>
      </c>
      <c r="Q1709">
        <v>306</v>
      </c>
    </row>
    <row r="1710" spans="4:17" x14ac:dyDescent="0.25">
      <c r="D1710">
        <v>84.906773976831602</v>
      </c>
      <c r="E1710">
        <v>602</v>
      </c>
      <c r="G1710">
        <v>84.879150533073428</v>
      </c>
      <c r="H1710">
        <v>679</v>
      </c>
      <c r="J1710">
        <v>85.386942563051164</v>
      </c>
      <c r="K1710">
        <v>678</v>
      </c>
      <c r="M1710">
        <v>89.205232015470287</v>
      </c>
      <c r="N1710">
        <v>553</v>
      </c>
      <c r="P1710">
        <v>98.088873456535879</v>
      </c>
      <c r="Q1710">
        <v>306</v>
      </c>
    </row>
    <row r="1711" spans="4:17" x14ac:dyDescent="0.25">
      <c r="D1711">
        <v>84.896245726639023</v>
      </c>
      <c r="E1711">
        <v>603</v>
      </c>
      <c r="G1711">
        <v>84.873805377596881</v>
      </c>
      <c r="H1711">
        <v>679</v>
      </c>
      <c r="J1711">
        <v>85.380085306710626</v>
      </c>
      <c r="K1711">
        <v>679</v>
      </c>
      <c r="M1711">
        <v>89.197981214202898</v>
      </c>
      <c r="N1711">
        <v>554</v>
      </c>
      <c r="P1711">
        <v>98.083888919162206</v>
      </c>
      <c r="Q1711">
        <v>306</v>
      </c>
    </row>
    <row r="1712" spans="4:17" x14ac:dyDescent="0.25">
      <c r="D1712">
        <v>84.886166355330616</v>
      </c>
      <c r="E1712">
        <v>603</v>
      </c>
      <c r="G1712">
        <v>84.868910061937655</v>
      </c>
      <c r="H1712">
        <v>680</v>
      </c>
      <c r="J1712">
        <v>85.373238224340952</v>
      </c>
      <c r="K1712">
        <v>679</v>
      </c>
      <c r="M1712">
        <v>89.190730412935508</v>
      </c>
      <c r="N1712">
        <v>554</v>
      </c>
      <c r="P1712">
        <v>98.079622493105077</v>
      </c>
      <c r="Q1712">
        <v>307</v>
      </c>
    </row>
    <row r="1713" spans="4:17" x14ac:dyDescent="0.25">
      <c r="D1713">
        <v>84.875638105138052</v>
      </c>
      <c r="E1713">
        <v>604</v>
      </c>
      <c r="G1713">
        <v>84.863551675878242</v>
      </c>
      <c r="H1713">
        <v>680</v>
      </c>
      <c r="J1713">
        <v>85.366045226962981</v>
      </c>
      <c r="K1713">
        <v>680</v>
      </c>
      <c r="M1713">
        <v>89.183874457281718</v>
      </c>
      <c r="N1713">
        <v>555</v>
      </c>
      <c r="P1713">
        <v>98.07463795573139</v>
      </c>
      <c r="Q1713">
        <v>307</v>
      </c>
    </row>
    <row r="1714" spans="4:17" x14ac:dyDescent="0.25">
      <c r="D1714">
        <v>84.865558733829644</v>
      </c>
      <c r="E1714">
        <v>604</v>
      </c>
      <c r="G1714">
        <v>84.858206520401694</v>
      </c>
      <c r="H1714">
        <v>680</v>
      </c>
      <c r="J1714">
        <v>85.359187970622457</v>
      </c>
      <c r="K1714">
        <v>680</v>
      </c>
      <c r="M1714">
        <v>89.176623656014328</v>
      </c>
      <c r="N1714">
        <v>555</v>
      </c>
      <c r="P1714">
        <v>98.069674539278779</v>
      </c>
      <c r="Q1714">
        <v>307</v>
      </c>
    </row>
    <row r="1715" spans="4:17" x14ac:dyDescent="0.25">
      <c r="D1715">
        <v>84.855016881246641</v>
      </c>
      <c r="E1715">
        <v>604</v>
      </c>
      <c r="G1715">
        <v>84.853311204742482</v>
      </c>
      <c r="H1715">
        <v>681</v>
      </c>
      <c r="J1715">
        <v>85.352340888252769</v>
      </c>
      <c r="K1715">
        <v>680</v>
      </c>
      <c r="M1715">
        <v>89.16977966537911</v>
      </c>
      <c r="N1715">
        <v>556</v>
      </c>
      <c r="P1715">
        <v>98.065386992300574</v>
      </c>
      <c r="Q1715">
        <v>308</v>
      </c>
    </row>
    <row r="1716" spans="4:17" x14ac:dyDescent="0.25">
      <c r="D1716">
        <v>84.844937509938248</v>
      </c>
      <c r="E1716">
        <v>605</v>
      </c>
      <c r="G1716">
        <v>84.847966049265935</v>
      </c>
      <c r="H1716">
        <v>681</v>
      </c>
      <c r="J1716">
        <v>85.345483631912231</v>
      </c>
      <c r="K1716">
        <v>681</v>
      </c>
      <c r="M1716">
        <v>89.162528864111735</v>
      </c>
      <c r="N1716">
        <v>556</v>
      </c>
      <c r="P1716">
        <v>98.060423575847963</v>
      </c>
      <c r="Q1716">
        <v>308</v>
      </c>
    </row>
    <row r="1717" spans="4:17" x14ac:dyDescent="0.25">
      <c r="D1717">
        <v>84.834858138629869</v>
      </c>
      <c r="E1717">
        <v>605</v>
      </c>
      <c r="G1717">
        <v>84.843057503023843</v>
      </c>
      <c r="H1717">
        <v>682</v>
      </c>
      <c r="J1717">
        <v>85.338972290580017</v>
      </c>
      <c r="K1717">
        <v>681</v>
      </c>
      <c r="M1717">
        <v>89.155266097825731</v>
      </c>
      <c r="N1717">
        <v>556</v>
      </c>
      <c r="P1717">
        <v>98.05543903847429</v>
      </c>
      <c r="Q1717">
        <v>308</v>
      </c>
    </row>
    <row r="1718" spans="4:17" x14ac:dyDescent="0.25">
      <c r="D1718">
        <v>84.824792369711886</v>
      </c>
      <c r="E1718">
        <v>606</v>
      </c>
      <c r="G1718">
        <v>84.838162187364645</v>
      </c>
      <c r="H1718">
        <v>682</v>
      </c>
      <c r="J1718">
        <v>85.33247112321861</v>
      </c>
      <c r="K1718">
        <v>682</v>
      </c>
      <c r="M1718">
        <v>89.148422107190513</v>
      </c>
      <c r="N1718">
        <v>557</v>
      </c>
      <c r="P1718">
        <v>98.050454501100617</v>
      </c>
      <c r="Q1718">
        <v>309</v>
      </c>
    </row>
    <row r="1719" spans="4:17" x14ac:dyDescent="0.25">
      <c r="D1719">
        <v>84.814712998403479</v>
      </c>
      <c r="E1719">
        <v>606</v>
      </c>
      <c r="G1719">
        <v>84.832817031888098</v>
      </c>
      <c r="H1719">
        <v>682</v>
      </c>
      <c r="J1719">
        <v>85.32595978188634</v>
      </c>
      <c r="K1719">
        <v>682</v>
      </c>
      <c r="M1719">
        <v>89.141171305923152</v>
      </c>
      <c r="N1719">
        <v>557</v>
      </c>
      <c r="P1719">
        <v>98.045491084647992</v>
      </c>
      <c r="Q1719">
        <v>309</v>
      </c>
    </row>
    <row r="1720" spans="4:17" x14ac:dyDescent="0.25">
      <c r="D1720">
        <v>84.8046336270951</v>
      </c>
      <c r="E1720">
        <v>606</v>
      </c>
      <c r="G1720">
        <v>84.827908485646006</v>
      </c>
      <c r="H1720">
        <v>683</v>
      </c>
      <c r="J1720">
        <v>85.31910252554583</v>
      </c>
      <c r="K1720">
        <v>683</v>
      </c>
      <c r="M1720">
        <v>89.134315350269347</v>
      </c>
      <c r="N1720">
        <v>558</v>
      </c>
      <c r="P1720">
        <v>98.040506547274333</v>
      </c>
      <c r="Q1720">
        <v>309</v>
      </c>
    </row>
    <row r="1721" spans="4:17" x14ac:dyDescent="0.25">
      <c r="D1721">
        <v>84.794554255786693</v>
      </c>
      <c r="E1721">
        <v>607</v>
      </c>
      <c r="G1721">
        <v>84.823013169986794</v>
      </c>
      <c r="H1721">
        <v>683</v>
      </c>
      <c r="J1721">
        <v>85.312591184213574</v>
      </c>
      <c r="K1721">
        <v>683</v>
      </c>
      <c r="M1721">
        <v>89.127471359634114</v>
      </c>
      <c r="N1721">
        <v>558</v>
      </c>
      <c r="P1721">
        <v>98.03552200990066</v>
      </c>
      <c r="Q1721">
        <v>310</v>
      </c>
    </row>
    <row r="1722" spans="4:17" x14ac:dyDescent="0.25">
      <c r="D1722">
        <v>84.78401240320369</v>
      </c>
      <c r="E1722">
        <v>607</v>
      </c>
      <c r="G1722">
        <v>84.818117854327582</v>
      </c>
      <c r="H1722">
        <v>684</v>
      </c>
      <c r="J1722">
        <v>85.305744101843899</v>
      </c>
      <c r="K1722">
        <v>683</v>
      </c>
      <c r="M1722">
        <v>89.120220558366739</v>
      </c>
      <c r="N1722">
        <v>558</v>
      </c>
      <c r="P1722">
        <v>98.030537472526973</v>
      </c>
      <c r="Q1722">
        <v>310</v>
      </c>
    </row>
    <row r="1723" spans="4:17" x14ac:dyDescent="0.25">
      <c r="D1723">
        <v>84.773946634285721</v>
      </c>
      <c r="E1723">
        <v>608</v>
      </c>
      <c r="G1723">
        <v>84.813209308085504</v>
      </c>
      <c r="H1723">
        <v>684</v>
      </c>
      <c r="J1723">
        <v>85.298886845503375</v>
      </c>
      <c r="K1723">
        <v>684</v>
      </c>
      <c r="M1723">
        <v>89.11336460271292</v>
      </c>
      <c r="N1723">
        <v>559</v>
      </c>
      <c r="P1723">
        <v>98.025574056074376</v>
      </c>
      <c r="Q1723">
        <v>310</v>
      </c>
    </row>
    <row r="1724" spans="4:17" x14ac:dyDescent="0.25">
      <c r="D1724">
        <v>84.763867262977328</v>
      </c>
      <c r="E1724">
        <v>608</v>
      </c>
      <c r="G1724">
        <v>84.808313992426292</v>
      </c>
      <c r="H1724">
        <v>685</v>
      </c>
      <c r="J1724">
        <v>85.292385678141969</v>
      </c>
      <c r="K1724">
        <v>684</v>
      </c>
      <c r="M1724">
        <v>89.106520612077702</v>
      </c>
      <c r="N1724">
        <v>559</v>
      </c>
      <c r="P1724">
        <v>98.020589518700675</v>
      </c>
      <c r="Q1724">
        <v>311</v>
      </c>
    </row>
    <row r="1725" spans="4:17" x14ac:dyDescent="0.25">
      <c r="D1725">
        <v>84.754250372943545</v>
      </c>
      <c r="E1725">
        <v>609</v>
      </c>
      <c r="G1725">
        <v>84.803405446184215</v>
      </c>
      <c r="H1725">
        <v>685</v>
      </c>
      <c r="J1725">
        <v>85.285528421801445</v>
      </c>
      <c r="K1725">
        <v>685</v>
      </c>
      <c r="M1725">
        <v>89.099269810810313</v>
      </c>
      <c r="N1725">
        <v>560</v>
      </c>
      <c r="P1725">
        <v>98.015604981326987</v>
      </c>
      <c r="Q1725">
        <v>311</v>
      </c>
    </row>
    <row r="1726" spans="4:17" x14ac:dyDescent="0.25">
      <c r="D1726">
        <v>84.744171001635138</v>
      </c>
      <c r="E1726">
        <v>609</v>
      </c>
      <c r="G1726">
        <v>84.798959970342338</v>
      </c>
      <c r="H1726">
        <v>685</v>
      </c>
      <c r="J1726">
        <v>85.278335424423474</v>
      </c>
      <c r="K1726">
        <v>685</v>
      </c>
      <c r="M1726">
        <v>89.092413855156508</v>
      </c>
      <c r="N1726">
        <v>560</v>
      </c>
      <c r="P1726">
        <v>98.0106204439533</v>
      </c>
      <c r="Q1726">
        <v>311</v>
      </c>
    </row>
    <row r="1727" spans="4:17" x14ac:dyDescent="0.25">
      <c r="D1727">
        <v>84.734554111601369</v>
      </c>
      <c r="E1727">
        <v>609</v>
      </c>
      <c r="G1727">
        <v>84.794501263917581</v>
      </c>
      <c r="H1727">
        <v>686</v>
      </c>
      <c r="J1727">
        <v>85.271142427045518</v>
      </c>
      <c r="K1727">
        <v>685</v>
      </c>
      <c r="M1727">
        <v>89.08556986452129</v>
      </c>
      <c r="N1727">
        <v>561</v>
      </c>
      <c r="P1727">
        <v>98.005657027500689</v>
      </c>
      <c r="Q1727">
        <v>312</v>
      </c>
    </row>
    <row r="1728" spans="4:17" x14ac:dyDescent="0.25">
      <c r="D1728">
        <v>84.724923619177133</v>
      </c>
      <c r="E1728">
        <v>610</v>
      </c>
      <c r="G1728">
        <v>84.790042557492839</v>
      </c>
      <c r="H1728">
        <v>686</v>
      </c>
      <c r="J1728">
        <v>85.264285170704994</v>
      </c>
      <c r="K1728">
        <v>686</v>
      </c>
      <c r="M1728">
        <v>89.078713908867471</v>
      </c>
      <c r="N1728">
        <v>561</v>
      </c>
      <c r="P1728">
        <v>98.000672490127016</v>
      </c>
      <c r="Q1728">
        <v>312</v>
      </c>
    </row>
    <row r="1729" spans="4:17" x14ac:dyDescent="0.25">
      <c r="D1729">
        <v>84.715306729143364</v>
      </c>
      <c r="E1729">
        <v>610</v>
      </c>
      <c r="G1729">
        <v>84.785147241833613</v>
      </c>
      <c r="H1729">
        <v>687</v>
      </c>
      <c r="J1729">
        <v>85.257092173327038</v>
      </c>
      <c r="K1729">
        <v>686</v>
      </c>
      <c r="M1729">
        <v>89.071869918232252</v>
      </c>
      <c r="N1729">
        <v>561</v>
      </c>
      <c r="P1729">
        <v>97.995687952753343</v>
      </c>
      <c r="Q1729">
        <v>312</v>
      </c>
    </row>
    <row r="1730" spans="4:17" x14ac:dyDescent="0.25">
      <c r="D1730">
        <v>84.705689839109567</v>
      </c>
      <c r="E1730">
        <v>611</v>
      </c>
      <c r="G1730">
        <v>84.780688535408885</v>
      </c>
      <c r="H1730">
        <v>687</v>
      </c>
      <c r="J1730">
        <v>85.249899175949068</v>
      </c>
      <c r="K1730">
        <v>687</v>
      </c>
      <c r="M1730">
        <v>89.065013962578448</v>
      </c>
      <c r="N1730">
        <v>562</v>
      </c>
      <c r="P1730">
        <v>97.991421526696215</v>
      </c>
      <c r="Q1730">
        <v>313</v>
      </c>
    </row>
    <row r="1731" spans="4:17" x14ac:dyDescent="0.25">
      <c r="D1731">
        <v>84.69607294907577</v>
      </c>
      <c r="E1731">
        <v>611</v>
      </c>
      <c r="G1731">
        <v>84.776229828984143</v>
      </c>
      <c r="H1731">
        <v>687</v>
      </c>
      <c r="J1731">
        <v>85.242706178571098</v>
      </c>
      <c r="K1731">
        <v>687</v>
      </c>
      <c r="M1731">
        <v>89.058169971943229</v>
      </c>
      <c r="N1731">
        <v>562</v>
      </c>
      <c r="P1731">
        <v>97.987155100639072</v>
      </c>
      <c r="Q1731">
        <v>313</v>
      </c>
    </row>
    <row r="1732" spans="4:17" x14ac:dyDescent="0.25">
      <c r="D1732">
        <v>84.686456059041987</v>
      </c>
      <c r="E1732">
        <v>611</v>
      </c>
      <c r="G1732">
        <v>84.771334513324916</v>
      </c>
      <c r="H1732">
        <v>688</v>
      </c>
      <c r="J1732">
        <v>85.235513181193141</v>
      </c>
      <c r="K1732">
        <v>688</v>
      </c>
      <c r="M1732">
        <v>89.051314016289425</v>
      </c>
      <c r="N1732">
        <v>563</v>
      </c>
      <c r="P1732">
        <v>97.982170563265385</v>
      </c>
      <c r="Q1732">
        <v>313</v>
      </c>
    </row>
    <row r="1733" spans="4:17" x14ac:dyDescent="0.25">
      <c r="D1733">
        <v>84.676825566617765</v>
      </c>
      <c r="E1733">
        <v>612</v>
      </c>
      <c r="G1733">
        <v>84.76687580690016</v>
      </c>
      <c r="H1733">
        <v>688</v>
      </c>
      <c r="J1733">
        <v>85.228655924852632</v>
      </c>
      <c r="K1733">
        <v>688</v>
      </c>
      <c r="M1733">
        <v>89.044470025654192</v>
      </c>
      <c r="N1733">
        <v>563</v>
      </c>
      <c r="P1733">
        <v>97.97790413720827</v>
      </c>
      <c r="Q1733">
        <v>314</v>
      </c>
    </row>
    <row r="1734" spans="4:17" x14ac:dyDescent="0.25">
      <c r="D1734">
        <v>84.667208676583996</v>
      </c>
      <c r="E1734">
        <v>612</v>
      </c>
      <c r="G1734">
        <v>84.762417100475432</v>
      </c>
      <c r="H1734">
        <v>689</v>
      </c>
      <c r="J1734">
        <v>85.221808842482929</v>
      </c>
      <c r="K1734">
        <v>688</v>
      </c>
      <c r="M1734">
        <v>89.037614070000387</v>
      </c>
      <c r="N1734">
        <v>563</v>
      </c>
      <c r="P1734">
        <v>97.972940720755659</v>
      </c>
      <c r="Q1734">
        <v>314</v>
      </c>
    </row>
    <row r="1735" spans="4:17" x14ac:dyDescent="0.25">
      <c r="D1735">
        <v>84.658054267824795</v>
      </c>
      <c r="E1735">
        <v>613</v>
      </c>
      <c r="G1735">
        <v>84.757958394050689</v>
      </c>
      <c r="H1735">
        <v>689</v>
      </c>
      <c r="J1735">
        <v>85.215297501150673</v>
      </c>
      <c r="K1735">
        <v>689</v>
      </c>
      <c r="M1735">
        <v>89.030770079365169</v>
      </c>
      <c r="N1735">
        <v>564</v>
      </c>
      <c r="P1735">
        <v>97.968674294698531</v>
      </c>
      <c r="Q1735">
        <v>314</v>
      </c>
    </row>
    <row r="1736" spans="4:17" x14ac:dyDescent="0.25">
      <c r="D1736">
        <v>84.648437377791026</v>
      </c>
      <c r="E1736">
        <v>613</v>
      </c>
      <c r="G1736">
        <v>84.753512918208813</v>
      </c>
      <c r="H1736">
        <v>690</v>
      </c>
      <c r="J1736">
        <v>85.208440244810163</v>
      </c>
      <c r="K1736">
        <v>689</v>
      </c>
      <c r="M1736">
        <v>89.02391412371135</v>
      </c>
      <c r="N1736">
        <v>564</v>
      </c>
      <c r="P1736">
        <v>97.963689757324843</v>
      </c>
      <c r="Q1736">
        <v>315</v>
      </c>
    </row>
    <row r="1737" spans="4:17" x14ac:dyDescent="0.25">
      <c r="D1737">
        <v>84.639269366641415</v>
      </c>
      <c r="E1737">
        <v>614</v>
      </c>
      <c r="G1737">
        <v>84.749054211784056</v>
      </c>
      <c r="H1737">
        <v>690</v>
      </c>
      <c r="J1737">
        <v>85.201593162440474</v>
      </c>
      <c r="K1737">
        <v>690</v>
      </c>
      <c r="M1737">
        <v>89.017070133076132</v>
      </c>
      <c r="N1737">
        <v>565</v>
      </c>
      <c r="P1737">
        <v>97.958705219951156</v>
      </c>
      <c r="Q1737">
        <v>315</v>
      </c>
    </row>
    <row r="1738" spans="4:17" x14ac:dyDescent="0.25">
      <c r="D1738">
        <v>84.630114957882228</v>
      </c>
      <c r="E1738">
        <v>614</v>
      </c>
      <c r="G1738">
        <v>84.744595505359314</v>
      </c>
      <c r="H1738">
        <v>690</v>
      </c>
      <c r="J1738">
        <v>85.19473590609995</v>
      </c>
      <c r="K1738">
        <v>690</v>
      </c>
      <c r="M1738">
        <v>89.010214177422313</v>
      </c>
      <c r="N1738">
        <v>565</v>
      </c>
      <c r="P1738">
        <v>97.953720682577455</v>
      </c>
      <c r="Q1738">
        <v>315</v>
      </c>
    </row>
    <row r="1739" spans="4:17" x14ac:dyDescent="0.25">
      <c r="D1739">
        <v>84.62094694673263</v>
      </c>
      <c r="E1739">
        <v>614</v>
      </c>
      <c r="G1739">
        <v>84.740136798934557</v>
      </c>
      <c r="H1739">
        <v>691</v>
      </c>
      <c r="J1739">
        <v>85.188224564767694</v>
      </c>
      <c r="K1739">
        <v>690</v>
      </c>
      <c r="M1739">
        <v>89.003370186787095</v>
      </c>
      <c r="N1739">
        <v>566</v>
      </c>
      <c r="P1739">
        <v>97.948757266124858</v>
      </c>
      <c r="Q1739">
        <v>316</v>
      </c>
    </row>
    <row r="1740" spans="4:17" x14ac:dyDescent="0.25">
      <c r="D1740">
        <v>84.611792537973443</v>
      </c>
      <c r="E1740">
        <v>615</v>
      </c>
      <c r="G1740">
        <v>84.736127932327165</v>
      </c>
      <c r="H1740">
        <v>691</v>
      </c>
      <c r="J1740">
        <v>85.181723397406302</v>
      </c>
      <c r="K1740">
        <v>691</v>
      </c>
      <c r="M1740">
        <v>88.99651423113329</v>
      </c>
      <c r="N1740">
        <v>566</v>
      </c>
      <c r="P1740">
        <v>97.943772728751185</v>
      </c>
      <c r="Q1740">
        <v>316</v>
      </c>
    </row>
    <row r="1741" spans="4:17" x14ac:dyDescent="0.25">
      <c r="D1741">
        <v>84.602624526823845</v>
      </c>
      <c r="E1741">
        <v>615</v>
      </c>
      <c r="G1741">
        <v>84.731682456485288</v>
      </c>
      <c r="H1741">
        <v>692</v>
      </c>
      <c r="J1741">
        <v>85.175212056074045</v>
      </c>
      <c r="K1741">
        <v>691</v>
      </c>
      <c r="M1741">
        <v>88.989670240498072</v>
      </c>
      <c r="N1741">
        <v>566</v>
      </c>
      <c r="P1741">
        <v>97.938788191377512</v>
      </c>
      <c r="Q1741">
        <v>316</v>
      </c>
    </row>
    <row r="1742" spans="4:17" x14ac:dyDescent="0.25">
      <c r="D1742">
        <v>84.593470118064658</v>
      </c>
      <c r="E1742">
        <v>616</v>
      </c>
      <c r="G1742">
        <v>84.727223750060546</v>
      </c>
      <c r="H1742">
        <v>692</v>
      </c>
      <c r="J1742">
        <v>85.168700714741803</v>
      </c>
      <c r="K1742">
        <v>692</v>
      </c>
      <c r="M1742">
        <v>88.982814284844252</v>
      </c>
      <c r="N1742">
        <v>567</v>
      </c>
      <c r="P1742">
        <v>97.933824774924886</v>
      </c>
      <c r="Q1742">
        <v>317</v>
      </c>
    </row>
    <row r="1743" spans="4:17" x14ac:dyDescent="0.25">
      <c r="D1743">
        <v>84.584302106915061</v>
      </c>
      <c r="E1743">
        <v>616</v>
      </c>
      <c r="G1743">
        <v>84.722765043635775</v>
      </c>
      <c r="H1743">
        <v>692</v>
      </c>
      <c r="J1743">
        <v>85.161843458401293</v>
      </c>
      <c r="K1743">
        <v>692</v>
      </c>
      <c r="M1743">
        <v>88.975970294209034</v>
      </c>
      <c r="N1743">
        <v>567</v>
      </c>
      <c r="P1743">
        <v>97.928840237551242</v>
      </c>
      <c r="Q1743">
        <v>317</v>
      </c>
    </row>
    <row r="1744" spans="4:17" x14ac:dyDescent="0.25">
      <c r="D1744">
        <v>84.575147698155888</v>
      </c>
      <c r="E1744">
        <v>616</v>
      </c>
      <c r="G1744">
        <v>84.718756177028382</v>
      </c>
      <c r="H1744">
        <v>693</v>
      </c>
      <c r="J1744">
        <v>85.155342291039872</v>
      </c>
      <c r="K1744">
        <v>693</v>
      </c>
      <c r="M1744">
        <v>88.969114338555215</v>
      </c>
      <c r="N1744">
        <v>568</v>
      </c>
      <c r="P1744">
        <v>97.924573811494085</v>
      </c>
      <c r="Q1744">
        <v>317</v>
      </c>
    </row>
    <row r="1745" spans="4:17" x14ac:dyDescent="0.25">
      <c r="D1745">
        <v>84.565979687006276</v>
      </c>
      <c r="E1745">
        <v>617</v>
      </c>
      <c r="G1745">
        <v>84.714297470603626</v>
      </c>
      <c r="H1745">
        <v>693</v>
      </c>
      <c r="J1745">
        <v>85.148485034699377</v>
      </c>
      <c r="K1745">
        <v>693</v>
      </c>
      <c r="M1745">
        <v>88.962270347919997</v>
      </c>
      <c r="N1745">
        <v>568</v>
      </c>
      <c r="P1745">
        <v>97.919589274120426</v>
      </c>
      <c r="Q1745">
        <v>318</v>
      </c>
    </row>
    <row r="1746" spans="4:17" x14ac:dyDescent="0.25">
      <c r="D1746">
        <v>84.557274157131275</v>
      </c>
      <c r="E1746">
        <v>617</v>
      </c>
      <c r="G1746">
        <v>84.709838764178897</v>
      </c>
      <c r="H1746">
        <v>694</v>
      </c>
      <c r="J1746">
        <v>85.141973693367106</v>
      </c>
      <c r="K1746">
        <v>693</v>
      </c>
      <c r="M1746">
        <v>88.955426357284779</v>
      </c>
      <c r="N1746">
        <v>568</v>
      </c>
      <c r="P1746">
        <v>97.915322848063269</v>
      </c>
      <c r="Q1746">
        <v>318</v>
      </c>
    </row>
    <row r="1747" spans="4:17" x14ac:dyDescent="0.25">
      <c r="D1747">
        <v>84.548119748372102</v>
      </c>
      <c r="E1747">
        <v>618</v>
      </c>
      <c r="G1747">
        <v>84.705829897571476</v>
      </c>
      <c r="H1747">
        <v>694</v>
      </c>
      <c r="J1747">
        <v>85.135126610997403</v>
      </c>
      <c r="K1747">
        <v>694</v>
      </c>
      <c r="M1747">
        <v>88.948570401630974</v>
      </c>
      <c r="N1747">
        <v>569</v>
      </c>
      <c r="P1747">
        <v>97.910338310689596</v>
      </c>
      <c r="Q1747">
        <v>318</v>
      </c>
    </row>
    <row r="1748" spans="4:17" x14ac:dyDescent="0.25">
      <c r="D1748">
        <v>84.538951737222504</v>
      </c>
      <c r="E1748">
        <v>618</v>
      </c>
      <c r="G1748">
        <v>84.701821030964069</v>
      </c>
      <c r="H1748">
        <v>695</v>
      </c>
      <c r="J1748">
        <v>85.128269354656894</v>
      </c>
      <c r="K1748">
        <v>694</v>
      </c>
      <c r="M1748">
        <v>88.941726410995756</v>
      </c>
      <c r="N1748">
        <v>569</v>
      </c>
      <c r="P1748">
        <v>97.906071884632453</v>
      </c>
      <c r="Q1748">
        <v>319</v>
      </c>
    </row>
    <row r="1749" spans="4:17" x14ac:dyDescent="0.25">
      <c r="D1749">
        <v>84.529797328463317</v>
      </c>
      <c r="E1749">
        <v>619</v>
      </c>
      <c r="G1749">
        <v>84.697375555122179</v>
      </c>
      <c r="H1749">
        <v>695</v>
      </c>
      <c r="J1749">
        <v>85.121076357278952</v>
      </c>
      <c r="K1749">
        <v>695</v>
      </c>
      <c r="M1749">
        <v>88.934870455341937</v>
      </c>
      <c r="N1749">
        <v>570</v>
      </c>
      <c r="P1749">
        <v>97.901087347258766</v>
      </c>
      <c r="Q1749">
        <v>319</v>
      </c>
    </row>
    <row r="1750" spans="4:17" x14ac:dyDescent="0.25">
      <c r="D1750">
        <v>84.521091798588316</v>
      </c>
      <c r="E1750">
        <v>619</v>
      </c>
      <c r="G1750">
        <v>84.693353457931906</v>
      </c>
      <c r="H1750">
        <v>695</v>
      </c>
      <c r="J1750">
        <v>85.114565015946681</v>
      </c>
      <c r="K1750">
        <v>695</v>
      </c>
      <c r="M1750">
        <v>88.928026464706718</v>
      </c>
      <c r="N1750">
        <v>570</v>
      </c>
      <c r="P1750">
        <v>97.896820921201638</v>
      </c>
      <c r="Q1750">
        <v>319</v>
      </c>
    </row>
    <row r="1751" spans="4:17" x14ac:dyDescent="0.25">
      <c r="D1751">
        <v>84.511923787438704</v>
      </c>
      <c r="E1751">
        <v>619</v>
      </c>
      <c r="G1751">
        <v>84.689344591324499</v>
      </c>
      <c r="H1751">
        <v>696</v>
      </c>
      <c r="J1751">
        <v>85.107717933576993</v>
      </c>
      <c r="K1751">
        <v>695</v>
      </c>
      <c r="M1751">
        <v>88.921170509052899</v>
      </c>
      <c r="N1751">
        <v>571</v>
      </c>
      <c r="P1751">
        <v>97.891857504749026</v>
      </c>
      <c r="Q1751">
        <v>320</v>
      </c>
    </row>
    <row r="1752" spans="4:17" x14ac:dyDescent="0.25">
      <c r="D1752">
        <v>84.502769378679531</v>
      </c>
      <c r="E1752">
        <v>620</v>
      </c>
      <c r="G1752">
        <v>84.684899115482608</v>
      </c>
      <c r="H1752">
        <v>696</v>
      </c>
      <c r="J1752">
        <v>85.100514762228201</v>
      </c>
      <c r="K1752">
        <v>696</v>
      </c>
      <c r="M1752">
        <v>88.914326518417681</v>
      </c>
      <c r="N1752">
        <v>571</v>
      </c>
      <c r="P1752">
        <v>97.887591078691898</v>
      </c>
      <c r="Q1752">
        <v>320</v>
      </c>
    </row>
    <row r="1753" spans="4:17" x14ac:dyDescent="0.25">
      <c r="D1753">
        <v>84.494063848804529</v>
      </c>
      <c r="E1753">
        <v>620</v>
      </c>
      <c r="G1753">
        <v>84.680890248875201</v>
      </c>
      <c r="H1753">
        <v>697</v>
      </c>
      <c r="J1753">
        <v>85.093321764850245</v>
      </c>
      <c r="K1753">
        <v>696</v>
      </c>
      <c r="M1753">
        <v>88.907470562763862</v>
      </c>
      <c r="N1753">
        <v>571</v>
      </c>
      <c r="P1753">
        <v>97.882606541318239</v>
      </c>
      <c r="Q1753">
        <v>320</v>
      </c>
    </row>
    <row r="1754" spans="4:17" x14ac:dyDescent="0.25">
      <c r="D1754">
        <v>84.484909440045357</v>
      </c>
      <c r="E1754">
        <v>621</v>
      </c>
      <c r="G1754">
        <v>84.676868151684928</v>
      </c>
      <c r="H1754">
        <v>697</v>
      </c>
      <c r="J1754">
        <v>85.086474682480556</v>
      </c>
      <c r="K1754">
        <v>697</v>
      </c>
      <c r="M1754">
        <v>88.900626572128644</v>
      </c>
      <c r="N1754">
        <v>572</v>
      </c>
      <c r="P1754">
        <v>97.877622003944538</v>
      </c>
      <c r="Q1754">
        <v>321</v>
      </c>
    </row>
    <row r="1755" spans="4:17" x14ac:dyDescent="0.25">
      <c r="D1755">
        <v>84.476203910170369</v>
      </c>
      <c r="E1755">
        <v>621</v>
      </c>
      <c r="G1755">
        <v>84.672859285077521</v>
      </c>
      <c r="H1755">
        <v>697</v>
      </c>
      <c r="J1755">
        <v>85.0799633411483</v>
      </c>
      <c r="K1755">
        <v>697</v>
      </c>
      <c r="M1755">
        <v>88.893770616474825</v>
      </c>
      <c r="N1755">
        <v>572</v>
      </c>
      <c r="P1755">
        <v>97.872637466570851</v>
      </c>
      <c r="Q1755">
        <v>321</v>
      </c>
    </row>
    <row r="1756" spans="4:17" x14ac:dyDescent="0.25">
      <c r="D1756">
        <v>84.467498380295353</v>
      </c>
      <c r="E1756">
        <v>621</v>
      </c>
      <c r="G1756">
        <v>84.6688504184701</v>
      </c>
      <c r="H1756">
        <v>698</v>
      </c>
      <c r="J1756">
        <v>85.07310608480779</v>
      </c>
      <c r="K1756">
        <v>698</v>
      </c>
      <c r="M1756">
        <v>88.886926625839635</v>
      </c>
      <c r="N1756">
        <v>573</v>
      </c>
      <c r="P1756">
        <v>97.868371040513722</v>
      </c>
      <c r="Q1756">
        <v>321</v>
      </c>
    </row>
    <row r="1757" spans="4:17" x14ac:dyDescent="0.25">
      <c r="D1757">
        <v>84.458792850420366</v>
      </c>
      <c r="E1757">
        <v>622</v>
      </c>
      <c r="G1757">
        <v>84.664841551862708</v>
      </c>
      <c r="H1757">
        <v>698</v>
      </c>
      <c r="J1757">
        <v>85.066940658483816</v>
      </c>
      <c r="K1757">
        <v>698</v>
      </c>
      <c r="M1757">
        <v>88.880070670185816</v>
      </c>
      <c r="N1757">
        <v>573</v>
      </c>
      <c r="P1757">
        <v>97.863407624061111</v>
      </c>
      <c r="Q1757">
        <v>322</v>
      </c>
    </row>
    <row r="1758" spans="4:17" x14ac:dyDescent="0.25">
      <c r="D1758">
        <v>84.45008732054535</v>
      </c>
      <c r="E1758">
        <v>622</v>
      </c>
      <c r="G1758">
        <v>84.660832685255301</v>
      </c>
      <c r="H1758">
        <v>699</v>
      </c>
      <c r="J1758">
        <v>85.060429317151559</v>
      </c>
      <c r="K1758">
        <v>698</v>
      </c>
      <c r="M1758">
        <v>88.873226679550612</v>
      </c>
      <c r="N1758">
        <v>573</v>
      </c>
      <c r="P1758">
        <v>97.858423086687424</v>
      </c>
      <c r="Q1758">
        <v>322</v>
      </c>
    </row>
    <row r="1759" spans="4:17" x14ac:dyDescent="0.25">
      <c r="D1759">
        <v>84.441381790670363</v>
      </c>
      <c r="E1759">
        <v>623</v>
      </c>
      <c r="G1759">
        <v>84.656823818647865</v>
      </c>
      <c r="H1759">
        <v>699</v>
      </c>
      <c r="J1759">
        <v>85.054263890827613</v>
      </c>
      <c r="K1759">
        <v>699</v>
      </c>
      <c r="M1759">
        <v>88.866370723896793</v>
      </c>
      <c r="N1759">
        <v>574</v>
      </c>
      <c r="P1759">
        <v>97.853438549313751</v>
      </c>
      <c r="Q1759">
        <v>322</v>
      </c>
    </row>
    <row r="1760" spans="4:17" x14ac:dyDescent="0.25">
      <c r="D1760">
        <v>84.4326898631858</v>
      </c>
      <c r="E1760">
        <v>623</v>
      </c>
      <c r="G1760">
        <v>84.652814952040472</v>
      </c>
      <c r="H1760">
        <v>700</v>
      </c>
      <c r="J1760">
        <v>85.047752549495343</v>
      </c>
      <c r="K1760">
        <v>699</v>
      </c>
      <c r="M1760">
        <v>88.859526733261575</v>
      </c>
      <c r="N1760">
        <v>574</v>
      </c>
      <c r="P1760">
        <v>97.849172123256622</v>
      </c>
      <c r="Q1760">
        <v>323</v>
      </c>
    </row>
    <row r="1761" spans="4:17" x14ac:dyDescent="0.25">
      <c r="D1761">
        <v>84.424433212194984</v>
      </c>
      <c r="E1761">
        <v>624</v>
      </c>
      <c r="G1761">
        <v>84.648806085433051</v>
      </c>
      <c r="H1761">
        <v>700</v>
      </c>
      <c r="J1761">
        <v>85.041587123171396</v>
      </c>
      <c r="K1761">
        <v>700</v>
      </c>
      <c r="M1761">
        <v>88.852670777607756</v>
      </c>
      <c r="N1761">
        <v>575</v>
      </c>
      <c r="P1761">
        <v>97.844187585882935</v>
      </c>
      <c r="Q1761">
        <v>323</v>
      </c>
    </row>
    <row r="1762" spans="4:17" x14ac:dyDescent="0.25">
      <c r="D1762">
        <v>84.415741284710407</v>
      </c>
      <c r="E1762">
        <v>624</v>
      </c>
      <c r="G1762">
        <v>84.644797218825644</v>
      </c>
      <c r="H1762">
        <v>700</v>
      </c>
      <c r="J1762">
        <v>85.035421696847436</v>
      </c>
      <c r="K1762">
        <v>700</v>
      </c>
      <c r="M1762">
        <v>88.845826786972523</v>
      </c>
      <c r="N1762">
        <v>575</v>
      </c>
      <c r="P1762">
        <v>97.83992115982582</v>
      </c>
      <c r="Q1762">
        <v>323</v>
      </c>
    </row>
    <row r="1763" spans="4:17" x14ac:dyDescent="0.25">
      <c r="D1763">
        <v>84.407484633719591</v>
      </c>
      <c r="E1763">
        <v>624</v>
      </c>
      <c r="G1763">
        <v>84.641224961452693</v>
      </c>
      <c r="H1763">
        <v>701</v>
      </c>
      <c r="J1763">
        <v>85.029602185531743</v>
      </c>
      <c r="K1763">
        <v>700</v>
      </c>
      <c r="M1763">
        <v>88.838970831318719</v>
      </c>
      <c r="N1763">
        <v>576</v>
      </c>
      <c r="P1763">
        <v>97.834957743373195</v>
      </c>
      <c r="Q1763">
        <v>324</v>
      </c>
    </row>
    <row r="1764" spans="4:17" x14ac:dyDescent="0.25">
      <c r="D1764">
        <v>84.398792706235028</v>
      </c>
      <c r="E1764">
        <v>625</v>
      </c>
      <c r="G1764">
        <v>84.637216094845286</v>
      </c>
      <c r="H1764">
        <v>701</v>
      </c>
      <c r="J1764">
        <v>85.023090844199487</v>
      </c>
      <c r="K1764">
        <v>701</v>
      </c>
      <c r="M1764">
        <v>88.832126840683486</v>
      </c>
      <c r="N1764">
        <v>576</v>
      </c>
      <c r="P1764">
        <v>97.830691317316067</v>
      </c>
      <c r="Q1764">
        <v>324</v>
      </c>
    </row>
    <row r="1765" spans="4:17" x14ac:dyDescent="0.25">
      <c r="D1765">
        <v>84.390087176360026</v>
      </c>
      <c r="E1765">
        <v>625</v>
      </c>
      <c r="G1765">
        <v>84.633207228237879</v>
      </c>
      <c r="H1765">
        <v>702</v>
      </c>
      <c r="J1765">
        <v>85.016579502867216</v>
      </c>
      <c r="K1765">
        <v>701</v>
      </c>
      <c r="M1765">
        <v>88.825270885029667</v>
      </c>
      <c r="N1765">
        <v>576</v>
      </c>
      <c r="P1765">
        <v>97.825706779942408</v>
      </c>
      <c r="Q1765">
        <v>324</v>
      </c>
    </row>
    <row r="1766" spans="4:17" x14ac:dyDescent="0.25">
      <c r="D1766">
        <v>84.381844127759649</v>
      </c>
      <c r="E1766">
        <v>626</v>
      </c>
      <c r="G1766">
        <v>84.629198361630458</v>
      </c>
      <c r="H1766">
        <v>702</v>
      </c>
      <c r="J1766">
        <v>85.010068161535003</v>
      </c>
      <c r="K1766">
        <v>702</v>
      </c>
      <c r="M1766">
        <v>88.818020083762306</v>
      </c>
      <c r="N1766">
        <v>577</v>
      </c>
      <c r="P1766">
        <v>97.821440353885265</v>
      </c>
      <c r="Q1766">
        <v>325</v>
      </c>
    </row>
    <row r="1767" spans="4:17" x14ac:dyDescent="0.25">
      <c r="D1767">
        <v>84.373138597884619</v>
      </c>
      <c r="E1767">
        <v>626</v>
      </c>
      <c r="G1767">
        <v>84.625639334840386</v>
      </c>
      <c r="H1767">
        <v>702</v>
      </c>
      <c r="J1767">
        <v>85.003556820202746</v>
      </c>
      <c r="K1767">
        <v>702</v>
      </c>
      <c r="M1767">
        <v>88.811176093127088</v>
      </c>
      <c r="N1767">
        <v>577</v>
      </c>
      <c r="P1767">
        <v>97.817173927828136</v>
      </c>
      <c r="Q1767">
        <v>325</v>
      </c>
    </row>
    <row r="1768" spans="4:17" x14ac:dyDescent="0.25">
      <c r="D1768">
        <v>84.364433068009632</v>
      </c>
      <c r="E1768">
        <v>626</v>
      </c>
      <c r="G1768">
        <v>84.621630468232979</v>
      </c>
      <c r="H1768">
        <v>703</v>
      </c>
      <c r="J1768">
        <v>84.996709737833058</v>
      </c>
      <c r="K1768">
        <v>703</v>
      </c>
      <c r="M1768">
        <v>88.804320137473283</v>
      </c>
      <c r="N1768">
        <v>578</v>
      </c>
      <c r="P1768">
        <v>97.812907501770979</v>
      </c>
      <c r="Q1768">
        <v>325</v>
      </c>
    </row>
    <row r="1769" spans="4:17" x14ac:dyDescent="0.25">
      <c r="D1769">
        <v>84.355727538134644</v>
      </c>
      <c r="E1769">
        <v>627</v>
      </c>
      <c r="G1769">
        <v>84.618058210860042</v>
      </c>
      <c r="H1769">
        <v>703</v>
      </c>
      <c r="J1769">
        <v>84.990198396500816</v>
      </c>
      <c r="K1769">
        <v>703</v>
      </c>
      <c r="M1769">
        <v>88.797476146838065</v>
      </c>
      <c r="N1769">
        <v>578</v>
      </c>
      <c r="P1769">
        <v>97.808641075713851</v>
      </c>
      <c r="Q1769">
        <v>326</v>
      </c>
    </row>
    <row r="1770" spans="4:17" x14ac:dyDescent="0.25">
      <c r="D1770">
        <v>84.347484489534253</v>
      </c>
      <c r="E1770">
        <v>627</v>
      </c>
      <c r="G1770">
        <v>84.614499184069956</v>
      </c>
      <c r="H1770">
        <v>704</v>
      </c>
      <c r="J1770">
        <v>84.984032970176855</v>
      </c>
      <c r="K1770">
        <v>703</v>
      </c>
      <c r="M1770">
        <v>88.790620191184246</v>
      </c>
      <c r="N1770">
        <v>578</v>
      </c>
      <c r="P1770">
        <v>97.804374649656722</v>
      </c>
      <c r="Q1770">
        <v>326</v>
      </c>
    </row>
    <row r="1771" spans="4:17" x14ac:dyDescent="0.25">
      <c r="D1771">
        <v>84.338778959659265</v>
      </c>
      <c r="E1771">
        <v>628</v>
      </c>
      <c r="G1771">
        <v>84.610940157279884</v>
      </c>
      <c r="H1771">
        <v>704</v>
      </c>
      <c r="J1771">
        <v>84.978203284890313</v>
      </c>
      <c r="K1771">
        <v>704</v>
      </c>
      <c r="M1771">
        <v>88.783776200549028</v>
      </c>
      <c r="N1771">
        <v>579</v>
      </c>
      <c r="P1771">
        <v>97.799390112283049</v>
      </c>
      <c r="Q1771">
        <v>326</v>
      </c>
    </row>
    <row r="1772" spans="4:17" x14ac:dyDescent="0.25">
      <c r="D1772">
        <v>84.33053591105886</v>
      </c>
      <c r="E1772">
        <v>628</v>
      </c>
      <c r="G1772">
        <v>84.607367899906947</v>
      </c>
      <c r="H1772">
        <v>705</v>
      </c>
      <c r="J1772">
        <v>84.97238377357462</v>
      </c>
      <c r="K1772">
        <v>704</v>
      </c>
      <c r="M1772">
        <v>88.776525399281653</v>
      </c>
      <c r="N1772">
        <v>579</v>
      </c>
      <c r="P1772">
        <v>97.795123686225921</v>
      </c>
      <c r="Q1772">
        <v>327</v>
      </c>
    </row>
    <row r="1773" spans="4:17" x14ac:dyDescent="0.25">
      <c r="D1773">
        <v>84.322292862458482</v>
      </c>
      <c r="E1773">
        <v>629</v>
      </c>
      <c r="G1773">
        <v>84.603808873116861</v>
      </c>
      <c r="H1773">
        <v>705</v>
      </c>
      <c r="J1773">
        <v>84.96621834725066</v>
      </c>
      <c r="K1773">
        <v>705</v>
      </c>
      <c r="M1773">
        <v>88.769669443627834</v>
      </c>
      <c r="N1773">
        <v>580</v>
      </c>
      <c r="P1773">
        <v>97.790857260168778</v>
      </c>
      <c r="Q1773">
        <v>327</v>
      </c>
    </row>
    <row r="1774" spans="4:17" x14ac:dyDescent="0.25">
      <c r="D1774">
        <v>84.314049813858077</v>
      </c>
      <c r="E1774">
        <v>629</v>
      </c>
      <c r="G1774">
        <v>84.600236615743924</v>
      </c>
      <c r="H1774">
        <v>705</v>
      </c>
      <c r="J1774">
        <v>84.960388661964117</v>
      </c>
      <c r="K1774">
        <v>705</v>
      </c>
      <c r="M1774">
        <v>88.762825452992615</v>
      </c>
      <c r="N1774">
        <v>580</v>
      </c>
      <c r="P1774">
        <v>97.786590834111635</v>
      </c>
      <c r="Q1774">
        <v>327</v>
      </c>
    </row>
    <row r="1775" spans="4:17" x14ac:dyDescent="0.25">
      <c r="D1775">
        <v>84.305793162867275</v>
      </c>
      <c r="E1775">
        <v>629</v>
      </c>
      <c r="G1775">
        <v>84.596227749136517</v>
      </c>
      <c r="H1775">
        <v>706</v>
      </c>
      <c r="J1775">
        <v>84.954223235640157</v>
      </c>
      <c r="K1775">
        <v>705</v>
      </c>
      <c r="M1775">
        <v>88.75596949733881</v>
      </c>
      <c r="N1775">
        <v>581</v>
      </c>
      <c r="P1775">
        <v>97.782324408054507</v>
      </c>
      <c r="Q1775">
        <v>328</v>
      </c>
    </row>
    <row r="1776" spans="4:17" x14ac:dyDescent="0.25">
      <c r="D1776">
        <v>84.297101235382684</v>
      </c>
      <c r="E1776">
        <v>630</v>
      </c>
      <c r="G1776">
        <v>84.592668722346446</v>
      </c>
      <c r="H1776">
        <v>706</v>
      </c>
      <c r="J1776">
        <v>84.947711894307915</v>
      </c>
      <c r="K1776">
        <v>706</v>
      </c>
      <c r="M1776">
        <v>88.749125506703592</v>
      </c>
      <c r="N1776">
        <v>581</v>
      </c>
      <c r="P1776">
        <v>97.778057981997364</v>
      </c>
      <c r="Q1776">
        <v>328</v>
      </c>
    </row>
    <row r="1777" spans="4:17" x14ac:dyDescent="0.25">
      <c r="D1777">
        <v>84.288844584391882</v>
      </c>
      <c r="E1777">
        <v>630</v>
      </c>
      <c r="G1777">
        <v>84.589546304790829</v>
      </c>
      <c r="H1777">
        <v>707</v>
      </c>
      <c r="J1777">
        <v>84.941546467983954</v>
      </c>
      <c r="K1777">
        <v>706</v>
      </c>
      <c r="M1777">
        <v>88.742269551049773</v>
      </c>
      <c r="N1777">
        <v>581</v>
      </c>
      <c r="P1777">
        <v>97.773791555940221</v>
      </c>
      <c r="Q1777">
        <v>328</v>
      </c>
    </row>
    <row r="1778" spans="4:17" x14ac:dyDescent="0.25">
      <c r="D1778">
        <v>84.280601535791504</v>
      </c>
      <c r="E1778">
        <v>631</v>
      </c>
      <c r="G1778">
        <v>84.585987278000758</v>
      </c>
      <c r="H1778">
        <v>707</v>
      </c>
      <c r="J1778">
        <v>84.93538104165998</v>
      </c>
      <c r="K1778">
        <v>707</v>
      </c>
      <c r="M1778">
        <v>88.735425560414541</v>
      </c>
      <c r="N1778">
        <v>582</v>
      </c>
      <c r="P1778">
        <v>97.769525129883107</v>
      </c>
      <c r="Q1778">
        <v>329</v>
      </c>
    </row>
    <row r="1779" spans="4:17" x14ac:dyDescent="0.25">
      <c r="D1779">
        <v>84.272358487191099</v>
      </c>
      <c r="E1779">
        <v>631</v>
      </c>
      <c r="G1779">
        <v>84.582415020627806</v>
      </c>
      <c r="H1779">
        <v>707</v>
      </c>
      <c r="J1779">
        <v>84.928869700327724</v>
      </c>
      <c r="K1779">
        <v>707</v>
      </c>
      <c r="M1779">
        <v>88.728174759147166</v>
      </c>
      <c r="N1779">
        <v>582</v>
      </c>
      <c r="P1779">
        <v>97.765258703825964</v>
      </c>
      <c r="Q1779">
        <v>329</v>
      </c>
    </row>
    <row r="1780" spans="4:17" x14ac:dyDescent="0.25">
      <c r="D1780">
        <v>84.264577919865332</v>
      </c>
      <c r="E1780">
        <v>631</v>
      </c>
      <c r="G1780">
        <v>84.579305833655056</v>
      </c>
      <c r="H1780">
        <v>708</v>
      </c>
      <c r="J1780">
        <v>84.922022617958064</v>
      </c>
      <c r="K1780">
        <v>708</v>
      </c>
      <c r="M1780">
        <v>88.721318803493361</v>
      </c>
      <c r="N1780">
        <v>583</v>
      </c>
      <c r="P1780">
        <v>97.760274166452291</v>
      </c>
      <c r="Q1780">
        <v>329</v>
      </c>
    </row>
    <row r="1781" spans="4:17" x14ac:dyDescent="0.25">
      <c r="D1781">
        <v>84.256783750149111</v>
      </c>
      <c r="E1781">
        <v>632</v>
      </c>
      <c r="G1781">
        <v>84.575733576282119</v>
      </c>
      <c r="H1781">
        <v>708</v>
      </c>
      <c r="J1781">
        <v>84.915857191634075</v>
      </c>
      <c r="K1781">
        <v>708</v>
      </c>
      <c r="M1781">
        <v>88.714474812858128</v>
      </c>
      <c r="N1781">
        <v>583</v>
      </c>
      <c r="P1781">
        <v>97.756007740395162</v>
      </c>
      <c r="Q1781">
        <v>330</v>
      </c>
    </row>
    <row r="1782" spans="4:17" x14ac:dyDescent="0.25">
      <c r="D1782">
        <v>84.248540701548734</v>
      </c>
      <c r="E1782">
        <v>632</v>
      </c>
      <c r="G1782">
        <v>84.572174549492047</v>
      </c>
      <c r="H1782">
        <v>709</v>
      </c>
      <c r="J1782">
        <v>84.908999935293551</v>
      </c>
      <c r="K1782">
        <v>708</v>
      </c>
      <c r="M1782">
        <v>88.707224011590739</v>
      </c>
      <c r="N1782">
        <v>583</v>
      </c>
      <c r="P1782">
        <v>97.751023203021489</v>
      </c>
      <c r="Q1782">
        <v>330</v>
      </c>
    </row>
    <row r="1783" spans="4:17" x14ac:dyDescent="0.25">
      <c r="D1783">
        <v>84.240760134222953</v>
      </c>
      <c r="E1783">
        <v>633</v>
      </c>
      <c r="G1783">
        <v>84.56860229211911</v>
      </c>
      <c r="H1783">
        <v>709</v>
      </c>
      <c r="J1783">
        <v>84.902488593961309</v>
      </c>
      <c r="K1783">
        <v>709</v>
      </c>
      <c r="M1783">
        <v>88.700368055936934</v>
      </c>
      <c r="N1783">
        <v>584</v>
      </c>
      <c r="P1783">
        <v>97.746756776964332</v>
      </c>
      <c r="Q1783">
        <v>330</v>
      </c>
    </row>
    <row r="1784" spans="4:17" x14ac:dyDescent="0.25">
      <c r="D1784">
        <v>84.232054604347965</v>
      </c>
      <c r="E1784">
        <v>633</v>
      </c>
      <c r="G1784">
        <v>84.565043265329024</v>
      </c>
      <c r="H1784">
        <v>710</v>
      </c>
      <c r="J1784">
        <v>84.895977252629066</v>
      </c>
      <c r="K1784">
        <v>709</v>
      </c>
      <c r="M1784">
        <v>88.693524065301716</v>
      </c>
      <c r="N1784">
        <v>584</v>
      </c>
      <c r="P1784">
        <v>97.742490350907204</v>
      </c>
      <c r="Q1784">
        <v>331</v>
      </c>
    </row>
    <row r="1785" spans="4:17" x14ac:dyDescent="0.25">
      <c r="D1785">
        <v>84.22381155574756</v>
      </c>
      <c r="E1785">
        <v>634</v>
      </c>
      <c r="G1785">
        <v>84.561484238538952</v>
      </c>
      <c r="H1785">
        <v>710</v>
      </c>
      <c r="J1785">
        <v>84.889130170259378</v>
      </c>
      <c r="K1785">
        <v>710</v>
      </c>
      <c r="M1785">
        <v>88.68626129901574</v>
      </c>
      <c r="N1785">
        <v>585</v>
      </c>
      <c r="P1785">
        <v>97.738223924850075</v>
      </c>
      <c r="Q1785">
        <v>331</v>
      </c>
    </row>
    <row r="1786" spans="4:17" x14ac:dyDescent="0.25">
      <c r="D1786">
        <v>84.215554904756758</v>
      </c>
      <c r="E1786">
        <v>634</v>
      </c>
      <c r="G1786">
        <v>84.557911981166001</v>
      </c>
      <c r="H1786">
        <v>710</v>
      </c>
      <c r="J1786">
        <v>84.882618828927122</v>
      </c>
      <c r="K1786">
        <v>710</v>
      </c>
      <c r="M1786">
        <v>88.679417308380536</v>
      </c>
      <c r="N1786">
        <v>585</v>
      </c>
      <c r="P1786">
        <v>97.733239387476388</v>
      </c>
      <c r="Q1786">
        <v>331</v>
      </c>
    </row>
    <row r="1787" spans="4:17" x14ac:dyDescent="0.25">
      <c r="D1787">
        <v>84.207311856156352</v>
      </c>
      <c r="E1787">
        <v>634</v>
      </c>
      <c r="G1787">
        <v>84.554789563610399</v>
      </c>
      <c r="H1787">
        <v>711</v>
      </c>
      <c r="J1787">
        <v>84.876107487594879</v>
      </c>
      <c r="K1787">
        <v>710</v>
      </c>
      <c r="M1787">
        <v>88.672561352726717</v>
      </c>
      <c r="N1787">
        <v>586</v>
      </c>
      <c r="P1787">
        <v>97.728972961419259</v>
      </c>
      <c r="Q1787">
        <v>332</v>
      </c>
    </row>
    <row r="1788" spans="4:17" x14ac:dyDescent="0.25">
      <c r="D1788">
        <v>84.19953128883057</v>
      </c>
      <c r="E1788">
        <v>635</v>
      </c>
      <c r="G1788">
        <v>84.551680376637663</v>
      </c>
      <c r="H1788">
        <v>711</v>
      </c>
      <c r="J1788">
        <v>84.869260405225205</v>
      </c>
      <c r="K1788">
        <v>711</v>
      </c>
      <c r="M1788">
        <v>88.665310551459328</v>
      </c>
      <c r="N1788">
        <v>586</v>
      </c>
      <c r="P1788">
        <v>97.724706535362145</v>
      </c>
      <c r="Q1788">
        <v>332</v>
      </c>
    </row>
    <row r="1789" spans="4:17" x14ac:dyDescent="0.25">
      <c r="D1789">
        <v>84.191737119114379</v>
      </c>
      <c r="E1789">
        <v>635</v>
      </c>
      <c r="G1789">
        <v>84.548108119264725</v>
      </c>
      <c r="H1789">
        <v>712</v>
      </c>
      <c r="J1789">
        <v>84.862749063892934</v>
      </c>
      <c r="K1789">
        <v>711</v>
      </c>
      <c r="M1789">
        <v>88.65846656082411</v>
      </c>
      <c r="N1789">
        <v>586</v>
      </c>
      <c r="P1789">
        <v>97.720440109304974</v>
      </c>
      <c r="Q1789">
        <v>332</v>
      </c>
    </row>
    <row r="1790" spans="4:17" x14ac:dyDescent="0.25">
      <c r="D1790">
        <v>84.184419033063193</v>
      </c>
      <c r="E1790">
        <v>636</v>
      </c>
      <c r="G1790">
        <v>84.544998932291975</v>
      </c>
      <c r="H1790">
        <v>712</v>
      </c>
      <c r="J1790">
        <v>84.856237722560692</v>
      </c>
      <c r="K1790">
        <v>712</v>
      </c>
      <c r="M1790">
        <v>88.651215759556734</v>
      </c>
      <c r="N1790">
        <v>587</v>
      </c>
      <c r="P1790">
        <v>97.71617368324786</v>
      </c>
      <c r="Q1790">
        <v>333</v>
      </c>
    </row>
    <row r="1791" spans="4:17" x14ac:dyDescent="0.25">
      <c r="D1791">
        <v>84.176624863346987</v>
      </c>
      <c r="E1791">
        <v>636</v>
      </c>
      <c r="G1791">
        <v>84.541876514736373</v>
      </c>
      <c r="H1791">
        <v>712</v>
      </c>
      <c r="J1791">
        <v>84.850072296236732</v>
      </c>
      <c r="K1791">
        <v>712</v>
      </c>
      <c r="M1791">
        <v>88.644359803902915</v>
      </c>
      <c r="N1791">
        <v>587</v>
      </c>
      <c r="P1791">
        <v>97.711907257190717</v>
      </c>
      <c r="Q1791">
        <v>333</v>
      </c>
    </row>
    <row r="1792" spans="4:17" x14ac:dyDescent="0.25">
      <c r="D1792">
        <v>84.168844296021206</v>
      </c>
      <c r="E1792">
        <v>636</v>
      </c>
      <c r="G1792">
        <v>84.538304257363421</v>
      </c>
      <c r="H1792">
        <v>713</v>
      </c>
      <c r="J1792">
        <v>84.843906869912772</v>
      </c>
      <c r="K1792">
        <v>713</v>
      </c>
      <c r="M1792">
        <v>88.637515813267697</v>
      </c>
      <c r="N1792">
        <v>588</v>
      </c>
      <c r="P1792">
        <v>97.706922719817044</v>
      </c>
      <c r="Q1792">
        <v>333</v>
      </c>
    </row>
    <row r="1793" spans="4:17" x14ac:dyDescent="0.25">
      <c r="D1793">
        <v>84.16151260757961</v>
      </c>
      <c r="E1793">
        <v>637</v>
      </c>
      <c r="G1793">
        <v>84.535195070390671</v>
      </c>
      <c r="H1793">
        <v>713</v>
      </c>
      <c r="J1793">
        <v>84.838423099634525</v>
      </c>
      <c r="K1793">
        <v>713</v>
      </c>
      <c r="M1793">
        <v>88.630659857613878</v>
      </c>
      <c r="N1793">
        <v>588</v>
      </c>
      <c r="P1793">
        <v>97.702656293759915</v>
      </c>
      <c r="Q1793">
        <v>334</v>
      </c>
    </row>
    <row r="1794" spans="4:17" x14ac:dyDescent="0.25">
      <c r="D1794">
        <v>84.154180919138014</v>
      </c>
      <c r="E1794">
        <v>637</v>
      </c>
      <c r="G1794">
        <v>84.532072652835055</v>
      </c>
      <c r="H1794">
        <v>714</v>
      </c>
      <c r="J1794">
        <v>84.832257673310536</v>
      </c>
      <c r="K1794">
        <v>713</v>
      </c>
      <c r="M1794">
        <v>88.623409056346489</v>
      </c>
      <c r="N1794">
        <v>588</v>
      </c>
      <c r="P1794">
        <v>97.698389867702787</v>
      </c>
      <c r="Q1794">
        <v>334</v>
      </c>
    </row>
    <row r="1795" spans="4:17" x14ac:dyDescent="0.25">
      <c r="D1795">
        <v>84.146849230696404</v>
      </c>
      <c r="E1795">
        <v>638</v>
      </c>
      <c r="G1795">
        <v>84.528950235279453</v>
      </c>
      <c r="H1795">
        <v>714</v>
      </c>
      <c r="J1795">
        <v>84.826427988024022</v>
      </c>
      <c r="K1795">
        <v>714</v>
      </c>
      <c r="M1795">
        <v>88.616565065711285</v>
      </c>
      <c r="N1795">
        <v>589</v>
      </c>
      <c r="P1795">
        <v>97.693405330329114</v>
      </c>
      <c r="Q1795">
        <v>334</v>
      </c>
    </row>
    <row r="1796" spans="4:17" x14ac:dyDescent="0.25">
      <c r="D1796">
        <v>84.139068663370637</v>
      </c>
      <c r="E1796">
        <v>638</v>
      </c>
      <c r="G1796">
        <v>84.525841048306717</v>
      </c>
      <c r="H1796">
        <v>715</v>
      </c>
      <c r="J1796">
        <v>84.820262561700062</v>
      </c>
      <c r="K1796">
        <v>714</v>
      </c>
      <c r="M1796">
        <v>88.609302299425309</v>
      </c>
      <c r="N1796">
        <v>589</v>
      </c>
      <c r="P1796">
        <v>97.689138904271971</v>
      </c>
      <c r="Q1796">
        <v>335</v>
      </c>
    </row>
    <row r="1797" spans="4:17" x14ac:dyDescent="0.25">
      <c r="D1797">
        <v>84.131736974929026</v>
      </c>
      <c r="E1797">
        <v>639</v>
      </c>
      <c r="G1797">
        <v>84.522268790933765</v>
      </c>
      <c r="H1797">
        <v>715</v>
      </c>
      <c r="J1797">
        <v>84.81375122036782</v>
      </c>
      <c r="K1797">
        <v>715</v>
      </c>
      <c r="M1797">
        <v>88.602458308790077</v>
      </c>
      <c r="N1797">
        <v>590</v>
      </c>
      <c r="P1797">
        <v>97.684872478214828</v>
      </c>
      <c r="Q1797">
        <v>335</v>
      </c>
    </row>
    <row r="1798" spans="4:17" x14ac:dyDescent="0.25">
      <c r="D1798">
        <v>84.124405286487416</v>
      </c>
      <c r="E1798">
        <v>639</v>
      </c>
      <c r="G1798">
        <v>84.519146373378163</v>
      </c>
      <c r="H1798">
        <v>715</v>
      </c>
      <c r="J1798">
        <v>84.807239879035563</v>
      </c>
      <c r="K1798">
        <v>715</v>
      </c>
      <c r="M1798">
        <v>88.595602353136272</v>
      </c>
      <c r="N1798">
        <v>590</v>
      </c>
      <c r="P1798">
        <v>97.680606052157685</v>
      </c>
      <c r="Q1798">
        <v>335</v>
      </c>
    </row>
    <row r="1799" spans="4:17" x14ac:dyDescent="0.25">
      <c r="D1799">
        <v>84.11707359804582</v>
      </c>
      <c r="E1799">
        <v>639</v>
      </c>
      <c r="G1799">
        <v>84.516037186405427</v>
      </c>
      <c r="H1799">
        <v>716</v>
      </c>
      <c r="J1799">
        <v>84.801074452711589</v>
      </c>
      <c r="K1799">
        <v>715</v>
      </c>
      <c r="M1799">
        <v>88.588351551868897</v>
      </c>
      <c r="N1799">
        <v>591</v>
      </c>
      <c r="P1799">
        <v>97.675621514783998</v>
      </c>
      <c r="Q1799">
        <v>336</v>
      </c>
    </row>
    <row r="1800" spans="4:17" x14ac:dyDescent="0.25">
      <c r="D1800">
        <v>84.109741909604224</v>
      </c>
      <c r="E1800">
        <v>640</v>
      </c>
      <c r="G1800">
        <v>84.512914768849797</v>
      </c>
      <c r="H1800">
        <v>716</v>
      </c>
      <c r="J1800">
        <v>84.79525494139591</v>
      </c>
      <c r="K1800">
        <v>716</v>
      </c>
      <c r="M1800">
        <v>88.581507561233678</v>
      </c>
      <c r="N1800">
        <v>591</v>
      </c>
      <c r="P1800">
        <v>97.67135508872687</v>
      </c>
      <c r="Q1800">
        <v>336</v>
      </c>
    </row>
    <row r="1801" spans="4:17" x14ac:dyDescent="0.25">
      <c r="D1801">
        <v>84.102423823553067</v>
      </c>
      <c r="E1801">
        <v>640</v>
      </c>
      <c r="G1801">
        <v>84.509792351294195</v>
      </c>
      <c r="H1801">
        <v>717</v>
      </c>
      <c r="J1801">
        <v>84.789425256109368</v>
      </c>
      <c r="K1801">
        <v>716</v>
      </c>
      <c r="M1801">
        <v>88.574256759966289</v>
      </c>
      <c r="N1801">
        <v>591</v>
      </c>
      <c r="P1801">
        <v>97.666391672274273</v>
      </c>
      <c r="Q1801">
        <v>336</v>
      </c>
    </row>
    <row r="1802" spans="4:17" x14ac:dyDescent="0.25">
      <c r="D1802">
        <v>84.095092135111457</v>
      </c>
      <c r="E1802">
        <v>641</v>
      </c>
      <c r="G1802">
        <v>84.507119773555928</v>
      </c>
      <c r="H1802">
        <v>717</v>
      </c>
      <c r="J1802">
        <v>84.783951659801943</v>
      </c>
      <c r="K1802">
        <v>717</v>
      </c>
      <c r="M1802">
        <v>88.56740080431247</v>
      </c>
      <c r="N1802">
        <v>592</v>
      </c>
      <c r="P1802">
        <v>97.66212524621713</v>
      </c>
      <c r="Q1802">
        <v>337</v>
      </c>
    </row>
    <row r="1803" spans="4:17" x14ac:dyDescent="0.25">
      <c r="D1803">
        <v>84.087760446669861</v>
      </c>
      <c r="E1803">
        <v>641</v>
      </c>
      <c r="G1803">
        <v>84.503997356000298</v>
      </c>
      <c r="H1803">
        <v>717</v>
      </c>
      <c r="J1803">
        <v>84.778467889523711</v>
      </c>
      <c r="K1803">
        <v>717</v>
      </c>
      <c r="M1803">
        <v>88.560150003045095</v>
      </c>
      <c r="N1803">
        <v>592</v>
      </c>
      <c r="P1803">
        <v>97.657140708843457</v>
      </c>
      <c r="Q1803">
        <v>337</v>
      </c>
    </row>
    <row r="1804" spans="4:17" x14ac:dyDescent="0.25">
      <c r="D1804">
        <v>84.080428758228251</v>
      </c>
      <c r="E1804">
        <v>641</v>
      </c>
      <c r="G1804">
        <v>84.500888169027576</v>
      </c>
      <c r="H1804">
        <v>718</v>
      </c>
      <c r="J1804">
        <v>84.772984119245464</v>
      </c>
      <c r="K1804">
        <v>718</v>
      </c>
      <c r="M1804">
        <v>88.553306012409877</v>
      </c>
      <c r="N1804">
        <v>593</v>
      </c>
      <c r="P1804">
        <v>97.652156171469784</v>
      </c>
      <c r="Q1804">
        <v>337</v>
      </c>
    </row>
    <row r="1805" spans="4:17" x14ac:dyDescent="0.25">
      <c r="D1805">
        <v>84.073097069786655</v>
      </c>
      <c r="E1805">
        <v>642</v>
      </c>
      <c r="G1805">
        <v>84.49776575147196</v>
      </c>
      <c r="H1805">
        <v>718</v>
      </c>
      <c r="J1805">
        <v>84.767154433958922</v>
      </c>
      <c r="K1805">
        <v>718</v>
      </c>
      <c r="M1805">
        <v>88.546043246123901</v>
      </c>
      <c r="N1805">
        <v>593</v>
      </c>
      <c r="P1805">
        <v>97.647889745412641</v>
      </c>
      <c r="Q1805">
        <v>338</v>
      </c>
    </row>
    <row r="1806" spans="4:17" x14ac:dyDescent="0.25">
      <c r="D1806">
        <v>84.065778983735484</v>
      </c>
      <c r="E1806">
        <v>642</v>
      </c>
      <c r="G1806">
        <v>84.494643333916358</v>
      </c>
      <c r="H1806">
        <v>719</v>
      </c>
      <c r="J1806">
        <v>84.761334922643229</v>
      </c>
      <c r="K1806">
        <v>718</v>
      </c>
      <c r="M1806">
        <v>88.538792444856512</v>
      </c>
      <c r="N1806">
        <v>593</v>
      </c>
      <c r="P1806">
        <v>97.643623319355513</v>
      </c>
      <c r="Q1806">
        <v>338</v>
      </c>
    </row>
    <row r="1807" spans="4:17" x14ac:dyDescent="0.25">
      <c r="D1807">
        <v>84.058447295293874</v>
      </c>
      <c r="E1807">
        <v>643</v>
      </c>
      <c r="G1807">
        <v>84.491970756178077</v>
      </c>
      <c r="H1807">
        <v>719</v>
      </c>
      <c r="J1807">
        <v>84.755505237356715</v>
      </c>
      <c r="K1807">
        <v>719</v>
      </c>
      <c r="M1807">
        <v>88.531948454221293</v>
      </c>
      <c r="N1807">
        <v>594</v>
      </c>
      <c r="P1807">
        <v>97.639356893298384</v>
      </c>
      <c r="Q1807">
        <v>338</v>
      </c>
    </row>
    <row r="1808" spans="4:17" x14ac:dyDescent="0.25">
      <c r="D1808">
        <v>84.051578088126902</v>
      </c>
      <c r="E1808">
        <v>643</v>
      </c>
      <c r="G1808">
        <v>84.488861569205326</v>
      </c>
      <c r="H1808">
        <v>720</v>
      </c>
      <c r="J1808">
        <v>84.74933981103274</v>
      </c>
      <c r="K1808">
        <v>719</v>
      </c>
      <c r="M1808">
        <v>88.524697652953904</v>
      </c>
      <c r="N1808">
        <v>594</v>
      </c>
      <c r="P1808">
        <v>97.634372355924697</v>
      </c>
      <c r="Q1808">
        <v>339</v>
      </c>
    </row>
    <row r="1809" spans="4:17" x14ac:dyDescent="0.25">
      <c r="D1809">
        <v>84.044708880959902</v>
      </c>
      <c r="E1809">
        <v>644</v>
      </c>
      <c r="G1809">
        <v>84.485739151649739</v>
      </c>
      <c r="H1809">
        <v>720</v>
      </c>
      <c r="J1809">
        <v>84.743520299717048</v>
      </c>
      <c r="K1809">
        <v>720</v>
      </c>
      <c r="M1809">
        <v>88.517434886667928</v>
      </c>
      <c r="N1809">
        <v>595</v>
      </c>
      <c r="P1809">
        <v>97.630105929867568</v>
      </c>
      <c r="Q1809">
        <v>339</v>
      </c>
    </row>
    <row r="1810" spans="4:17" x14ac:dyDescent="0.25">
      <c r="D1810">
        <v>84.037826071402492</v>
      </c>
      <c r="E1810">
        <v>644</v>
      </c>
      <c r="G1810">
        <v>84.483066573911444</v>
      </c>
      <c r="H1810">
        <v>720</v>
      </c>
      <c r="J1810">
        <v>84.73769061443052</v>
      </c>
      <c r="K1810">
        <v>720</v>
      </c>
      <c r="M1810">
        <v>88.51059089603271</v>
      </c>
      <c r="N1810">
        <v>595</v>
      </c>
      <c r="P1810">
        <v>97.625839503810425</v>
      </c>
      <c r="Q1810">
        <v>339</v>
      </c>
    </row>
    <row r="1811" spans="4:17" x14ac:dyDescent="0.25">
      <c r="D1811">
        <v>84.031419345510102</v>
      </c>
      <c r="E1811">
        <v>644</v>
      </c>
      <c r="G1811">
        <v>84.480393996173191</v>
      </c>
      <c r="H1811">
        <v>721</v>
      </c>
      <c r="J1811">
        <v>84.731525188106545</v>
      </c>
      <c r="K1811">
        <v>720</v>
      </c>
      <c r="M1811">
        <v>88.503340094765335</v>
      </c>
      <c r="N1811">
        <v>596</v>
      </c>
      <c r="P1811">
        <v>97.622291189069841</v>
      </c>
      <c r="Q1811">
        <v>340</v>
      </c>
    </row>
    <row r="1812" spans="4:17" x14ac:dyDescent="0.25">
      <c r="D1812">
        <v>84.02455013834313</v>
      </c>
      <c r="E1812">
        <v>645</v>
      </c>
      <c r="G1812">
        <v>84.477271578617589</v>
      </c>
      <c r="H1812">
        <v>721</v>
      </c>
      <c r="J1812">
        <v>84.725359761782599</v>
      </c>
      <c r="K1812">
        <v>721</v>
      </c>
      <c r="M1812">
        <v>88.496089293497946</v>
      </c>
      <c r="N1812">
        <v>596</v>
      </c>
      <c r="P1812">
        <v>97.618024763012713</v>
      </c>
      <c r="Q1812">
        <v>340</v>
      </c>
    </row>
    <row r="1813" spans="4:17" x14ac:dyDescent="0.25">
      <c r="D1813">
        <v>84.017680931176116</v>
      </c>
      <c r="E1813">
        <v>645</v>
      </c>
      <c r="G1813">
        <v>84.474149161061959</v>
      </c>
      <c r="H1813">
        <v>722</v>
      </c>
      <c r="J1813">
        <v>84.71919433545861</v>
      </c>
      <c r="K1813">
        <v>721</v>
      </c>
      <c r="M1813">
        <v>88.488838492230556</v>
      </c>
      <c r="N1813">
        <v>596</v>
      </c>
      <c r="P1813">
        <v>97.613758336955556</v>
      </c>
      <c r="Q1813">
        <v>340</v>
      </c>
    </row>
    <row r="1814" spans="4:17" x14ac:dyDescent="0.25">
      <c r="D1814">
        <v>84.01081172400913</v>
      </c>
      <c r="E1814">
        <v>646</v>
      </c>
      <c r="G1814">
        <v>84.471039974089223</v>
      </c>
      <c r="H1814">
        <v>722</v>
      </c>
      <c r="J1814">
        <v>84.713364650172082</v>
      </c>
      <c r="K1814">
        <v>722</v>
      </c>
      <c r="M1814">
        <v>88.481575725944595</v>
      </c>
      <c r="N1814">
        <v>597</v>
      </c>
      <c r="P1814">
        <v>97.609491910898427</v>
      </c>
      <c r="Q1814">
        <v>341</v>
      </c>
    </row>
    <row r="1815" spans="4:17" x14ac:dyDescent="0.25">
      <c r="D1815">
        <v>84.00392891445172</v>
      </c>
      <c r="E1815">
        <v>646</v>
      </c>
      <c r="G1815">
        <v>84.468354165768091</v>
      </c>
      <c r="H1815">
        <v>722</v>
      </c>
      <c r="J1815">
        <v>84.707545138856389</v>
      </c>
      <c r="K1815">
        <v>722</v>
      </c>
      <c r="M1815">
        <v>88.474731735309376</v>
      </c>
      <c r="N1815">
        <v>597</v>
      </c>
      <c r="P1815">
        <v>97.605225484841299</v>
      </c>
      <c r="Q1815">
        <v>341</v>
      </c>
    </row>
    <row r="1816" spans="4:17" x14ac:dyDescent="0.25">
      <c r="D1816">
        <v>83.996610828400549</v>
      </c>
      <c r="E1816">
        <v>646</v>
      </c>
      <c r="G1816">
        <v>84.465681588029824</v>
      </c>
      <c r="H1816">
        <v>723</v>
      </c>
      <c r="J1816">
        <v>84.701715453569875</v>
      </c>
      <c r="K1816">
        <v>723</v>
      </c>
      <c r="M1816">
        <v>88.467480934042001</v>
      </c>
      <c r="N1816">
        <v>598</v>
      </c>
      <c r="P1816">
        <v>97.600240947467626</v>
      </c>
      <c r="Q1816">
        <v>341</v>
      </c>
    </row>
    <row r="1817" spans="4:17" x14ac:dyDescent="0.25">
      <c r="D1817">
        <v>83.989741621233563</v>
      </c>
      <c r="E1817">
        <v>647</v>
      </c>
      <c r="G1817">
        <v>84.463009010291543</v>
      </c>
      <c r="H1817">
        <v>723</v>
      </c>
      <c r="J1817">
        <v>84.695214286208468</v>
      </c>
      <c r="K1817">
        <v>723</v>
      </c>
      <c r="M1817">
        <v>88.460230132774612</v>
      </c>
      <c r="N1817">
        <v>598</v>
      </c>
      <c r="P1817">
        <v>97.595974521410483</v>
      </c>
      <c r="Q1817">
        <v>342</v>
      </c>
    </row>
    <row r="1818" spans="4:17" x14ac:dyDescent="0.25">
      <c r="D1818">
        <v>83.982858811676124</v>
      </c>
      <c r="E1818">
        <v>647</v>
      </c>
      <c r="G1818">
        <v>84.460336432553277</v>
      </c>
      <c r="H1818">
        <v>724</v>
      </c>
      <c r="J1818">
        <v>84.688702944876226</v>
      </c>
      <c r="K1818">
        <v>723</v>
      </c>
      <c r="M1818">
        <v>88.452967366488636</v>
      </c>
      <c r="N1818">
        <v>598</v>
      </c>
      <c r="P1818">
        <v>97.591708095353354</v>
      </c>
      <c r="Q1818">
        <v>342</v>
      </c>
    </row>
    <row r="1819" spans="4:17" x14ac:dyDescent="0.25">
      <c r="D1819">
        <v>83.975989604509138</v>
      </c>
      <c r="E1819">
        <v>648</v>
      </c>
      <c r="G1819">
        <v>84.457663854814996</v>
      </c>
      <c r="H1819">
        <v>724</v>
      </c>
      <c r="J1819">
        <v>84.681845688535702</v>
      </c>
      <c r="K1819">
        <v>724</v>
      </c>
      <c r="M1819">
        <v>88.445716565221247</v>
      </c>
      <c r="N1819">
        <v>599</v>
      </c>
      <c r="P1819">
        <v>97.587441669296211</v>
      </c>
      <c r="Q1819">
        <v>342</v>
      </c>
    </row>
    <row r="1820" spans="4:17" x14ac:dyDescent="0.25">
      <c r="D1820">
        <v>83.969120397342152</v>
      </c>
      <c r="E1820">
        <v>648</v>
      </c>
      <c r="G1820">
        <v>84.454991277076715</v>
      </c>
      <c r="H1820">
        <v>725</v>
      </c>
      <c r="J1820">
        <v>84.675334347203446</v>
      </c>
      <c r="K1820">
        <v>724</v>
      </c>
      <c r="M1820">
        <v>88.438465763953872</v>
      </c>
      <c r="N1820">
        <v>599</v>
      </c>
      <c r="P1820">
        <v>97.583175243239083</v>
      </c>
      <c r="Q1820">
        <v>343</v>
      </c>
    </row>
    <row r="1821" spans="4:17" x14ac:dyDescent="0.25">
      <c r="D1821">
        <v>83.962251190175152</v>
      </c>
      <c r="E1821">
        <v>649</v>
      </c>
      <c r="G1821">
        <v>84.452318699338448</v>
      </c>
      <c r="H1821">
        <v>725</v>
      </c>
      <c r="J1821">
        <v>84.669168920879486</v>
      </c>
      <c r="K1821">
        <v>725</v>
      </c>
      <c r="M1821">
        <v>88.431214962686482</v>
      </c>
      <c r="N1821">
        <v>600</v>
      </c>
      <c r="P1821">
        <v>97.578908817181954</v>
      </c>
      <c r="Q1821">
        <v>343</v>
      </c>
    </row>
    <row r="1822" spans="4:17" x14ac:dyDescent="0.25">
      <c r="D1822">
        <v>83.955381983008166</v>
      </c>
      <c r="E1822">
        <v>649</v>
      </c>
      <c r="G1822">
        <v>84.449646121600182</v>
      </c>
      <c r="H1822">
        <v>725</v>
      </c>
      <c r="J1822">
        <v>84.662657579547229</v>
      </c>
      <c r="K1822">
        <v>725</v>
      </c>
      <c r="M1822">
        <v>88.423964161419107</v>
      </c>
      <c r="N1822">
        <v>600</v>
      </c>
      <c r="P1822">
        <v>97.574642391124826</v>
      </c>
      <c r="Q1822">
        <v>343</v>
      </c>
    </row>
    <row r="1823" spans="4:17" x14ac:dyDescent="0.25">
      <c r="D1823">
        <v>83.948961654725366</v>
      </c>
      <c r="E1823">
        <v>649</v>
      </c>
      <c r="G1823">
        <v>84.446973543861901</v>
      </c>
      <c r="H1823">
        <v>726</v>
      </c>
      <c r="J1823">
        <v>84.656492153223269</v>
      </c>
      <c r="K1823">
        <v>725</v>
      </c>
      <c r="M1823">
        <v>88.416713360151718</v>
      </c>
      <c r="N1823">
        <v>601</v>
      </c>
      <c r="P1823">
        <v>97.570354844146607</v>
      </c>
      <c r="Q1823">
        <v>344</v>
      </c>
    </row>
    <row r="1824" spans="4:17" x14ac:dyDescent="0.25">
      <c r="D1824">
        <v>83.942092447558366</v>
      </c>
      <c r="E1824">
        <v>650</v>
      </c>
      <c r="G1824">
        <v>84.444300966123606</v>
      </c>
      <c r="H1824">
        <v>726</v>
      </c>
      <c r="J1824">
        <v>84.65032672689928</v>
      </c>
      <c r="K1824">
        <v>726</v>
      </c>
      <c r="M1824">
        <v>88.409462558884343</v>
      </c>
      <c r="N1824">
        <v>601</v>
      </c>
      <c r="P1824">
        <v>97.566088418089493</v>
      </c>
      <c r="Q1824">
        <v>344</v>
      </c>
    </row>
    <row r="1825" spans="4:17" x14ac:dyDescent="0.25">
      <c r="D1825">
        <v>83.93522324039138</v>
      </c>
      <c r="E1825">
        <v>650</v>
      </c>
      <c r="G1825">
        <v>84.441628388385354</v>
      </c>
      <c r="H1825">
        <v>727</v>
      </c>
      <c r="J1825">
        <v>84.643815385567052</v>
      </c>
      <c r="K1825">
        <v>726</v>
      </c>
      <c r="M1825">
        <v>88.402199792598367</v>
      </c>
      <c r="N1825">
        <v>601</v>
      </c>
      <c r="P1825">
        <v>97.561821992032321</v>
      </c>
      <c r="Q1825">
        <v>344</v>
      </c>
    </row>
    <row r="1826" spans="4:17" x14ac:dyDescent="0.25">
      <c r="D1826">
        <v>83.928816514498976</v>
      </c>
      <c r="E1826">
        <v>651</v>
      </c>
      <c r="G1826">
        <v>84.439405650464423</v>
      </c>
      <c r="H1826">
        <v>727</v>
      </c>
      <c r="J1826">
        <v>84.637314218205645</v>
      </c>
      <c r="K1826">
        <v>727</v>
      </c>
      <c r="M1826">
        <v>88.394948991330978</v>
      </c>
      <c r="N1826">
        <v>602</v>
      </c>
      <c r="P1826">
        <v>97.557555565975221</v>
      </c>
      <c r="Q1826">
        <v>345</v>
      </c>
    </row>
    <row r="1827" spans="4:17" x14ac:dyDescent="0.25">
      <c r="D1827">
        <v>83.92239618621619</v>
      </c>
      <c r="E1827">
        <v>651</v>
      </c>
      <c r="G1827">
        <v>84.436283232908792</v>
      </c>
      <c r="H1827">
        <v>727</v>
      </c>
      <c r="J1827">
        <v>84.630802876873389</v>
      </c>
      <c r="K1827">
        <v>727</v>
      </c>
      <c r="M1827">
        <v>88.387698190063603</v>
      </c>
      <c r="N1827">
        <v>602</v>
      </c>
      <c r="P1827">
        <v>97.553289139918078</v>
      </c>
      <c r="Q1827">
        <v>345</v>
      </c>
    </row>
    <row r="1828" spans="4:17" x14ac:dyDescent="0.25">
      <c r="D1828">
        <v>83.915526979049176</v>
      </c>
      <c r="E1828">
        <v>651</v>
      </c>
      <c r="G1828">
        <v>84.434047264404995</v>
      </c>
      <c r="H1828">
        <v>728</v>
      </c>
      <c r="J1828">
        <v>84.624637450549429</v>
      </c>
      <c r="K1828">
        <v>728</v>
      </c>
      <c r="M1828">
        <v>88.380040578164056</v>
      </c>
      <c r="N1828">
        <v>603</v>
      </c>
      <c r="P1828">
        <v>97.54902271386095</v>
      </c>
      <c r="Q1828">
        <v>345</v>
      </c>
    </row>
    <row r="1829" spans="4:17" x14ac:dyDescent="0.25">
      <c r="D1829">
        <v>83.90865777188219</v>
      </c>
      <c r="E1829">
        <v>652</v>
      </c>
      <c r="G1829">
        <v>84.431374686666715</v>
      </c>
      <c r="H1829">
        <v>728</v>
      </c>
      <c r="J1829">
        <v>84.618807765262886</v>
      </c>
      <c r="K1829">
        <v>728</v>
      </c>
      <c r="M1829">
        <v>88.372789776896681</v>
      </c>
      <c r="N1829">
        <v>603</v>
      </c>
      <c r="P1829">
        <v>97.544756287803807</v>
      </c>
      <c r="Q1829">
        <v>346</v>
      </c>
    </row>
    <row r="1830" spans="4:17" x14ac:dyDescent="0.25">
      <c r="D1830">
        <v>83.901788564715218</v>
      </c>
      <c r="E1830">
        <v>652</v>
      </c>
      <c r="G1830">
        <v>84.428702108928462</v>
      </c>
      <c r="H1830">
        <v>729</v>
      </c>
      <c r="J1830">
        <v>84.612296423930658</v>
      </c>
      <c r="K1830">
        <v>728</v>
      </c>
      <c r="M1830">
        <v>88.365538975629292</v>
      </c>
      <c r="N1830">
        <v>603</v>
      </c>
      <c r="P1830">
        <v>97.540489861746678</v>
      </c>
      <c r="Q1830">
        <v>346</v>
      </c>
    </row>
    <row r="1831" spans="4:17" x14ac:dyDescent="0.25">
      <c r="D1831">
        <v>83.895368236432404</v>
      </c>
      <c r="E1831">
        <v>653</v>
      </c>
      <c r="G1831">
        <v>84.426029531190181</v>
      </c>
      <c r="H1831">
        <v>729</v>
      </c>
      <c r="J1831">
        <v>84.606476912614966</v>
      </c>
      <c r="K1831">
        <v>729</v>
      </c>
      <c r="M1831">
        <v>88.358288174361917</v>
      </c>
      <c r="N1831">
        <v>604</v>
      </c>
      <c r="P1831">
        <v>97.535505324372991</v>
      </c>
      <c r="Q1831">
        <v>346</v>
      </c>
    </row>
    <row r="1832" spans="4:17" x14ac:dyDescent="0.25">
      <c r="D1832">
        <v>83.888499029265404</v>
      </c>
      <c r="E1832">
        <v>653</v>
      </c>
      <c r="G1832">
        <v>84.423356953451901</v>
      </c>
      <c r="H1832">
        <v>730</v>
      </c>
      <c r="J1832">
        <v>84.600311486290991</v>
      </c>
      <c r="K1832">
        <v>729</v>
      </c>
      <c r="M1832">
        <v>88.351037373094513</v>
      </c>
      <c r="N1832">
        <v>604</v>
      </c>
      <c r="P1832">
        <v>97.531238898315848</v>
      </c>
      <c r="Q1832">
        <v>347</v>
      </c>
    </row>
    <row r="1833" spans="4:17" x14ac:dyDescent="0.25">
      <c r="D1833">
        <v>83.882092303373028</v>
      </c>
      <c r="E1833">
        <v>654</v>
      </c>
      <c r="G1833">
        <v>84.420684375713634</v>
      </c>
      <c r="H1833">
        <v>730</v>
      </c>
      <c r="J1833">
        <v>84.59482771601273</v>
      </c>
      <c r="K1833">
        <v>730</v>
      </c>
      <c r="M1833">
        <v>88.343774606808552</v>
      </c>
      <c r="N1833">
        <v>605</v>
      </c>
      <c r="P1833">
        <v>97.526972472258734</v>
      </c>
      <c r="Q1833">
        <v>347</v>
      </c>
    </row>
    <row r="1834" spans="4:17" x14ac:dyDescent="0.25">
      <c r="D1834">
        <v>83.875223096206028</v>
      </c>
      <c r="E1834">
        <v>654</v>
      </c>
      <c r="G1834">
        <v>84.418461637792703</v>
      </c>
      <c r="H1834">
        <v>730</v>
      </c>
      <c r="J1834">
        <v>84.588998030726231</v>
      </c>
      <c r="K1834">
        <v>730</v>
      </c>
      <c r="M1834">
        <v>88.336523805541177</v>
      </c>
      <c r="N1834">
        <v>605</v>
      </c>
      <c r="P1834">
        <v>97.522009055806123</v>
      </c>
      <c r="Q1834">
        <v>347</v>
      </c>
    </row>
    <row r="1835" spans="4:17" x14ac:dyDescent="0.25">
      <c r="D1835">
        <v>83.868353889039057</v>
      </c>
      <c r="E1835">
        <v>654</v>
      </c>
      <c r="G1835">
        <v>84.415789060054408</v>
      </c>
      <c r="H1835">
        <v>731</v>
      </c>
      <c r="J1835">
        <v>84.583178519410524</v>
      </c>
      <c r="K1835">
        <v>730</v>
      </c>
      <c r="M1835">
        <v>88.329273004273773</v>
      </c>
      <c r="N1835">
        <v>606</v>
      </c>
      <c r="P1835">
        <v>97.517742629749009</v>
      </c>
      <c r="Q1835">
        <v>348</v>
      </c>
    </row>
    <row r="1836" spans="4:17" x14ac:dyDescent="0.25">
      <c r="D1836">
        <v>83.861933560756228</v>
      </c>
      <c r="E1836">
        <v>655</v>
      </c>
      <c r="G1836">
        <v>84.413116482316127</v>
      </c>
      <c r="H1836">
        <v>731</v>
      </c>
      <c r="J1836">
        <v>84.577694749132277</v>
      </c>
      <c r="K1836">
        <v>731</v>
      </c>
      <c r="M1836">
        <v>88.321615392374241</v>
      </c>
      <c r="N1836">
        <v>606</v>
      </c>
      <c r="P1836">
        <v>97.512758092375307</v>
      </c>
      <c r="Q1836">
        <v>348</v>
      </c>
    </row>
    <row r="1837" spans="4:17" x14ac:dyDescent="0.25">
      <c r="D1837">
        <v>83.855064353589242</v>
      </c>
      <c r="E1837">
        <v>655</v>
      </c>
      <c r="G1837">
        <v>84.41088051381233</v>
      </c>
      <c r="H1837">
        <v>732</v>
      </c>
      <c r="J1837">
        <v>84.572556893862298</v>
      </c>
      <c r="K1837">
        <v>731</v>
      </c>
      <c r="M1837">
        <v>88.314364591106838</v>
      </c>
      <c r="N1837">
        <v>606</v>
      </c>
      <c r="P1837">
        <v>97.508491666318179</v>
      </c>
      <c r="Q1837">
        <v>348</v>
      </c>
    </row>
    <row r="1838" spans="4:17" x14ac:dyDescent="0.25">
      <c r="D1838">
        <v>83.84865762769688</v>
      </c>
      <c r="E1838">
        <v>656</v>
      </c>
      <c r="G1838">
        <v>84.408657775891385</v>
      </c>
      <c r="H1838">
        <v>732</v>
      </c>
      <c r="J1838">
        <v>84.566727208575784</v>
      </c>
      <c r="K1838">
        <v>732</v>
      </c>
      <c r="M1838">
        <v>88.307113789839462</v>
      </c>
      <c r="N1838">
        <v>607</v>
      </c>
      <c r="P1838">
        <v>97.504225240261036</v>
      </c>
      <c r="Q1838">
        <v>349</v>
      </c>
    </row>
    <row r="1839" spans="4:17" x14ac:dyDescent="0.25">
      <c r="D1839">
        <v>83.841774818139442</v>
      </c>
      <c r="E1839">
        <v>656</v>
      </c>
      <c r="G1839">
        <v>84.405985198153118</v>
      </c>
      <c r="H1839">
        <v>732</v>
      </c>
      <c r="J1839">
        <v>84.561253612268345</v>
      </c>
      <c r="K1839">
        <v>732</v>
      </c>
      <c r="M1839">
        <v>88.299862988572087</v>
      </c>
      <c r="N1839">
        <v>607</v>
      </c>
      <c r="P1839">
        <v>97.499240702887363</v>
      </c>
      <c r="Q1839">
        <v>349</v>
      </c>
    </row>
    <row r="1840" spans="4:17" x14ac:dyDescent="0.25">
      <c r="D1840">
        <v>83.835368092247066</v>
      </c>
      <c r="E1840">
        <v>656</v>
      </c>
      <c r="G1840">
        <v>84.403762460232173</v>
      </c>
      <c r="H1840">
        <v>733</v>
      </c>
      <c r="J1840">
        <v>84.555423926981817</v>
      </c>
      <c r="K1840">
        <v>733</v>
      </c>
      <c r="M1840">
        <v>88.292612187304698</v>
      </c>
      <c r="N1840">
        <v>608</v>
      </c>
      <c r="P1840">
        <v>97.494974276830206</v>
      </c>
      <c r="Q1840">
        <v>349</v>
      </c>
    </row>
    <row r="1841" spans="4:17" x14ac:dyDescent="0.25">
      <c r="D1841">
        <v>83.828961366354676</v>
      </c>
      <c r="E1841">
        <v>657</v>
      </c>
      <c r="G1841">
        <v>84.401526491728376</v>
      </c>
      <c r="H1841">
        <v>733</v>
      </c>
      <c r="J1841">
        <v>84.549604415666153</v>
      </c>
      <c r="K1841">
        <v>733</v>
      </c>
      <c r="M1841">
        <v>88.285361386037323</v>
      </c>
      <c r="N1841">
        <v>608</v>
      </c>
      <c r="P1841">
        <v>97.490707850773077</v>
      </c>
      <c r="Q1841">
        <v>350</v>
      </c>
    </row>
    <row r="1842" spans="4:17" x14ac:dyDescent="0.25">
      <c r="D1842">
        <v>83.822541038071861</v>
      </c>
      <c r="E1842">
        <v>657</v>
      </c>
      <c r="G1842">
        <v>84.398853913990109</v>
      </c>
      <c r="H1842">
        <v>734</v>
      </c>
      <c r="J1842">
        <v>84.54377473037961</v>
      </c>
      <c r="K1842">
        <v>733</v>
      </c>
      <c r="M1842">
        <v>88.277703774137777</v>
      </c>
      <c r="N1842">
        <v>608</v>
      </c>
      <c r="P1842">
        <v>97.485723313399404</v>
      </c>
      <c r="Q1842">
        <v>350</v>
      </c>
    </row>
    <row r="1843" spans="4:17" x14ac:dyDescent="0.25">
      <c r="D1843">
        <v>83.816134312179486</v>
      </c>
      <c r="E1843">
        <v>658</v>
      </c>
      <c r="G1843">
        <v>84.396631176069164</v>
      </c>
      <c r="H1843">
        <v>734</v>
      </c>
      <c r="J1843">
        <v>84.538636875109631</v>
      </c>
      <c r="K1843">
        <v>734</v>
      </c>
      <c r="M1843">
        <v>88.270452972870402</v>
      </c>
      <c r="N1843">
        <v>609</v>
      </c>
      <c r="P1843">
        <v>97.481456887342262</v>
      </c>
      <c r="Q1843">
        <v>350</v>
      </c>
    </row>
    <row r="1844" spans="4:17" x14ac:dyDescent="0.25">
      <c r="D1844">
        <v>83.809713983896671</v>
      </c>
      <c r="E1844">
        <v>658</v>
      </c>
      <c r="G1844">
        <v>84.393958598330883</v>
      </c>
      <c r="H1844">
        <v>735</v>
      </c>
      <c r="J1844">
        <v>84.533153104831385</v>
      </c>
      <c r="K1844">
        <v>734</v>
      </c>
      <c r="M1844">
        <v>88.263190206584426</v>
      </c>
      <c r="N1844">
        <v>609</v>
      </c>
      <c r="P1844">
        <v>97.476472349968589</v>
      </c>
      <c r="Q1844">
        <v>351</v>
      </c>
    </row>
    <row r="1845" spans="4:17" x14ac:dyDescent="0.25">
      <c r="D1845">
        <v>83.803756136888481</v>
      </c>
      <c r="E1845">
        <v>659</v>
      </c>
      <c r="G1845">
        <v>84.391286020592602</v>
      </c>
      <c r="H1845">
        <v>735</v>
      </c>
      <c r="J1845">
        <v>84.527669334553124</v>
      </c>
      <c r="K1845">
        <v>735</v>
      </c>
      <c r="M1845">
        <v>88.255939405317037</v>
      </c>
      <c r="N1845">
        <v>610</v>
      </c>
      <c r="P1845">
        <v>97.47220592391146</v>
      </c>
      <c r="Q1845">
        <v>351</v>
      </c>
    </row>
    <row r="1846" spans="4:17" x14ac:dyDescent="0.25">
      <c r="D1846">
        <v>83.797349410996105</v>
      </c>
      <c r="E1846">
        <v>659</v>
      </c>
      <c r="G1846">
        <v>84.389050052088805</v>
      </c>
      <c r="H1846">
        <v>735</v>
      </c>
      <c r="J1846">
        <v>84.522195738245713</v>
      </c>
      <c r="K1846">
        <v>735</v>
      </c>
      <c r="M1846">
        <v>88.248688604049647</v>
      </c>
      <c r="N1846">
        <v>610</v>
      </c>
      <c r="P1846">
        <v>97.467242507458849</v>
      </c>
      <c r="Q1846">
        <v>351</v>
      </c>
    </row>
    <row r="1847" spans="4:17" x14ac:dyDescent="0.25">
      <c r="D1847">
        <v>83.791391563987887</v>
      </c>
      <c r="E1847">
        <v>659</v>
      </c>
      <c r="G1847">
        <v>84.386827314167874</v>
      </c>
      <c r="H1847">
        <v>736</v>
      </c>
      <c r="J1847">
        <v>84.516366052959185</v>
      </c>
      <c r="K1847">
        <v>735</v>
      </c>
      <c r="M1847">
        <v>88.241030992150115</v>
      </c>
      <c r="N1847">
        <v>611</v>
      </c>
      <c r="P1847">
        <v>97.46297608140172</v>
      </c>
      <c r="Q1847">
        <v>352</v>
      </c>
    </row>
    <row r="1848" spans="4:17" x14ac:dyDescent="0.25">
      <c r="D1848">
        <v>83.784984838095511</v>
      </c>
      <c r="E1848">
        <v>660</v>
      </c>
      <c r="G1848">
        <v>84.384591345664063</v>
      </c>
      <c r="H1848">
        <v>736</v>
      </c>
      <c r="J1848">
        <v>84.510546541643492</v>
      </c>
      <c r="K1848">
        <v>736</v>
      </c>
      <c r="M1848">
        <v>88.233373380250569</v>
      </c>
      <c r="N1848">
        <v>611</v>
      </c>
      <c r="P1848">
        <v>97.457991544028047</v>
      </c>
      <c r="Q1848">
        <v>352</v>
      </c>
    </row>
    <row r="1849" spans="4:17" x14ac:dyDescent="0.25">
      <c r="D1849">
        <v>83.779026991087292</v>
      </c>
      <c r="E1849">
        <v>660</v>
      </c>
      <c r="G1849">
        <v>84.382368607743118</v>
      </c>
      <c r="H1849">
        <v>737</v>
      </c>
      <c r="J1849">
        <v>84.505062771365232</v>
      </c>
      <c r="K1849">
        <v>736</v>
      </c>
      <c r="M1849">
        <v>88.225727733369595</v>
      </c>
      <c r="N1849">
        <v>611</v>
      </c>
      <c r="P1849">
        <v>97.453725117970919</v>
      </c>
      <c r="Q1849">
        <v>352</v>
      </c>
    </row>
    <row r="1850" spans="4:17" x14ac:dyDescent="0.25">
      <c r="D1850">
        <v>83.773531625353712</v>
      </c>
      <c r="E1850">
        <v>661</v>
      </c>
      <c r="G1850">
        <v>84.380145869822186</v>
      </c>
      <c r="H1850">
        <v>737</v>
      </c>
      <c r="J1850">
        <v>84.499579001087</v>
      </c>
      <c r="K1850">
        <v>737</v>
      </c>
      <c r="M1850">
        <v>88.218070121470078</v>
      </c>
      <c r="N1850">
        <v>612</v>
      </c>
      <c r="P1850">
        <v>97.449458691913776</v>
      </c>
      <c r="Q1850">
        <v>353</v>
      </c>
    </row>
    <row r="1851" spans="4:17" x14ac:dyDescent="0.25">
      <c r="D1851">
        <v>83.767573778345522</v>
      </c>
      <c r="E1851">
        <v>661</v>
      </c>
      <c r="G1851">
        <v>84.377909901318375</v>
      </c>
      <c r="H1851">
        <v>737</v>
      </c>
      <c r="J1851">
        <v>84.494095230808753</v>
      </c>
      <c r="K1851">
        <v>737</v>
      </c>
      <c r="M1851">
        <v>88.210412509570517</v>
      </c>
      <c r="N1851">
        <v>612</v>
      </c>
      <c r="P1851">
        <v>97.445192265856633</v>
      </c>
      <c r="Q1851">
        <v>353</v>
      </c>
    </row>
    <row r="1852" spans="4:17" x14ac:dyDescent="0.25">
      <c r="D1852">
        <v>83.761615931337317</v>
      </c>
      <c r="E1852">
        <v>661</v>
      </c>
      <c r="G1852">
        <v>84.375687163397444</v>
      </c>
      <c r="H1852">
        <v>738</v>
      </c>
      <c r="J1852">
        <v>84.488957375538774</v>
      </c>
      <c r="K1852">
        <v>738</v>
      </c>
      <c r="M1852">
        <v>88.202754897670971</v>
      </c>
      <c r="N1852">
        <v>613</v>
      </c>
      <c r="P1852">
        <v>97.44092583979949</v>
      </c>
      <c r="Q1852">
        <v>353</v>
      </c>
    </row>
    <row r="1853" spans="4:17" x14ac:dyDescent="0.25">
      <c r="D1853">
        <v>83.755658084329113</v>
      </c>
      <c r="E1853">
        <v>662</v>
      </c>
      <c r="G1853">
        <v>84.373464425476499</v>
      </c>
      <c r="H1853">
        <v>738</v>
      </c>
      <c r="J1853">
        <v>84.483473605260514</v>
      </c>
      <c r="K1853">
        <v>738</v>
      </c>
      <c r="M1853">
        <v>88.19470244015784</v>
      </c>
      <c r="N1853">
        <v>613</v>
      </c>
      <c r="P1853">
        <v>97.436659413742362</v>
      </c>
      <c r="Q1853">
        <v>354</v>
      </c>
    </row>
    <row r="1854" spans="4:17" x14ac:dyDescent="0.25">
      <c r="D1854">
        <v>83.749713839711333</v>
      </c>
      <c r="E1854">
        <v>662</v>
      </c>
      <c r="G1854">
        <v>84.371228456972688</v>
      </c>
      <c r="H1854">
        <v>739</v>
      </c>
      <c r="J1854">
        <v>84.478000008953103</v>
      </c>
      <c r="K1854">
        <v>738</v>
      </c>
      <c r="M1854">
        <v>88.187044828258308</v>
      </c>
      <c r="N1854">
        <v>613</v>
      </c>
      <c r="P1854">
        <v>97.431674876368689</v>
      </c>
      <c r="Q1854">
        <v>354</v>
      </c>
    </row>
    <row r="1855" spans="4:17" x14ac:dyDescent="0.25">
      <c r="D1855">
        <v>83.743755992703129</v>
      </c>
      <c r="E1855">
        <v>663</v>
      </c>
      <c r="G1855">
        <v>84.369005719051742</v>
      </c>
      <c r="H1855">
        <v>739</v>
      </c>
      <c r="J1855">
        <v>84.472851979712289</v>
      </c>
      <c r="K1855">
        <v>739</v>
      </c>
      <c r="M1855">
        <v>88.179387216358776</v>
      </c>
      <c r="N1855">
        <v>614</v>
      </c>
      <c r="P1855">
        <v>97.42740845031156</v>
      </c>
      <c r="Q1855">
        <v>354</v>
      </c>
    </row>
    <row r="1856" spans="4:17" x14ac:dyDescent="0.25">
      <c r="D1856">
        <v>83.737335664420343</v>
      </c>
      <c r="E1856">
        <v>663</v>
      </c>
      <c r="G1856">
        <v>84.366769750547959</v>
      </c>
      <c r="H1856">
        <v>740</v>
      </c>
      <c r="J1856">
        <v>84.467378383404878</v>
      </c>
      <c r="K1856">
        <v>739</v>
      </c>
      <c r="M1856">
        <v>88.171322793827045</v>
      </c>
      <c r="N1856">
        <v>614</v>
      </c>
      <c r="P1856">
        <v>97.423142024254417</v>
      </c>
      <c r="Q1856">
        <v>355</v>
      </c>
    </row>
    <row r="1857" spans="4:17" x14ac:dyDescent="0.25">
      <c r="D1857">
        <v>83.731391419802563</v>
      </c>
      <c r="E1857">
        <v>664</v>
      </c>
      <c r="G1857">
        <v>84.364547012627014</v>
      </c>
      <c r="H1857">
        <v>740</v>
      </c>
      <c r="J1857">
        <v>84.461894613126617</v>
      </c>
      <c r="K1857">
        <v>740</v>
      </c>
      <c r="M1857">
        <v>88.1636771469461</v>
      </c>
      <c r="N1857">
        <v>615</v>
      </c>
      <c r="P1857">
        <v>97.418875598197289</v>
      </c>
      <c r="Q1857">
        <v>355</v>
      </c>
    </row>
    <row r="1858" spans="4:17" x14ac:dyDescent="0.25">
      <c r="D1858">
        <v>83.725433572794344</v>
      </c>
      <c r="E1858">
        <v>664</v>
      </c>
      <c r="G1858">
        <v>84.362760883940538</v>
      </c>
      <c r="H1858">
        <v>740</v>
      </c>
      <c r="J1858">
        <v>84.456410842848371</v>
      </c>
      <c r="K1858">
        <v>740</v>
      </c>
      <c r="M1858">
        <v>88.155612724414397</v>
      </c>
      <c r="N1858">
        <v>615</v>
      </c>
      <c r="P1858">
        <v>97.41460917214016</v>
      </c>
      <c r="Q1858">
        <v>355</v>
      </c>
    </row>
    <row r="1859" spans="4:17" x14ac:dyDescent="0.25">
      <c r="D1859">
        <v>83.71947572578614</v>
      </c>
      <c r="E1859">
        <v>664</v>
      </c>
      <c r="G1859">
        <v>84.360538146019593</v>
      </c>
      <c r="H1859">
        <v>741</v>
      </c>
      <c r="J1859">
        <v>84.450581157561857</v>
      </c>
      <c r="K1859">
        <v>740</v>
      </c>
      <c r="M1859">
        <v>88.147955112514836</v>
      </c>
      <c r="N1859">
        <v>616</v>
      </c>
      <c r="P1859">
        <v>97.410342746083018</v>
      </c>
      <c r="Q1859">
        <v>356</v>
      </c>
    </row>
    <row r="1860" spans="4:17" x14ac:dyDescent="0.25">
      <c r="D1860">
        <v>83.713517878777949</v>
      </c>
      <c r="E1860">
        <v>665</v>
      </c>
      <c r="G1860">
        <v>84.358752017333131</v>
      </c>
      <c r="H1860">
        <v>741</v>
      </c>
      <c r="J1860">
        <v>84.444761646246164</v>
      </c>
      <c r="K1860">
        <v>741</v>
      </c>
      <c r="M1860">
        <v>88.139902655001734</v>
      </c>
      <c r="N1860">
        <v>616</v>
      </c>
      <c r="P1860">
        <v>97.406076320025889</v>
      </c>
      <c r="Q1860">
        <v>356</v>
      </c>
    </row>
    <row r="1861" spans="4:17" x14ac:dyDescent="0.25">
      <c r="D1861">
        <v>83.708022513044341</v>
      </c>
      <c r="E1861">
        <v>665</v>
      </c>
      <c r="G1861">
        <v>84.356529279412172</v>
      </c>
      <c r="H1861">
        <v>742</v>
      </c>
      <c r="J1861">
        <v>84.438596219922189</v>
      </c>
      <c r="K1861">
        <v>741</v>
      </c>
      <c r="M1861">
        <v>88.131838232470031</v>
      </c>
      <c r="N1861">
        <v>616</v>
      </c>
      <c r="P1861">
        <v>97.401091782652216</v>
      </c>
      <c r="Q1861">
        <v>356</v>
      </c>
    </row>
    <row r="1862" spans="4:17" x14ac:dyDescent="0.25">
      <c r="D1862">
        <v>83.702527147310761</v>
      </c>
      <c r="E1862">
        <v>666</v>
      </c>
      <c r="G1862">
        <v>84.354306541491241</v>
      </c>
      <c r="H1862">
        <v>742</v>
      </c>
      <c r="J1862">
        <v>84.432430793598215</v>
      </c>
      <c r="K1862">
        <v>742</v>
      </c>
      <c r="M1862">
        <v>88.124180620570471</v>
      </c>
      <c r="N1862">
        <v>617</v>
      </c>
      <c r="P1862">
        <v>97.396107245278515</v>
      </c>
      <c r="Q1862">
        <v>357</v>
      </c>
    </row>
    <row r="1863" spans="4:17" x14ac:dyDescent="0.25">
      <c r="D1863">
        <v>83.696569300302556</v>
      </c>
      <c r="E1863">
        <v>666</v>
      </c>
      <c r="G1863">
        <v>84.352070572987444</v>
      </c>
      <c r="H1863">
        <v>742</v>
      </c>
      <c r="J1863">
        <v>84.42626536727424</v>
      </c>
      <c r="K1863">
        <v>742</v>
      </c>
      <c r="M1863">
        <v>88.116128163057368</v>
      </c>
      <c r="N1863">
        <v>617</v>
      </c>
      <c r="P1863">
        <v>97.391840819221386</v>
      </c>
      <c r="Q1863">
        <v>357</v>
      </c>
    </row>
    <row r="1864" spans="4:17" x14ac:dyDescent="0.25">
      <c r="D1864">
        <v>83.691073934568976</v>
      </c>
      <c r="E1864">
        <v>666</v>
      </c>
      <c r="G1864">
        <v>84.349847835066498</v>
      </c>
      <c r="H1864">
        <v>743</v>
      </c>
      <c r="J1864">
        <v>84.420089766979444</v>
      </c>
      <c r="K1864">
        <v>743</v>
      </c>
      <c r="M1864">
        <v>88.108470551157808</v>
      </c>
      <c r="N1864">
        <v>618</v>
      </c>
      <c r="P1864">
        <v>97.386856281847713</v>
      </c>
      <c r="Q1864">
        <v>357</v>
      </c>
    </row>
    <row r="1865" spans="4:17" x14ac:dyDescent="0.25">
      <c r="D1865">
        <v>83.685116087560758</v>
      </c>
      <c r="E1865">
        <v>667</v>
      </c>
      <c r="G1865">
        <v>84.348061706380022</v>
      </c>
      <c r="H1865">
        <v>743</v>
      </c>
      <c r="J1865">
        <v>84.414616170672033</v>
      </c>
      <c r="K1865">
        <v>743</v>
      </c>
      <c r="M1865">
        <v>88.100812939258262</v>
      </c>
      <c r="N1865">
        <v>618</v>
      </c>
      <c r="P1865">
        <v>97.381892865395088</v>
      </c>
      <c r="Q1865">
        <v>358</v>
      </c>
    </row>
    <row r="1866" spans="4:17" x14ac:dyDescent="0.25">
      <c r="D1866">
        <v>83.679171842942978</v>
      </c>
      <c r="E1866">
        <v>667</v>
      </c>
      <c r="G1866">
        <v>84.345838968459091</v>
      </c>
      <c r="H1866">
        <v>744</v>
      </c>
      <c r="J1866">
        <v>84.408786485385505</v>
      </c>
      <c r="K1866">
        <v>743</v>
      </c>
      <c r="M1866">
        <v>88.093562137990887</v>
      </c>
      <c r="N1866">
        <v>618</v>
      </c>
      <c r="P1866">
        <v>97.376908328021415</v>
      </c>
      <c r="Q1866">
        <v>358</v>
      </c>
    </row>
    <row r="1867" spans="4:17" x14ac:dyDescent="0.25">
      <c r="D1867">
        <v>83.673213995934788</v>
      </c>
      <c r="E1867">
        <v>668</v>
      </c>
      <c r="G1867">
        <v>84.34360299995528</v>
      </c>
      <c r="H1867">
        <v>744</v>
      </c>
      <c r="J1867">
        <v>84.402966974069813</v>
      </c>
      <c r="K1867">
        <v>744</v>
      </c>
      <c r="M1867">
        <v>88.08590452609134</v>
      </c>
      <c r="N1867">
        <v>619</v>
      </c>
      <c r="P1867">
        <v>97.372641901964286</v>
      </c>
      <c r="Q1867">
        <v>358</v>
      </c>
    </row>
    <row r="1868" spans="4:17" x14ac:dyDescent="0.25">
      <c r="D1868">
        <v>83.667718630201207</v>
      </c>
      <c r="E1868">
        <v>668</v>
      </c>
      <c r="G1868">
        <v>84.34183010185167</v>
      </c>
      <c r="H1868">
        <v>745</v>
      </c>
      <c r="J1868">
        <v>84.397483203791552</v>
      </c>
      <c r="K1868">
        <v>744</v>
      </c>
      <c r="M1868">
        <v>88.077852068578224</v>
      </c>
      <c r="N1868">
        <v>619</v>
      </c>
      <c r="P1868">
        <v>97.367657364590599</v>
      </c>
      <c r="Q1868">
        <v>359</v>
      </c>
    </row>
    <row r="1869" spans="4:17" x14ac:dyDescent="0.25">
      <c r="D1869">
        <v>83.661760783192989</v>
      </c>
      <c r="E1869">
        <v>669</v>
      </c>
      <c r="G1869">
        <v>84.339594133347873</v>
      </c>
      <c r="H1869">
        <v>745</v>
      </c>
      <c r="J1869">
        <v>84.391653518505052</v>
      </c>
      <c r="K1869">
        <v>745</v>
      </c>
      <c r="M1869">
        <v>88.070194456678678</v>
      </c>
      <c r="N1869">
        <v>620</v>
      </c>
      <c r="P1869">
        <v>97.362672827216926</v>
      </c>
      <c r="Q1869">
        <v>359</v>
      </c>
    </row>
    <row r="1870" spans="4:17" x14ac:dyDescent="0.25">
      <c r="D1870">
        <v>83.656265417459423</v>
      </c>
      <c r="E1870">
        <v>669</v>
      </c>
      <c r="G1870">
        <v>84.337821235244263</v>
      </c>
      <c r="H1870">
        <v>745</v>
      </c>
      <c r="J1870">
        <v>84.386515663235059</v>
      </c>
      <c r="K1870">
        <v>745</v>
      </c>
      <c r="M1870">
        <v>88.062130034146975</v>
      </c>
      <c r="N1870">
        <v>620</v>
      </c>
      <c r="P1870">
        <v>97.357709410764315</v>
      </c>
      <c r="Q1870">
        <v>359</v>
      </c>
    </row>
    <row r="1871" spans="4:17" x14ac:dyDescent="0.25">
      <c r="D1871">
        <v>83.650770051725814</v>
      </c>
      <c r="E1871">
        <v>669</v>
      </c>
      <c r="G1871">
        <v>84.33558526674048</v>
      </c>
      <c r="H1871">
        <v>746</v>
      </c>
      <c r="J1871">
        <v>84.381031892956813</v>
      </c>
      <c r="K1871">
        <v>745</v>
      </c>
      <c r="M1871">
        <v>88.054484387266015</v>
      </c>
      <c r="N1871">
        <v>621</v>
      </c>
      <c r="P1871">
        <v>97.352724873390628</v>
      </c>
      <c r="Q1871">
        <v>360</v>
      </c>
    </row>
    <row r="1872" spans="4:17" x14ac:dyDescent="0.25">
      <c r="D1872">
        <v>83.64527468599222</v>
      </c>
      <c r="E1872">
        <v>670</v>
      </c>
      <c r="G1872">
        <v>84.333362528819521</v>
      </c>
      <c r="H1872">
        <v>746</v>
      </c>
      <c r="J1872">
        <v>84.375558296649402</v>
      </c>
      <c r="K1872">
        <v>746</v>
      </c>
      <c r="M1872">
        <v>88.046826775366455</v>
      </c>
      <c r="N1872">
        <v>621</v>
      </c>
      <c r="P1872">
        <v>97.348458447333513</v>
      </c>
      <c r="Q1872">
        <v>360</v>
      </c>
    </row>
    <row r="1873" spans="4:17" x14ac:dyDescent="0.25">
      <c r="D1873">
        <v>83.639779320258626</v>
      </c>
      <c r="E1873">
        <v>670</v>
      </c>
      <c r="G1873">
        <v>84.331576400133045</v>
      </c>
      <c r="H1873">
        <v>747</v>
      </c>
      <c r="J1873">
        <v>84.370756182416855</v>
      </c>
      <c r="K1873">
        <v>746</v>
      </c>
      <c r="M1873">
        <v>88.038762352834738</v>
      </c>
      <c r="N1873">
        <v>621</v>
      </c>
      <c r="P1873">
        <v>97.343473909959826</v>
      </c>
      <c r="Q1873">
        <v>360</v>
      </c>
    </row>
    <row r="1874" spans="4:17" x14ac:dyDescent="0.25">
      <c r="D1874">
        <v>83.633821473250407</v>
      </c>
      <c r="E1874">
        <v>671</v>
      </c>
      <c r="G1874">
        <v>84.329353662212114</v>
      </c>
      <c r="H1874">
        <v>747</v>
      </c>
      <c r="J1874">
        <v>84.365618327146876</v>
      </c>
      <c r="K1874">
        <v>747</v>
      </c>
      <c r="M1874">
        <v>88.031104740935191</v>
      </c>
      <c r="N1874">
        <v>622</v>
      </c>
      <c r="P1874">
        <v>97.338489372586139</v>
      </c>
      <c r="Q1874">
        <v>361</v>
      </c>
    </row>
    <row r="1875" spans="4:17" x14ac:dyDescent="0.25">
      <c r="D1875">
        <v>83.627863626242231</v>
      </c>
      <c r="E1875">
        <v>671</v>
      </c>
      <c r="G1875">
        <v>84.327567533525652</v>
      </c>
      <c r="H1875">
        <v>747</v>
      </c>
      <c r="J1875">
        <v>84.360826386885179</v>
      </c>
      <c r="K1875">
        <v>747</v>
      </c>
      <c r="M1875">
        <v>88.023052283422089</v>
      </c>
      <c r="N1875">
        <v>622</v>
      </c>
      <c r="P1875">
        <v>97.332807844816998</v>
      </c>
      <c r="Q1875">
        <v>361</v>
      </c>
    </row>
    <row r="1876" spans="4:17" x14ac:dyDescent="0.25">
      <c r="D1876">
        <v>83.621905779234012</v>
      </c>
      <c r="E1876">
        <v>671</v>
      </c>
      <c r="G1876">
        <v>84.325344795604693</v>
      </c>
      <c r="H1876">
        <v>748</v>
      </c>
      <c r="J1876">
        <v>84.355678357644379</v>
      </c>
      <c r="K1876">
        <v>748</v>
      </c>
      <c r="M1876">
        <v>88.015394671522557</v>
      </c>
      <c r="N1876">
        <v>623</v>
      </c>
      <c r="P1876">
        <v>97.32782330744331</v>
      </c>
      <c r="Q1876">
        <v>361</v>
      </c>
    </row>
    <row r="1877" spans="4:17" x14ac:dyDescent="0.25">
      <c r="D1877">
        <v>83.616410413500432</v>
      </c>
      <c r="E1877">
        <v>672</v>
      </c>
      <c r="G1877">
        <v>84.323558666918231</v>
      </c>
      <c r="H1877">
        <v>748</v>
      </c>
      <c r="J1877">
        <v>84.350204761336968</v>
      </c>
      <c r="K1877">
        <v>748</v>
      </c>
      <c r="M1877">
        <v>88.007342214009441</v>
      </c>
      <c r="N1877">
        <v>623</v>
      </c>
      <c r="P1877">
        <v>97.322141779674155</v>
      </c>
      <c r="Q1877">
        <v>362</v>
      </c>
    </row>
    <row r="1878" spans="4:17" x14ac:dyDescent="0.25">
      <c r="D1878">
        <v>83.610915047766838</v>
      </c>
      <c r="E1878">
        <v>672</v>
      </c>
      <c r="G1878">
        <v>84.321335928997271</v>
      </c>
      <c r="H1878">
        <v>749</v>
      </c>
      <c r="J1878">
        <v>84.344720991058722</v>
      </c>
      <c r="K1878">
        <v>748</v>
      </c>
      <c r="M1878">
        <v>87.999277791477709</v>
      </c>
      <c r="N1878">
        <v>623</v>
      </c>
      <c r="P1878">
        <v>97.317157242300468</v>
      </c>
      <c r="Q1878">
        <v>362</v>
      </c>
    </row>
    <row r="1879" spans="4:17" x14ac:dyDescent="0.25">
      <c r="D1879">
        <v>83.60588216330784</v>
      </c>
      <c r="E1879">
        <v>673</v>
      </c>
      <c r="G1879">
        <v>84.319099960493489</v>
      </c>
      <c r="H1879">
        <v>749</v>
      </c>
      <c r="J1879">
        <v>84.339583135788729</v>
      </c>
      <c r="K1879">
        <v>749</v>
      </c>
      <c r="M1879">
        <v>87.991620179578163</v>
      </c>
      <c r="N1879">
        <v>624</v>
      </c>
      <c r="P1879">
        <v>97.311475714531326</v>
      </c>
      <c r="Q1879">
        <v>362</v>
      </c>
    </row>
    <row r="1880" spans="4:17" x14ac:dyDescent="0.25">
      <c r="D1880">
        <v>83.600835676458445</v>
      </c>
      <c r="E1880">
        <v>673</v>
      </c>
      <c r="G1880">
        <v>84.317327062389879</v>
      </c>
      <c r="H1880">
        <v>750</v>
      </c>
      <c r="J1880">
        <v>84.334781021556211</v>
      </c>
      <c r="K1880">
        <v>749</v>
      </c>
      <c r="M1880">
        <v>87.983567722065061</v>
      </c>
      <c r="N1880">
        <v>624</v>
      </c>
      <c r="P1880">
        <v>97.306491177157653</v>
      </c>
      <c r="Q1880">
        <v>363</v>
      </c>
    </row>
    <row r="1881" spans="4:17" x14ac:dyDescent="0.25">
      <c r="D1881">
        <v>83.595802791999446</v>
      </c>
      <c r="E1881">
        <v>674</v>
      </c>
      <c r="G1881">
        <v>84.315091093886068</v>
      </c>
      <c r="H1881">
        <v>750</v>
      </c>
      <c r="J1881">
        <v>84.32929725127795</v>
      </c>
      <c r="K1881">
        <v>750</v>
      </c>
      <c r="M1881">
        <v>87.975108453919773</v>
      </c>
      <c r="N1881">
        <v>625</v>
      </c>
      <c r="P1881">
        <v>97.30150663978398</v>
      </c>
      <c r="Q1881">
        <v>363</v>
      </c>
    </row>
    <row r="1882" spans="4:17" x14ac:dyDescent="0.25">
      <c r="D1882">
        <v>83.590756305150038</v>
      </c>
      <c r="E1882">
        <v>674</v>
      </c>
      <c r="G1882">
        <v>84.313304965199606</v>
      </c>
      <c r="H1882">
        <v>750</v>
      </c>
      <c r="J1882">
        <v>84.324159396007985</v>
      </c>
      <c r="K1882">
        <v>750</v>
      </c>
      <c r="M1882">
        <v>87.96704403138807</v>
      </c>
      <c r="N1882">
        <v>625</v>
      </c>
      <c r="P1882">
        <v>97.295825112014796</v>
      </c>
      <c r="Q1882">
        <v>363</v>
      </c>
    </row>
    <row r="1883" spans="4:17" x14ac:dyDescent="0.25">
      <c r="D1883">
        <v>83.585723420691068</v>
      </c>
      <c r="E1883">
        <v>674</v>
      </c>
      <c r="G1883">
        <v>84.311082227278661</v>
      </c>
      <c r="H1883">
        <v>751</v>
      </c>
      <c r="J1883">
        <v>84.319021540738021</v>
      </c>
      <c r="K1883">
        <v>750</v>
      </c>
      <c r="M1883">
        <v>87.95938641948851</v>
      </c>
      <c r="N1883">
        <v>626</v>
      </c>
      <c r="P1883">
        <v>97.290840574641123</v>
      </c>
      <c r="Q1883">
        <v>364</v>
      </c>
    </row>
    <row r="1884" spans="4:17" x14ac:dyDescent="0.25">
      <c r="D1884">
        <v>83.580690536232083</v>
      </c>
      <c r="E1884">
        <v>675</v>
      </c>
      <c r="G1884">
        <v>84.308859489357715</v>
      </c>
      <c r="H1884">
        <v>751</v>
      </c>
      <c r="J1884">
        <v>84.313883685468056</v>
      </c>
      <c r="K1884">
        <v>751</v>
      </c>
      <c r="M1884">
        <v>87.950927151343251</v>
      </c>
      <c r="N1884">
        <v>626</v>
      </c>
      <c r="P1884">
        <v>97.285856037267465</v>
      </c>
      <c r="Q1884">
        <v>364</v>
      </c>
    </row>
    <row r="1885" spans="4:17" x14ac:dyDescent="0.25">
      <c r="D1885">
        <v>83.576106530657285</v>
      </c>
      <c r="E1885">
        <v>675</v>
      </c>
      <c r="G1885">
        <v>84.307073360671254</v>
      </c>
      <c r="H1885">
        <v>752</v>
      </c>
      <c r="J1885">
        <v>84.308745830198049</v>
      </c>
      <c r="K1885">
        <v>751</v>
      </c>
      <c r="M1885">
        <v>87.942467883197978</v>
      </c>
      <c r="N1885">
        <v>626</v>
      </c>
      <c r="P1885">
        <v>97.280892620814839</v>
      </c>
      <c r="Q1885">
        <v>364</v>
      </c>
    </row>
    <row r="1886" spans="4:17" x14ac:dyDescent="0.25">
      <c r="D1886">
        <v>83.57061116492369</v>
      </c>
      <c r="E1886">
        <v>676</v>
      </c>
      <c r="G1886">
        <v>84.304850622750322</v>
      </c>
      <c r="H1886">
        <v>752</v>
      </c>
      <c r="J1886">
        <v>84.303943715965545</v>
      </c>
      <c r="K1886">
        <v>752</v>
      </c>
      <c r="M1886">
        <v>87.93400861505269</v>
      </c>
      <c r="N1886">
        <v>627</v>
      </c>
      <c r="P1886">
        <v>97.275189972124608</v>
      </c>
      <c r="Q1886">
        <v>365</v>
      </c>
    </row>
    <row r="1887" spans="4:17" x14ac:dyDescent="0.25">
      <c r="D1887">
        <v>83.565564678074267</v>
      </c>
      <c r="E1887">
        <v>676</v>
      </c>
      <c r="G1887">
        <v>84.303064494063833</v>
      </c>
      <c r="H1887">
        <v>752</v>
      </c>
      <c r="J1887">
        <v>84.299151775703834</v>
      </c>
      <c r="K1887">
        <v>752</v>
      </c>
      <c r="M1887">
        <v>87.925944192520973</v>
      </c>
      <c r="N1887">
        <v>627</v>
      </c>
      <c r="P1887">
        <v>97.270226555671996</v>
      </c>
      <c r="Q1887">
        <v>365</v>
      </c>
    </row>
    <row r="1888" spans="4:17" x14ac:dyDescent="0.25">
      <c r="D1888">
        <v>83.560069312340673</v>
      </c>
      <c r="E1888">
        <v>676</v>
      </c>
      <c r="G1888">
        <v>84.301278365377385</v>
      </c>
      <c r="H1888">
        <v>753</v>
      </c>
      <c r="J1888">
        <v>84.294359835442137</v>
      </c>
      <c r="K1888">
        <v>753</v>
      </c>
      <c r="M1888">
        <v>87.917891735007871</v>
      </c>
      <c r="N1888">
        <v>628</v>
      </c>
      <c r="P1888">
        <v>97.265242018298324</v>
      </c>
      <c r="Q1888">
        <v>365</v>
      </c>
    </row>
    <row r="1889" spans="4:17" x14ac:dyDescent="0.25">
      <c r="D1889">
        <v>83.555036427881703</v>
      </c>
      <c r="E1889">
        <v>677</v>
      </c>
      <c r="G1889">
        <v>84.299055627456426</v>
      </c>
      <c r="H1889">
        <v>753</v>
      </c>
      <c r="J1889">
        <v>84.28955772120959</v>
      </c>
      <c r="K1889">
        <v>753</v>
      </c>
      <c r="M1889">
        <v>87.911035779354052</v>
      </c>
      <c r="N1889">
        <v>628</v>
      </c>
      <c r="P1889">
        <v>97.259539369608106</v>
      </c>
      <c r="Q1889">
        <v>366</v>
      </c>
    </row>
    <row r="1890" spans="4:17" x14ac:dyDescent="0.25">
      <c r="D1890">
        <v>83.54998994103228</v>
      </c>
      <c r="E1890">
        <v>677</v>
      </c>
      <c r="G1890">
        <v>84.29726949876995</v>
      </c>
      <c r="H1890">
        <v>754</v>
      </c>
      <c r="J1890">
        <v>84.284419865939626</v>
      </c>
      <c r="K1890">
        <v>753</v>
      </c>
      <c r="M1890">
        <v>87.901774854963037</v>
      </c>
      <c r="N1890">
        <v>628</v>
      </c>
      <c r="P1890">
        <v>97.253857841838936</v>
      </c>
      <c r="Q1890">
        <v>366</v>
      </c>
    </row>
    <row r="1891" spans="4:17" x14ac:dyDescent="0.25">
      <c r="D1891">
        <v>83.545419537847906</v>
      </c>
      <c r="E1891">
        <v>678</v>
      </c>
      <c r="G1891">
        <v>84.295483370083502</v>
      </c>
      <c r="H1891">
        <v>754</v>
      </c>
      <c r="J1891">
        <v>84.279282010669647</v>
      </c>
      <c r="K1891">
        <v>754</v>
      </c>
      <c r="M1891">
        <v>87.892908776185593</v>
      </c>
      <c r="N1891">
        <v>629</v>
      </c>
      <c r="P1891">
        <v>97.248176314069795</v>
      </c>
      <c r="Q1891">
        <v>366</v>
      </c>
    </row>
    <row r="1892" spans="4:17" x14ac:dyDescent="0.25">
      <c r="D1892">
        <v>83.540373050998468</v>
      </c>
      <c r="E1892">
        <v>678</v>
      </c>
      <c r="G1892">
        <v>84.293710471979878</v>
      </c>
      <c r="H1892">
        <v>755</v>
      </c>
      <c r="J1892">
        <v>84.274479896437114</v>
      </c>
      <c r="K1892">
        <v>754</v>
      </c>
      <c r="M1892">
        <v>87.884449508040305</v>
      </c>
      <c r="N1892">
        <v>629</v>
      </c>
      <c r="P1892">
        <v>97.243191776696094</v>
      </c>
      <c r="Q1892">
        <v>367</v>
      </c>
    </row>
    <row r="1893" spans="4:17" x14ac:dyDescent="0.25">
      <c r="D1893">
        <v>83.53578904542367</v>
      </c>
      <c r="E1893">
        <v>679</v>
      </c>
      <c r="G1893">
        <v>84.291924343293417</v>
      </c>
      <c r="H1893">
        <v>755</v>
      </c>
      <c r="J1893">
        <v>84.269342041167164</v>
      </c>
      <c r="K1893">
        <v>755</v>
      </c>
      <c r="M1893">
        <v>87.875978274876431</v>
      </c>
      <c r="N1893">
        <v>630</v>
      </c>
      <c r="P1893">
        <v>97.237489128005876</v>
      </c>
      <c r="Q1893">
        <v>367</v>
      </c>
    </row>
    <row r="1894" spans="4:17" x14ac:dyDescent="0.25">
      <c r="D1894">
        <v>83.53121864223931</v>
      </c>
      <c r="E1894">
        <v>679</v>
      </c>
      <c r="G1894">
        <v>84.289701605372457</v>
      </c>
      <c r="H1894">
        <v>755</v>
      </c>
      <c r="J1894">
        <v>84.264204185897171</v>
      </c>
      <c r="K1894">
        <v>755</v>
      </c>
      <c r="M1894">
        <v>87.867519006731172</v>
      </c>
      <c r="N1894">
        <v>630</v>
      </c>
      <c r="P1894">
        <v>97.231807600236721</v>
      </c>
      <c r="Q1894">
        <v>367</v>
      </c>
    </row>
    <row r="1895" spans="4:17" x14ac:dyDescent="0.25">
      <c r="D1895">
        <v>83.526634636664511</v>
      </c>
      <c r="E1895">
        <v>679</v>
      </c>
      <c r="G1895">
        <v>84.287915476685995</v>
      </c>
      <c r="H1895">
        <v>756</v>
      </c>
      <c r="J1895">
        <v>84.259066330627192</v>
      </c>
      <c r="K1895">
        <v>755</v>
      </c>
      <c r="M1895">
        <v>87.85905973858587</v>
      </c>
      <c r="N1895">
        <v>631</v>
      </c>
      <c r="P1895">
        <v>97.226126072467579</v>
      </c>
      <c r="Q1895">
        <v>368</v>
      </c>
    </row>
    <row r="1896" spans="4:17" x14ac:dyDescent="0.25">
      <c r="D1896">
        <v>83.522050631089712</v>
      </c>
      <c r="E1896">
        <v>680</v>
      </c>
      <c r="G1896">
        <v>84.286579187816855</v>
      </c>
      <c r="H1896">
        <v>756</v>
      </c>
      <c r="J1896">
        <v>84.253928475357213</v>
      </c>
      <c r="K1896">
        <v>756</v>
      </c>
      <c r="M1896">
        <v>87.850600470440597</v>
      </c>
      <c r="N1896">
        <v>631</v>
      </c>
      <c r="P1896">
        <v>97.220423423777348</v>
      </c>
      <c r="Q1896">
        <v>368</v>
      </c>
    </row>
    <row r="1897" spans="4:17" x14ac:dyDescent="0.25">
      <c r="D1897">
        <v>83.517017746630714</v>
      </c>
      <c r="E1897">
        <v>680</v>
      </c>
      <c r="G1897">
        <v>84.284793059130394</v>
      </c>
      <c r="H1897">
        <v>757</v>
      </c>
      <c r="J1897">
        <v>84.248790620087249</v>
      </c>
      <c r="K1897">
        <v>756</v>
      </c>
      <c r="M1897">
        <v>87.842141202295309</v>
      </c>
      <c r="N1897">
        <v>631</v>
      </c>
      <c r="P1897">
        <v>97.214741896008178</v>
      </c>
      <c r="Q1897">
        <v>368</v>
      </c>
    </row>
    <row r="1898" spans="4:17" x14ac:dyDescent="0.25">
      <c r="D1898">
        <v>83.512433741055929</v>
      </c>
      <c r="E1898">
        <v>681</v>
      </c>
      <c r="G1898">
        <v>84.283020161026784</v>
      </c>
      <c r="H1898">
        <v>757</v>
      </c>
      <c r="J1898">
        <v>84.24398850585473</v>
      </c>
      <c r="K1898">
        <v>757</v>
      </c>
      <c r="M1898">
        <v>87.834076779763606</v>
      </c>
      <c r="N1898">
        <v>632</v>
      </c>
      <c r="P1898">
        <v>97.209757358634505</v>
      </c>
      <c r="Q1898">
        <v>369</v>
      </c>
    </row>
    <row r="1899" spans="4:17" x14ac:dyDescent="0.25">
      <c r="D1899">
        <v>83.507849735481116</v>
      </c>
      <c r="E1899">
        <v>681</v>
      </c>
      <c r="G1899">
        <v>84.281234032340308</v>
      </c>
      <c r="H1899">
        <v>757</v>
      </c>
      <c r="J1899">
        <v>84.238504735576484</v>
      </c>
      <c r="K1899">
        <v>757</v>
      </c>
      <c r="M1899">
        <v>87.825617511618333</v>
      </c>
      <c r="N1899">
        <v>632</v>
      </c>
      <c r="P1899">
        <v>97.204075830865349</v>
      </c>
      <c r="Q1899">
        <v>369</v>
      </c>
    </row>
    <row r="1900" spans="4:17" x14ac:dyDescent="0.25">
      <c r="D1900">
        <v>83.503728211180928</v>
      </c>
      <c r="E1900">
        <v>681</v>
      </c>
      <c r="G1900">
        <v>84.278998063836525</v>
      </c>
      <c r="H1900">
        <v>758</v>
      </c>
      <c r="J1900">
        <v>84.233031139269045</v>
      </c>
      <c r="K1900">
        <v>758</v>
      </c>
      <c r="M1900">
        <v>87.817565054105231</v>
      </c>
      <c r="N1900">
        <v>633</v>
      </c>
      <c r="P1900">
        <v>97.198373182175118</v>
      </c>
      <c r="Q1900">
        <v>369</v>
      </c>
    </row>
    <row r="1901" spans="4:17" x14ac:dyDescent="0.25">
      <c r="D1901">
        <v>83.499144205606115</v>
      </c>
      <c r="E1901">
        <v>682</v>
      </c>
      <c r="G1901">
        <v>84.277225165732901</v>
      </c>
      <c r="H1901">
        <v>758</v>
      </c>
      <c r="J1901">
        <v>84.227201453982531</v>
      </c>
      <c r="K1901">
        <v>758</v>
      </c>
      <c r="M1901">
        <v>87.809500631573499</v>
      </c>
      <c r="N1901">
        <v>633</v>
      </c>
      <c r="P1901">
        <v>97.192691654405976</v>
      </c>
      <c r="Q1901">
        <v>370</v>
      </c>
    </row>
    <row r="1902" spans="4:17" x14ac:dyDescent="0.25">
      <c r="D1902">
        <v>83.494573802421741</v>
      </c>
      <c r="E1902">
        <v>682</v>
      </c>
      <c r="G1902">
        <v>84.275439037046425</v>
      </c>
      <c r="H1902">
        <v>759</v>
      </c>
      <c r="J1902">
        <v>84.222063598712566</v>
      </c>
      <c r="K1902">
        <v>758</v>
      </c>
      <c r="M1902">
        <v>87.801041363428226</v>
      </c>
      <c r="N1902">
        <v>633</v>
      </c>
      <c r="P1902">
        <v>97.187010126636821</v>
      </c>
      <c r="Q1902">
        <v>370</v>
      </c>
    </row>
    <row r="1903" spans="4:17" x14ac:dyDescent="0.25">
      <c r="D1903">
        <v>83.489989796846942</v>
      </c>
      <c r="E1903">
        <v>683</v>
      </c>
      <c r="G1903">
        <v>84.274102748177299</v>
      </c>
      <c r="H1903">
        <v>759</v>
      </c>
      <c r="J1903">
        <v>84.216925743442587</v>
      </c>
      <c r="K1903">
        <v>759</v>
      </c>
      <c r="M1903">
        <v>87.792582095282938</v>
      </c>
      <c r="N1903">
        <v>634</v>
      </c>
      <c r="P1903">
        <v>97.181307477946604</v>
      </c>
      <c r="Q1903">
        <v>370</v>
      </c>
    </row>
    <row r="1904" spans="4:17" x14ac:dyDescent="0.25">
      <c r="D1904">
        <v>83.485405791272143</v>
      </c>
      <c r="E1904">
        <v>683</v>
      </c>
      <c r="G1904">
        <v>84.272316619490823</v>
      </c>
      <c r="H1904">
        <v>760</v>
      </c>
      <c r="J1904">
        <v>84.211787888172594</v>
      </c>
      <c r="K1904">
        <v>759</v>
      </c>
      <c r="M1904">
        <v>87.784517672751221</v>
      </c>
      <c r="N1904">
        <v>634</v>
      </c>
      <c r="P1904">
        <v>97.175625950177448</v>
      </c>
      <c r="Q1904">
        <v>371</v>
      </c>
    </row>
    <row r="1905" spans="4:17" x14ac:dyDescent="0.25">
      <c r="D1905">
        <v>83.480372906813145</v>
      </c>
      <c r="E1905">
        <v>684</v>
      </c>
      <c r="G1905">
        <v>84.270980330621668</v>
      </c>
      <c r="H1905">
        <v>760</v>
      </c>
      <c r="J1905">
        <v>84.206304117894348</v>
      </c>
      <c r="K1905">
        <v>760</v>
      </c>
      <c r="M1905">
        <v>87.776058404605962</v>
      </c>
      <c r="N1905">
        <v>635</v>
      </c>
      <c r="P1905">
        <v>97.169923301487188</v>
      </c>
      <c r="Q1905">
        <v>371</v>
      </c>
    </row>
    <row r="1906" spans="4:17" x14ac:dyDescent="0.25">
      <c r="D1906">
        <v>83.476251382512956</v>
      </c>
      <c r="E1906">
        <v>684</v>
      </c>
      <c r="G1906">
        <v>84.269207432518073</v>
      </c>
      <c r="H1906">
        <v>760</v>
      </c>
      <c r="J1906">
        <v>84.201166262624369</v>
      </c>
      <c r="K1906">
        <v>760</v>
      </c>
      <c r="M1906">
        <v>87.767993982074259</v>
      </c>
      <c r="N1906">
        <v>635</v>
      </c>
      <c r="P1906">
        <v>97.164241773718047</v>
      </c>
      <c r="Q1906">
        <v>371</v>
      </c>
    </row>
    <row r="1907" spans="4:17" x14ac:dyDescent="0.25">
      <c r="D1907">
        <v>83.471667376938157</v>
      </c>
      <c r="E1907">
        <v>684</v>
      </c>
      <c r="G1907">
        <v>84.267871143648946</v>
      </c>
      <c r="H1907">
        <v>761</v>
      </c>
      <c r="J1907">
        <v>84.196710063400133</v>
      </c>
      <c r="K1907">
        <v>760</v>
      </c>
      <c r="M1907">
        <v>87.759941524561143</v>
      </c>
      <c r="N1907">
        <v>636</v>
      </c>
      <c r="P1907">
        <v>97.157842134632347</v>
      </c>
      <c r="Q1907">
        <v>372</v>
      </c>
    </row>
    <row r="1908" spans="4:17" x14ac:dyDescent="0.25">
      <c r="D1908">
        <v>83.467083371363358</v>
      </c>
      <c r="E1908">
        <v>685</v>
      </c>
      <c r="G1908">
        <v>84.266534854779792</v>
      </c>
      <c r="H1908">
        <v>761</v>
      </c>
      <c r="J1908">
        <v>84.192253864175868</v>
      </c>
      <c r="K1908">
        <v>761</v>
      </c>
      <c r="M1908">
        <v>87.751877102029425</v>
      </c>
      <c r="N1908">
        <v>636</v>
      </c>
      <c r="P1908">
        <v>97.152139485942129</v>
      </c>
      <c r="Q1908">
        <v>372</v>
      </c>
    </row>
    <row r="1909" spans="4:17" x14ac:dyDescent="0.25">
      <c r="D1909">
        <v>83.462961847063156</v>
      </c>
      <c r="E1909">
        <v>685</v>
      </c>
      <c r="G1909">
        <v>84.265198565910666</v>
      </c>
      <c r="H1909">
        <v>762</v>
      </c>
      <c r="J1909">
        <v>84.187461923914171</v>
      </c>
      <c r="K1909">
        <v>761</v>
      </c>
      <c r="M1909">
        <v>87.743824644516295</v>
      </c>
      <c r="N1909">
        <v>636</v>
      </c>
      <c r="P1909">
        <v>97.145739846856443</v>
      </c>
      <c r="Q1909">
        <v>372</v>
      </c>
    </row>
    <row r="1910" spans="4:17" x14ac:dyDescent="0.25">
      <c r="D1910">
        <v>83.458377841488357</v>
      </c>
      <c r="E1910">
        <v>686</v>
      </c>
      <c r="G1910">
        <v>84.26386227704154</v>
      </c>
      <c r="H1910">
        <v>762</v>
      </c>
      <c r="J1910">
        <v>84.182659809681638</v>
      </c>
      <c r="K1910">
        <v>762</v>
      </c>
      <c r="M1910">
        <v>87.736167032616763</v>
      </c>
      <c r="N1910">
        <v>637</v>
      </c>
      <c r="P1910">
        <v>97.139340207770715</v>
      </c>
      <c r="Q1910">
        <v>373</v>
      </c>
    </row>
    <row r="1911" spans="4:17" x14ac:dyDescent="0.25">
      <c r="D1911">
        <v>83.453793835913544</v>
      </c>
      <c r="E1911">
        <v>686</v>
      </c>
      <c r="G1911">
        <v>84.262076148355064</v>
      </c>
      <c r="H1911">
        <v>762</v>
      </c>
      <c r="J1911">
        <v>84.177521954411645</v>
      </c>
      <c r="K1911">
        <v>762</v>
      </c>
      <c r="M1911">
        <v>87.728114575103632</v>
      </c>
      <c r="N1911">
        <v>637</v>
      </c>
      <c r="P1911">
        <v>97.132940568685029</v>
      </c>
      <c r="Q1911">
        <v>373</v>
      </c>
    </row>
    <row r="1912" spans="4:17" x14ac:dyDescent="0.25">
      <c r="D1912">
        <v>83.449672311613369</v>
      </c>
      <c r="E1912">
        <v>686</v>
      </c>
      <c r="G1912">
        <v>84.260739859485923</v>
      </c>
      <c r="H1912">
        <v>763</v>
      </c>
      <c r="J1912">
        <v>84.172730014149977</v>
      </c>
      <c r="K1912">
        <v>763</v>
      </c>
      <c r="M1912">
        <v>87.720050152571929</v>
      </c>
      <c r="N1912">
        <v>638</v>
      </c>
      <c r="P1912">
        <v>97.126540929599329</v>
      </c>
      <c r="Q1912">
        <v>373</v>
      </c>
    </row>
    <row r="1913" spans="4:17" x14ac:dyDescent="0.25">
      <c r="D1913">
        <v>83.445550787313152</v>
      </c>
      <c r="E1913">
        <v>687</v>
      </c>
      <c r="G1913">
        <v>84.259403570616783</v>
      </c>
      <c r="H1913">
        <v>763</v>
      </c>
      <c r="J1913">
        <v>84.167592158879984</v>
      </c>
      <c r="K1913">
        <v>763</v>
      </c>
      <c r="M1913">
        <v>87.711590884426656</v>
      </c>
      <c r="N1913">
        <v>638</v>
      </c>
      <c r="P1913">
        <v>97.119423179197085</v>
      </c>
      <c r="Q1913">
        <v>374</v>
      </c>
    </row>
    <row r="1914" spans="4:17" x14ac:dyDescent="0.25">
      <c r="D1914">
        <v>83.441429263012949</v>
      </c>
      <c r="E1914">
        <v>687</v>
      </c>
      <c r="G1914">
        <v>84.258503890982112</v>
      </c>
      <c r="H1914">
        <v>764</v>
      </c>
      <c r="J1914">
        <v>84.162454303610005</v>
      </c>
      <c r="K1914">
        <v>763</v>
      </c>
      <c r="M1914">
        <v>87.70192314940347</v>
      </c>
      <c r="N1914">
        <v>638</v>
      </c>
      <c r="P1914">
        <v>97.113023540111371</v>
      </c>
      <c r="Q1914">
        <v>374</v>
      </c>
    </row>
    <row r="1915" spans="4:17" x14ac:dyDescent="0.25">
      <c r="D1915">
        <v>83.437307738712775</v>
      </c>
      <c r="E1915">
        <v>688</v>
      </c>
      <c r="G1915">
        <v>84.257167602112972</v>
      </c>
      <c r="H1915">
        <v>764</v>
      </c>
      <c r="J1915">
        <v>84.157652189377487</v>
      </c>
      <c r="K1915">
        <v>764</v>
      </c>
      <c r="M1915">
        <v>87.694265537503938</v>
      </c>
      <c r="N1915">
        <v>639</v>
      </c>
      <c r="P1915">
        <v>97.106623901025685</v>
      </c>
      <c r="Q1915">
        <v>374</v>
      </c>
    </row>
    <row r="1916" spans="4:17" x14ac:dyDescent="0.25">
      <c r="D1916">
        <v>83.433186214412586</v>
      </c>
      <c r="E1916">
        <v>688</v>
      </c>
      <c r="G1916">
        <v>84.255831313243831</v>
      </c>
      <c r="H1916">
        <v>765</v>
      </c>
      <c r="J1916">
        <v>84.15286024911579</v>
      </c>
      <c r="K1916">
        <v>764</v>
      </c>
      <c r="M1916">
        <v>87.686607925604392</v>
      </c>
      <c r="N1916">
        <v>639</v>
      </c>
      <c r="P1916">
        <v>97.100942373256501</v>
      </c>
      <c r="Q1916">
        <v>375</v>
      </c>
    </row>
    <row r="1917" spans="4:17" x14ac:dyDescent="0.25">
      <c r="D1917">
        <v>83.429064690112369</v>
      </c>
      <c r="E1917">
        <v>689</v>
      </c>
      <c r="G1917">
        <v>84.254495024374719</v>
      </c>
      <c r="H1917">
        <v>765</v>
      </c>
      <c r="J1917">
        <v>84.148058134883257</v>
      </c>
      <c r="K1917">
        <v>765</v>
      </c>
      <c r="M1917">
        <v>87.678555468091275</v>
      </c>
      <c r="N1917">
        <v>640</v>
      </c>
      <c r="P1917">
        <v>97.094542734170815</v>
      </c>
      <c r="Q1917">
        <v>375</v>
      </c>
    </row>
    <row r="1918" spans="4:17" x14ac:dyDescent="0.25">
      <c r="D1918">
        <v>83.424480684537585</v>
      </c>
      <c r="E1918">
        <v>689</v>
      </c>
      <c r="G1918">
        <v>84.253158735505579</v>
      </c>
      <c r="H1918">
        <v>765</v>
      </c>
      <c r="J1918">
        <v>84.14326619462156</v>
      </c>
      <c r="K1918">
        <v>765</v>
      </c>
      <c r="M1918">
        <v>87.670491045559544</v>
      </c>
      <c r="N1918">
        <v>640</v>
      </c>
      <c r="P1918">
        <v>97.088840085480598</v>
      </c>
      <c r="Q1918">
        <v>375</v>
      </c>
    </row>
    <row r="1919" spans="4:17" x14ac:dyDescent="0.25">
      <c r="D1919">
        <v>83.420359160237396</v>
      </c>
      <c r="E1919">
        <v>689</v>
      </c>
      <c r="G1919">
        <v>84.251822446636439</v>
      </c>
      <c r="H1919">
        <v>766</v>
      </c>
      <c r="J1919">
        <v>84.138464080389028</v>
      </c>
      <c r="K1919">
        <v>765</v>
      </c>
      <c r="M1919">
        <v>87.662438588046442</v>
      </c>
      <c r="N1919">
        <v>641</v>
      </c>
      <c r="P1919">
        <v>97.082440446394884</v>
      </c>
      <c r="Q1919">
        <v>376</v>
      </c>
    </row>
    <row r="1920" spans="4:17" x14ac:dyDescent="0.25">
      <c r="D1920">
        <v>83.415775154662583</v>
      </c>
      <c r="E1920">
        <v>690</v>
      </c>
      <c r="G1920">
        <v>84.250486157767284</v>
      </c>
      <c r="H1920">
        <v>766</v>
      </c>
      <c r="J1920">
        <v>84.133326225119049</v>
      </c>
      <c r="K1920">
        <v>766</v>
      </c>
      <c r="M1920">
        <v>87.653967354882582</v>
      </c>
      <c r="N1920">
        <v>641</v>
      </c>
      <c r="P1920">
        <v>97.075343816913716</v>
      </c>
      <c r="Q1920">
        <v>376</v>
      </c>
    </row>
    <row r="1921" spans="4:17" x14ac:dyDescent="0.25">
      <c r="D1921">
        <v>83.411653630362409</v>
      </c>
      <c r="E1921">
        <v>690</v>
      </c>
      <c r="G1921">
        <v>84.249149868898158</v>
      </c>
      <c r="H1921">
        <v>767</v>
      </c>
      <c r="J1921">
        <v>84.128534284857366</v>
      </c>
      <c r="K1921">
        <v>766</v>
      </c>
      <c r="M1921">
        <v>87.645914897369437</v>
      </c>
      <c r="N1921">
        <v>641</v>
      </c>
      <c r="P1921">
        <v>97.068923056906939</v>
      </c>
      <c r="Q1921">
        <v>376</v>
      </c>
    </row>
    <row r="1922" spans="4:17" x14ac:dyDescent="0.25">
      <c r="D1922">
        <v>83.407532106062192</v>
      </c>
      <c r="E1922">
        <v>691</v>
      </c>
      <c r="G1922">
        <v>84.247376970794562</v>
      </c>
      <c r="H1922">
        <v>767</v>
      </c>
      <c r="J1922">
        <v>84.123396429587373</v>
      </c>
      <c r="K1922">
        <v>767</v>
      </c>
      <c r="M1922">
        <v>87.637455629224164</v>
      </c>
      <c r="N1922">
        <v>642</v>
      </c>
      <c r="P1922">
        <v>97.062523417821239</v>
      </c>
      <c r="Q1922">
        <v>377</v>
      </c>
    </row>
    <row r="1923" spans="4:17" x14ac:dyDescent="0.25">
      <c r="D1923">
        <v>83.402961702877818</v>
      </c>
      <c r="E1923">
        <v>691</v>
      </c>
      <c r="G1923">
        <v>84.246027451342556</v>
      </c>
      <c r="H1923">
        <v>767</v>
      </c>
      <c r="J1923">
        <v>84.118248400346587</v>
      </c>
      <c r="K1923">
        <v>767</v>
      </c>
      <c r="M1923">
        <v>87.62899636107889</v>
      </c>
      <c r="N1923">
        <v>642</v>
      </c>
      <c r="P1923">
        <v>97.055426788340085</v>
      </c>
      <c r="Q1923">
        <v>377</v>
      </c>
    </row>
    <row r="1924" spans="4:17" x14ac:dyDescent="0.25">
      <c r="D1924">
        <v>83.39882657618719</v>
      </c>
      <c r="E1924">
        <v>691</v>
      </c>
      <c r="G1924">
        <v>84.244691162473401</v>
      </c>
      <c r="H1924">
        <v>768</v>
      </c>
      <c r="J1924">
        <v>84.113110545076594</v>
      </c>
      <c r="K1924">
        <v>768</v>
      </c>
      <c r="M1924">
        <v>87.620931938547187</v>
      </c>
      <c r="N1924">
        <v>643</v>
      </c>
      <c r="P1924">
        <v>97.049027149254357</v>
      </c>
      <c r="Q1924">
        <v>377</v>
      </c>
    </row>
    <row r="1925" spans="4:17" x14ac:dyDescent="0.25">
      <c r="D1925">
        <v>83.395167533161597</v>
      </c>
      <c r="E1925">
        <v>692</v>
      </c>
      <c r="G1925">
        <v>84.243354873604275</v>
      </c>
      <c r="H1925">
        <v>768</v>
      </c>
      <c r="J1925">
        <v>84.108318604814897</v>
      </c>
      <c r="K1925">
        <v>768</v>
      </c>
      <c r="M1925">
        <v>87.6124726704019</v>
      </c>
      <c r="N1925">
        <v>643</v>
      </c>
      <c r="P1925">
        <v>97.041909398852113</v>
      </c>
      <c r="Q1925">
        <v>378</v>
      </c>
    </row>
    <row r="1926" spans="4:17" x14ac:dyDescent="0.25">
      <c r="D1926">
        <v>83.391046008861409</v>
      </c>
      <c r="E1926">
        <v>692</v>
      </c>
      <c r="G1926">
        <v>84.242018584735149</v>
      </c>
      <c r="H1926">
        <v>769</v>
      </c>
      <c r="J1926">
        <v>84.103516490582379</v>
      </c>
      <c r="K1926">
        <v>768</v>
      </c>
      <c r="M1926">
        <v>87.604013402256626</v>
      </c>
      <c r="N1926">
        <v>643</v>
      </c>
      <c r="P1926">
        <v>97.034791648449868</v>
      </c>
      <c r="Q1926">
        <v>378</v>
      </c>
    </row>
    <row r="1927" spans="4:17" x14ac:dyDescent="0.25">
      <c r="D1927">
        <v>83.38692448456122</v>
      </c>
      <c r="E1927">
        <v>693</v>
      </c>
      <c r="G1927">
        <v>84.24113213568333</v>
      </c>
      <c r="H1927">
        <v>769</v>
      </c>
      <c r="J1927">
        <v>84.098042894274954</v>
      </c>
      <c r="K1927">
        <v>769</v>
      </c>
      <c r="M1927">
        <v>87.595542169092752</v>
      </c>
      <c r="N1927">
        <v>644</v>
      </c>
      <c r="P1927">
        <v>97.02767389804761</v>
      </c>
      <c r="Q1927">
        <v>378</v>
      </c>
    </row>
    <row r="1928" spans="4:17" x14ac:dyDescent="0.25">
      <c r="D1928">
        <v>83.382802960261017</v>
      </c>
      <c r="E1928">
        <v>693</v>
      </c>
      <c r="G1928">
        <v>84.239795846814204</v>
      </c>
      <c r="H1928">
        <v>770</v>
      </c>
      <c r="J1928">
        <v>84.092559123996708</v>
      </c>
      <c r="K1928">
        <v>769</v>
      </c>
      <c r="M1928">
        <v>87.587082900947465</v>
      </c>
      <c r="N1928">
        <v>644</v>
      </c>
      <c r="P1928">
        <v>97.020577268566456</v>
      </c>
      <c r="Q1928">
        <v>379</v>
      </c>
    </row>
    <row r="1929" spans="4:17" x14ac:dyDescent="0.25">
      <c r="D1929">
        <v>83.379130314845014</v>
      </c>
      <c r="E1929">
        <v>694</v>
      </c>
      <c r="G1929">
        <v>84.238459557945063</v>
      </c>
      <c r="H1929">
        <v>770</v>
      </c>
      <c r="J1929">
        <v>84.087421268726743</v>
      </c>
      <c r="K1929">
        <v>770</v>
      </c>
      <c r="M1929">
        <v>87.578623632802206</v>
      </c>
      <c r="N1929">
        <v>645</v>
      </c>
      <c r="P1929">
        <v>97.012741406847653</v>
      </c>
      <c r="Q1929">
        <v>379</v>
      </c>
    </row>
    <row r="1930" spans="4:17" x14ac:dyDescent="0.25">
      <c r="D1930">
        <v>83.375008790544811</v>
      </c>
      <c r="E1930">
        <v>694</v>
      </c>
      <c r="G1930">
        <v>84.237123269075937</v>
      </c>
      <c r="H1930">
        <v>770</v>
      </c>
      <c r="J1930">
        <v>84.08228341345675</v>
      </c>
      <c r="K1930">
        <v>770</v>
      </c>
      <c r="M1930">
        <v>87.570164364656904</v>
      </c>
      <c r="N1930">
        <v>645</v>
      </c>
      <c r="P1930">
        <v>97.005623656445422</v>
      </c>
      <c r="Q1930">
        <v>379</v>
      </c>
    </row>
    <row r="1931" spans="4:17" x14ac:dyDescent="0.25">
      <c r="D1931">
        <v>83.370887266244623</v>
      </c>
      <c r="E1931">
        <v>694</v>
      </c>
      <c r="G1931">
        <v>84.235786980206797</v>
      </c>
      <c r="H1931">
        <v>771</v>
      </c>
      <c r="J1931">
        <v>84.077481299224232</v>
      </c>
      <c r="K1931">
        <v>770</v>
      </c>
      <c r="M1931">
        <v>87.561705096511631</v>
      </c>
      <c r="N1931">
        <v>646</v>
      </c>
      <c r="P1931">
        <v>96.99852702696424</v>
      </c>
      <c r="Q1931">
        <v>380</v>
      </c>
    </row>
    <row r="1932" spans="4:17" x14ac:dyDescent="0.25">
      <c r="D1932">
        <v>83.36722822321903</v>
      </c>
      <c r="E1932">
        <v>695</v>
      </c>
      <c r="G1932">
        <v>84.234450691337642</v>
      </c>
      <c r="H1932">
        <v>771</v>
      </c>
      <c r="J1932">
        <v>84.072343443954253</v>
      </c>
      <c r="K1932">
        <v>771</v>
      </c>
      <c r="M1932">
        <v>87.553245828366357</v>
      </c>
      <c r="N1932">
        <v>646</v>
      </c>
      <c r="P1932">
        <v>96.990691165245451</v>
      </c>
      <c r="Q1932">
        <v>380</v>
      </c>
    </row>
    <row r="1933" spans="4:17" x14ac:dyDescent="0.25">
      <c r="D1933">
        <v>83.363106698918827</v>
      </c>
      <c r="E1933">
        <v>695</v>
      </c>
      <c r="G1933">
        <v>84.233114402468502</v>
      </c>
      <c r="H1933">
        <v>772</v>
      </c>
      <c r="J1933">
        <v>84.06652393263856</v>
      </c>
      <c r="K1933">
        <v>771</v>
      </c>
      <c r="M1933">
        <v>87.544774595202483</v>
      </c>
      <c r="N1933">
        <v>646</v>
      </c>
      <c r="P1933">
        <v>96.983573414843192</v>
      </c>
      <c r="Q1933">
        <v>380</v>
      </c>
    </row>
    <row r="1934" spans="4:17" x14ac:dyDescent="0.25">
      <c r="D1934">
        <v>83.359434053502824</v>
      </c>
      <c r="E1934">
        <v>696</v>
      </c>
      <c r="G1934">
        <v>84.231778113599376</v>
      </c>
      <c r="H1934">
        <v>772</v>
      </c>
      <c r="J1934">
        <v>84.061040162360314</v>
      </c>
      <c r="K1934">
        <v>772</v>
      </c>
      <c r="M1934">
        <v>87.536722137689367</v>
      </c>
      <c r="N1934">
        <v>647</v>
      </c>
      <c r="P1934">
        <v>96.975758674045466</v>
      </c>
      <c r="Q1934">
        <v>381</v>
      </c>
    </row>
    <row r="1935" spans="4:17" x14ac:dyDescent="0.25">
      <c r="D1935">
        <v>83.355312529202621</v>
      </c>
      <c r="E1935">
        <v>696</v>
      </c>
      <c r="G1935">
        <v>84.230441824730235</v>
      </c>
      <c r="H1935">
        <v>772</v>
      </c>
      <c r="J1935">
        <v>84.055902307090335</v>
      </c>
      <c r="K1935">
        <v>772</v>
      </c>
      <c r="M1935">
        <v>87.528262869544093</v>
      </c>
      <c r="N1935">
        <v>647</v>
      </c>
      <c r="P1935">
        <v>96.968640923643207</v>
      </c>
      <c r="Q1935">
        <v>381</v>
      </c>
    </row>
    <row r="1936" spans="4:17" x14ac:dyDescent="0.25">
      <c r="D1936">
        <v>83.351653486177042</v>
      </c>
      <c r="E1936">
        <v>696</v>
      </c>
      <c r="G1936">
        <v>84.229105535861109</v>
      </c>
      <c r="H1936">
        <v>773</v>
      </c>
      <c r="J1936">
        <v>84.050754277849535</v>
      </c>
      <c r="K1936">
        <v>773</v>
      </c>
      <c r="M1936">
        <v>87.519803601398792</v>
      </c>
      <c r="N1936">
        <v>648</v>
      </c>
      <c r="P1936">
        <v>96.960826182845494</v>
      </c>
      <c r="Q1936">
        <v>381</v>
      </c>
    </row>
    <row r="1937" spans="4:17" x14ac:dyDescent="0.25">
      <c r="D1937">
        <v>83.34753196187684</v>
      </c>
      <c r="E1937">
        <v>697</v>
      </c>
      <c r="G1937">
        <v>84.227769246991954</v>
      </c>
      <c r="H1937">
        <v>773</v>
      </c>
      <c r="J1937">
        <v>84.04596233758781</v>
      </c>
      <c r="K1937">
        <v>773</v>
      </c>
      <c r="M1937">
        <v>87.511332368234932</v>
      </c>
      <c r="N1937">
        <v>648</v>
      </c>
      <c r="P1937">
        <v>96.952990321126705</v>
      </c>
      <c r="Q1937">
        <v>382</v>
      </c>
    </row>
    <row r="1938" spans="4:17" x14ac:dyDescent="0.25">
      <c r="D1938">
        <v>83.343859316460851</v>
      </c>
      <c r="E1938">
        <v>697</v>
      </c>
      <c r="G1938">
        <v>84.226432958122814</v>
      </c>
      <c r="H1938">
        <v>774</v>
      </c>
      <c r="J1938">
        <v>84.041170397326127</v>
      </c>
      <c r="K1938">
        <v>773</v>
      </c>
      <c r="M1938">
        <v>87.502873100089644</v>
      </c>
      <c r="N1938">
        <v>648</v>
      </c>
      <c r="P1938">
        <v>96.945893691645551</v>
      </c>
      <c r="Q1938">
        <v>382</v>
      </c>
    </row>
    <row r="1939" spans="4:17" x14ac:dyDescent="0.25">
      <c r="D1939">
        <v>83.339737792160633</v>
      </c>
      <c r="E1939">
        <v>698</v>
      </c>
      <c r="G1939">
        <v>84.225096669253702</v>
      </c>
      <c r="H1939">
        <v>774</v>
      </c>
      <c r="J1939">
        <v>84.036368283093594</v>
      </c>
      <c r="K1939">
        <v>774</v>
      </c>
      <c r="M1939">
        <v>87.494820642576528</v>
      </c>
      <c r="N1939">
        <v>649</v>
      </c>
      <c r="P1939">
        <v>96.938775941243293</v>
      </c>
      <c r="Q1939">
        <v>382</v>
      </c>
    </row>
    <row r="1940" spans="4:17" x14ac:dyDescent="0.25">
      <c r="D1940">
        <v>83.336078749135055</v>
      </c>
      <c r="E1940">
        <v>698</v>
      </c>
      <c r="G1940">
        <v>84.223760380384547</v>
      </c>
      <c r="H1940">
        <v>775</v>
      </c>
      <c r="J1940">
        <v>84.031912083869329</v>
      </c>
      <c r="K1940">
        <v>774</v>
      </c>
      <c r="M1940">
        <v>87.486349409412654</v>
      </c>
      <c r="N1940">
        <v>649</v>
      </c>
      <c r="P1940">
        <v>96.93094007952449</v>
      </c>
      <c r="Q1940">
        <v>383</v>
      </c>
    </row>
    <row r="1941" spans="4:17" x14ac:dyDescent="0.25">
      <c r="D1941">
        <v>83.332419706109462</v>
      </c>
      <c r="E1941">
        <v>699</v>
      </c>
      <c r="G1941">
        <v>84.221974251698072</v>
      </c>
      <c r="H1941">
        <v>775</v>
      </c>
      <c r="J1941">
        <v>84.027120143607647</v>
      </c>
      <c r="K1941">
        <v>775</v>
      </c>
      <c r="M1941">
        <v>87.477890141267395</v>
      </c>
      <c r="N1941">
        <v>650</v>
      </c>
      <c r="P1941">
        <v>96.922407227410218</v>
      </c>
      <c r="Q1941">
        <v>383</v>
      </c>
    </row>
    <row r="1942" spans="4:17" x14ac:dyDescent="0.25">
      <c r="D1942">
        <v>83.328284579418849</v>
      </c>
      <c r="E1942">
        <v>699</v>
      </c>
      <c r="G1942">
        <v>84.220637962828945</v>
      </c>
      <c r="H1942">
        <v>775</v>
      </c>
      <c r="J1942">
        <v>84.022663944383382</v>
      </c>
      <c r="K1942">
        <v>775</v>
      </c>
      <c r="M1942">
        <v>87.469430873122107</v>
      </c>
      <c r="N1942">
        <v>650</v>
      </c>
      <c r="P1942">
        <v>96.913874375295933</v>
      </c>
      <c r="Q1942">
        <v>383</v>
      </c>
    </row>
    <row r="1943" spans="4:17" x14ac:dyDescent="0.25">
      <c r="D1943">
        <v>83.324625536393256</v>
      </c>
      <c r="E1943">
        <v>699</v>
      </c>
      <c r="G1943">
        <v>84.219751513777126</v>
      </c>
      <c r="H1943">
        <v>776</v>
      </c>
      <c r="J1943">
        <v>84.017872004121699</v>
      </c>
      <c r="K1943">
        <v>775</v>
      </c>
      <c r="M1943">
        <v>87.46097160497682</v>
      </c>
      <c r="N1943">
        <v>651</v>
      </c>
      <c r="P1943">
        <v>96.90534152318169</v>
      </c>
      <c r="Q1943">
        <v>384</v>
      </c>
    </row>
    <row r="1944" spans="4:17" x14ac:dyDescent="0.25">
      <c r="D1944">
        <v>83.320966493367678</v>
      </c>
      <c r="E1944">
        <v>700</v>
      </c>
      <c r="G1944">
        <v>84.218415224908</v>
      </c>
      <c r="H1944">
        <v>776</v>
      </c>
      <c r="J1944">
        <v>84.013069889889152</v>
      </c>
      <c r="K1944">
        <v>776</v>
      </c>
      <c r="M1944">
        <v>87.452512336831532</v>
      </c>
      <c r="N1944">
        <v>651</v>
      </c>
      <c r="P1944">
        <v>96.896808671067419</v>
      </c>
      <c r="Q1944">
        <v>384</v>
      </c>
    </row>
    <row r="1945" spans="4:17" x14ac:dyDescent="0.25">
      <c r="D1945">
        <v>83.31729384795166</v>
      </c>
      <c r="E1945">
        <v>700</v>
      </c>
      <c r="G1945">
        <v>84.217515545273343</v>
      </c>
      <c r="H1945">
        <v>777</v>
      </c>
      <c r="J1945">
        <v>84.00827794962747</v>
      </c>
      <c r="K1945">
        <v>776</v>
      </c>
      <c r="M1945">
        <v>87.444447914299829</v>
      </c>
      <c r="N1945">
        <v>651</v>
      </c>
      <c r="P1945">
        <v>96.888275818953147</v>
      </c>
      <c r="Q1945">
        <v>384</v>
      </c>
    </row>
    <row r="1946" spans="4:17" x14ac:dyDescent="0.25">
      <c r="D1946">
        <v>83.313634804926082</v>
      </c>
      <c r="E1946">
        <v>701</v>
      </c>
      <c r="G1946">
        <v>84.216179256404203</v>
      </c>
      <c r="H1946">
        <v>777</v>
      </c>
      <c r="J1946">
        <v>84.003140094357491</v>
      </c>
      <c r="K1946">
        <v>777</v>
      </c>
      <c r="M1946">
        <v>87.435581835522385</v>
      </c>
      <c r="N1946">
        <v>652</v>
      </c>
      <c r="P1946">
        <v>96.879024855522346</v>
      </c>
      <c r="Q1946">
        <v>385</v>
      </c>
    </row>
    <row r="1947" spans="4:17" x14ac:dyDescent="0.25">
      <c r="D1947">
        <v>83.30996215951005</v>
      </c>
      <c r="E1947">
        <v>701</v>
      </c>
      <c r="G1947">
        <v>84.215292807352398</v>
      </c>
      <c r="H1947">
        <v>777</v>
      </c>
      <c r="J1947">
        <v>83.998337980124944</v>
      </c>
      <c r="K1947">
        <v>777</v>
      </c>
      <c r="M1947">
        <v>87.427122567377097</v>
      </c>
      <c r="N1947">
        <v>652</v>
      </c>
      <c r="P1947">
        <v>96.86977389209153</v>
      </c>
      <c r="Q1947">
        <v>385</v>
      </c>
    </row>
    <row r="1948" spans="4:17" x14ac:dyDescent="0.25">
      <c r="D1948">
        <v>83.306303116484472</v>
      </c>
      <c r="E1948">
        <v>701</v>
      </c>
      <c r="G1948">
        <v>84.213956518483258</v>
      </c>
      <c r="H1948">
        <v>778</v>
      </c>
      <c r="J1948">
        <v>83.993546039863247</v>
      </c>
      <c r="K1948">
        <v>778</v>
      </c>
      <c r="M1948">
        <v>87.418663299231838</v>
      </c>
      <c r="N1948">
        <v>653</v>
      </c>
      <c r="P1948">
        <v>96.86054404958179</v>
      </c>
      <c r="Q1948">
        <v>385</v>
      </c>
    </row>
    <row r="1949" spans="4:17" x14ac:dyDescent="0.25">
      <c r="D1949">
        <v>83.303092952343079</v>
      </c>
      <c r="E1949">
        <v>702</v>
      </c>
      <c r="G1949">
        <v>84.213070069431453</v>
      </c>
      <c r="H1949">
        <v>778</v>
      </c>
      <c r="J1949">
        <v>83.988743925630715</v>
      </c>
      <c r="K1949">
        <v>778</v>
      </c>
      <c r="M1949">
        <v>87.410204031086565</v>
      </c>
      <c r="N1949">
        <v>653</v>
      </c>
      <c r="P1949">
        <v>96.851293086150974</v>
      </c>
      <c r="Q1949">
        <v>386</v>
      </c>
    </row>
    <row r="1950" spans="4:17" x14ac:dyDescent="0.25">
      <c r="D1950">
        <v>83.2994339093175</v>
      </c>
      <c r="E1950">
        <v>702</v>
      </c>
      <c r="G1950">
        <v>84.211720549979461</v>
      </c>
      <c r="H1950">
        <v>779</v>
      </c>
      <c r="J1950">
        <v>83.98360607036075</v>
      </c>
      <c r="K1950">
        <v>778</v>
      </c>
      <c r="M1950">
        <v>87.401744762941263</v>
      </c>
      <c r="N1950">
        <v>653</v>
      </c>
      <c r="P1950">
        <v>96.842042122720144</v>
      </c>
      <c r="Q1950">
        <v>386</v>
      </c>
    </row>
    <row r="1951" spans="4:17" x14ac:dyDescent="0.25">
      <c r="D1951">
        <v>83.295761263901468</v>
      </c>
      <c r="E1951">
        <v>703</v>
      </c>
      <c r="G1951">
        <v>84.21038426111032</v>
      </c>
      <c r="H1951">
        <v>779</v>
      </c>
      <c r="J1951">
        <v>83.979149871136499</v>
      </c>
      <c r="K1951">
        <v>779</v>
      </c>
      <c r="M1951">
        <v>87.392878684163833</v>
      </c>
      <c r="N1951">
        <v>654</v>
      </c>
      <c r="P1951">
        <v>96.832791159289329</v>
      </c>
      <c r="Q1951">
        <v>386</v>
      </c>
    </row>
    <row r="1952" spans="4:17" x14ac:dyDescent="0.25">
      <c r="D1952">
        <v>83.29210222087589</v>
      </c>
      <c r="E1952">
        <v>703</v>
      </c>
      <c r="G1952">
        <v>84.209497812058515</v>
      </c>
      <c r="H1952">
        <v>780</v>
      </c>
      <c r="J1952">
        <v>83.975039586920502</v>
      </c>
      <c r="K1952">
        <v>779</v>
      </c>
      <c r="M1952">
        <v>87.38481426163213</v>
      </c>
      <c r="N1952">
        <v>654</v>
      </c>
      <c r="P1952">
        <v>96.823540195858527</v>
      </c>
      <c r="Q1952">
        <v>387</v>
      </c>
    </row>
    <row r="1953" spans="4:17" x14ac:dyDescent="0.25">
      <c r="D1953">
        <v>83.288443177850297</v>
      </c>
      <c r="E1953">
        <v>704</v>
      </c>
      <c r="G1953">
        <v>84.208161523189375</v>
      </c>
      <c r="H1953">
        <v>780</v>
      </c>
      <c r="J1953">
        <v>83.970583387696266</v>
      </c>
      <c r="K1953">
        <v>780</v>
      </c>
      <c r="M1953">
        <v>87.376354993486842</v>
      </c>
      <c r="N1953">
        <v>655</v>
      </c>
      <c r="P1953">
        <v>96.814310353348787</v>
      </c>
      <c r="Q1953">
        <v>387</v>
      </c>
    </row>
    <row r="1954" spans="4:17" x14ac:dyDescent="0.25">
      <c r="D1954">
        <v>83.284770532434294</v>
      </c>
      <c r="E1954">
        <v>704</v>
      </c>
      <c r="G1954">
        <v>84.207275074137584</v>
      </c>
      <c r="H1954">
        <v>780</v>
      </c>
      <c r="J1954">
        <v>83.966473103480283</v>
      </c>
      <c r="K1954">
        <v>780</v>
      </c>
      <c r="M1954">
        <v>87.367895725341555</v>
      </c>
      <c r="N1954">
        <v>655</v>
      </c>
      <c r="P1954">
        <v>96.804341278601413</v>
      </c>
      <c r="Q1954">
        <v>387</v>
      </c>
    </row>
    <row r="1955" spans="4:17" x14ac:dyDescent="0.25">
      <c r="D1955">
        <v>83.281111489408687</v>
      </c>
      <c r="E1955">
        <v>704</v>
      </c>
      <c r="G1955">
        <v>84.205938785268444</v>
      </c>
      <c r="H1955">
        <v>781</v>
      </c>
      <c r="J1955">
        <v>83.962362819264285</v>
      </c>
      <c r="K1955">
        <v>780</v>
      </c>
      <c r="M1955">
        <v>87.359436457196296</v>
      </c>
      <c r="N1955">
        <v>656</v>
      </c>
      <c r="P1955">
        <v>96.795090315170597</v>
      </c>
      <c r="Q1955">
        <v>388</v>
      </c>
    </row>
    <row r="1956" spans="4:17" x14ac:dyDescent="0.25">
      <c r="D1956">
        <v>83.277438843992684</v>
      </c>
      <c r="E1956">
        <v>705</v>
      </c>
      <c r="G1956">
        <v>84.204602496399303</v>
      </c>
      <c r="H1956">
        <v>781</v>
      </c>
      <c r="J1956">
        <v>83.957906620040049</v>
      </c>
      <c r="K1956">
        <v>781</v>
      </c>
      <c r="M1956">
        <v>87.350977189050994</v>
      </c>
      <c r="N1956">
        <v>656</v>
      </c>
      <c r="P1956">
        <v>96.785142361344327</v>
      </c>
      <c r="Q1956">
        <v>388</v>
      </c>
    </row>
    <row r="1957" spans="4:17" x14ac:dyDescent="0.25">
      <c r="D1957">
        <v>83.274242282241701</v>
      </c>
      <c r="E1957">
        <v>705</v>
      </c>
      <c r="G1957">
        <v>84.203266207530149</v>
      </c>
      <c r="H1957">
        <v>782</v>
      </c>
      <c r="J1957">
        <v>83.95379633582408</v>
      </c>
      <c r="K1957">
        <v>781</v>
      </c>
      <c r="M1957">
        <v>87.342505955887134</v>
      </c>
      <c r="N1957">
        <v>656</v>
      </c>
      <c r="P1957">
        <v>96.775194407518057</v>
      </c>
      <c r="Q1957">
        <v>388</v>
      </c>
    </row>
    <row r="1958" spans="4:17" x14ac:dyDescent="0.25">
      <c r="D1958">
        <v>83.270569636825698</v>
      </c>
      <c r="E1958">
        <v>706</v>
      </c>
      <c r="G1958">
        <v>84.202366527895492</v>
      </c>
      <c r="H1958">
        <v>782</v>
      </c>
      <c r="J1958">
        <v>83.949350310570665</v>
      </c>
      <c r="K1958">
        <v>782</v>
      </c>
      <c r="M1958">
        <v>87.333651842128276</v>
      </c>
      <c r="N1958">
        <v>657</v>
      </c>
      <c r="P1958">
        <v>96.765943444087227</v>
      </c>
      <c r="Q1958">
        <v>389</v>
      </c>
    </row>
    <row r="1959" spans="4:17" x14ac:dyDescent="0.25">
      <c r="D1959">
        <v>83.266910593800119</v>
      </c>
      <c r="E1959">
        <v>706</v>
      </c>
      <c r="G1959">
        <v>84.201030239026352</v>
      </c>
      <c r="H1959">
        <v>782</v>
      </c>
      <c r="J1959">
        <v>83.944894111346386</v>
      </c>
      <c r="K1959">
        <v>782</v>
      </c>
      <c r="M1959">
        <v>87.325180608964402</v>
      </c>
      <c r="N1959">
        <v>657</v>
      </c>
      <c r="P1959">
        <v>96.755974369339853</v>
      </c>
      <c r="Q1959">
        <v>389</v>
      </c>
    </row>
    <row r="1960" spans="4:17" x14ac:dyDescent="0.25">
      <c r="D1960">
        <v>83.263251550774541</v>
      </c>
      <c r="E1960">
        <v>706</v>
      </c>
      <c r="G1960">
        <v>84.200143789974561</v>
      </c>
      <c r="H1960">
        <v>783</v>
      </c>
      <c r="J1960">
        <v>83.940091997113853</v>
      </c>
      <c r="K1960">
        <v>783</v>
      </c>
      <c r="M1960">
        <v>87.316721340819115</v>
      </c>
      <c r="N1960">
        <v>658</v>
      </c>
      <c r="P1960">
        <v>96.746026415513569</v>
      </c>
      <c r="Q1960">
        <v>389</v>
      </c>
    </row>
    <row r="1961" spans="4:17" x14ac:dyDescent="0.25">
      <c r="D1961">
        <v>83.260041386633134</v>
      </c>
      <c r="E1961">
        <v>707</v>
      </c>
      <c r="G1961">
        <v>84.198807501105435</v>
      </c>
      <c r="H1961">
        <v>783</v>
      </c>
      <c r="J1961">
        <v>83.935300056852157</v>
      </c>
      <c r="K1961">
        <v>783</v>
      </c>
      <c r="M1961">
        <v>87.307855262041684</v>
      </c>
      <c r="N1961">
        <v>658</v>
      </c>
      <c r="P1961">
        <v>96.736057340766195</v>
      </c>
      <c r="Q1961">
        <v>390</v>
      </c>
    </row>
    <row r="1962" spans="4:17" x14ac:dyDescent="0.25">
      <c r="D1962">
        <v>83.256368741217102</v>
      </c>
      <c r="E1962">
        <v>707</v>
      </c>
      <c r="G1962">
        <v>84.197471212236266</v>
      </c>
      <c r="H1962">
        <v>784</v>
      </c>
      <c r="J1962">
        <v>83.930497942619624</v>
      </c>
      <c r="K1962">
        <v>783</v>
      </c>
      <c r="M1962">
        <v>87.299395993896397</v>
      </c>
      <c r="N1962">
        <v>658</v>
      </c>
      <c r="P1962">
        <v>96.726109386939925</v>
      </c>
      <c r="Q1962">
        <v>390</v>
      </c>
    </row>
    <row r="1963" spans="4:17" x14ac:dyDescent="0.25">
      <c r="D1963">
        <v>83.253172179466134</v>
      </c>
      <c r="E1963">
        <v>708</v>
      </c>
      <c r="G1963">
        <v>84.196584763184475</v>
      </c>
      <c r="H1963">
        <v>784</v>
      </c>
      <c r="J1963">
        <v>83.925706002357913</v>
      </c>
      <c r="K1963">
        <v>784</v>
      </c>
      <c r="M1963">
        <v>87.290529915118952</v>
      </c>
      <c r="N1963">
        <v>659</v>
      </c>
      <c r="P1963">
        <v>96.715443321797096</v>
      </c>
      <c r="Q1963">
        <v>390</v>
      </c>
    </row>
    <row r="1964" spans="4:17" x14ac:dyDescent="0.25">
      <c r="D1964">
        <v>83.250424496599337</v>
      </c>
      <c r="E1964">
        <v>708</v>
      </c>
      <c r="G1964">
        <v>84.195248474315335</v>
      </c>
      <c r="H1964">
        <v>785</v>
      </c>
      <c r="J1964">
        <v>83.921249803133662</v>
      </c>
      <c r="K1964">
        <v>784</v>
      </c>
      <c r="M1964">
        <v>87.281663836341522</v>
      </c>
      <c r="N1964">
        <v>659</v>
      </c>
      <c r="P1964">
        <v>96.704777256654239</v>
      </c>
      <c r="Q1964">
        <v>391</v>
      </c>
    </row>
    <row r="1965" spans="4:17" x14ac:dyDescent="0.25">
      <c r="D1965">
        <v>83.247214332457929</v>
      </c>
      <c r="E1965">
        <v>709</v>
      </c>
      <c r="G1965">
        <v>84.194348794680678</v>
      </c>
      <c r="H1965">
        <v>785</v>
      </c>
      <c r="J1965">
        <v>83.916457862871965</v>
      </c>
      <c r="K1965">
        <v>785</v>
      </c>
      <c r="M1965">
        <v>87.272809722582664</v>
      </c>
      <c r="N1965">
        <v>660</v>
      </c>
      <c r="P1965">
        <v>96.694111191511425</v>
      </c>
      <c r="Q1965">
        <v>391</v>
      </c>
    </row>
    <row r="1966" spans="4:17" x14ac:dyDescent="0.25">
      <c r="D1966">
        <v>83.244004168316536</v>
      </c>
      <c r="E1966">
        <v>709</v>
      </c>
      <c r="G1966">
        <v>84.193462345628873</v>
      </c>
      <c r="H1966">
        <v>785</v>
      </c>
      <c r="J1966">
        <v>83.911655748639461</v>
      </c>
      <c r="K1966">
        <v>785</v>
      </c>
      <c r="M1966">
        <v>87.263943643805234</v>
      </c>
      <c r="N1966">
        <v>660</v>
      </c>
      <c r="P1966">
        <v>96.683424005447506</v>
      </c>
      <c r="Q1966">
        <v>391</v>
      </c>
    </row>
    <row r="1967" spans="4:17" x14ac:dyDescent="0.25">
      <c r="D1967">
        <v>83.240794004175129</v>
      </c>
      <c r="E1967">
        <v>709</v>
      </c>
      <c r="G1967">
        <v>84.192562665994203</v>
      </c>
      <c r="H1967">
        <v>786</v>
      </c>
      <c r="J1967">
        <v>83.907209723386018</v>
      </c>
      <c r="K1967">
        <v>785</v>
      </c>
      <c r="M1967">
        <v>87.255077565027776</v>
      </c>
      <c r="N1967">
        <v>661</v>
      </c>
      <c r="P1967">
        <v>96.672757940304663</v>
      </c>
      <c r="Q1967">
        <v>392</v>
      </c>
    </row>
    <row r="1968" spans="4:17" x14ac:dyDescent="0.25">
      <c r="D1968">
        <v>83.238046321308317</v>
      </c>
      <c r="E1968">
        <v>710</v>
      </c>
      <c r="G1968">
        <v>84.191226377125076</v>
      </c>
      <c r="H1968">
        <v>786</v>
      </c>
      <c r="J1968">
        <v>83.902753524161767</v>
      </c>
      <c r="K1968">
        <v>786</v>
      </c>
      <c r="M1968">
        <v>87.24580467561816</v>
      </c>
      <c r="N1968">
        <v>661</v>
      </c>
      <c r="P1968">
        <v>96.661373763845305</v>
      </c>
      <c r="Q1968">
        <v>392</v>
      </c>
    </row>
    <row r="1969" spans="4:17" x14ac:dyDescent="0.25">
      <c r="D1969">
        <v>83.234849759557335</v>
      </c>
      <c r="E1969">
        <v>710</v>
      </c>
      <c r="G1969">
        <v>84.190339928073271</v>
      </c>
      <c r="H1969">
        <v>787</v>
      </c>
      <c r="J1969">
        <v>83.898643239945784</v>
      </c>
      <c r="K1969">
        <v>786</v>
      </c>
      <c r="M1969">
        <v>87.23693859684073</v>
      </c>
      <c r="N1969">
        <v>661</v>
      </c>
      <c r="P1969">
        <v>96.650707698702448</v>
      </c>
      <c r="Q1969">
        <v>392</v>
      </c>
    </row>
    <row r="1970" spans="4:17" x14ac:dyDescent="0.25">
      <c r="D1970">
        <v>83.232102076690552</v>
      </c>
      <c r="E1970">
        <v>711</v>
      </c>
      <c r="G1970">
        <v>84.189003639204117</v>
      </c>
      <c r="H1970">
        <v>787</v>
      </c>
      <c r="J1970">
        <v>83.894532955729801</v>
      </c>
      <c r="K1970">
        <v>787</v>
      </c>
      <c r="M1970">
        <v>87.228084483081886</v>
      </c>
      <c r="N1970">
        <v>662</v>
      </c>
      <c r="P1970">
        <v>96.639344643164151</v>
      </c>
      <c r="Q1970">
        <v>393</v>
      </c>
    </row>
    <row r="1971" spans="4:17" x14ac:dyDescent="0.25">
      <c r="D1971">
        <v>83.228891912549159</v>
      </c>
      <c r="E1971">
        <v>711</v>
      </c>
      <c r="G1971">
        <v>84.187667350334976</v>
      </c>
      <c r="H1971">
        <v>787</v>
      </c>
      <c r="J1971">
        <v>83.890412497542997</v>
      </c>
      <c r="K1971">
        <v>787</v>
      </c>
      <c r="M1971">
        <v>87.219218404304428</v>
      </c>
      <c r="N1971">
        <v>662</v>
      </c>
      <c r="P1971">
        <v>96.627960466704778</v>
      </c>
      <c r="Q1971">
        <v>393</v>
      </c>
    </row>
    <row r="1972" spans="4:17" x14ac:dyDescent="0.25">
      <c r="D1972">
        <v>83.225681748407723</v>
      </c>
      <c r="E1972">
        <v>711</v>
      </c>
      <c r="G1972">
        <v>84.186780901283186</v>
      </c>
      <c r="H1972">
        <v>788</v>
      </c>
      <c r="J1972">
        <v>83.886302213327014</v>
      </c>
      <c r="K1972">
        <v>788</v>
      </c>
      <c r="M1972">
        <v>87.210352325526998</v>
      </c>
      <c r="N1972">
        <v>663</v>
      </c>
      <c r="P1972">
        <v>96.616576290245391</v>
      </c>
      <c r="Q1972">
        <v>393</v>
      </c>
    </row>
    <row r="1973" spans="4:17" x14ac:dyDescent="0.25">
      <c r="D1973">
        <v>83.222471584266316</v>
      </c>
      <c r="E1973">
        <v>712</v>
      </c>
      <c r="G1973">
        <v>84.185444612414045</v>
      </c>
      <c r="H1973">
        <v>788</v>
      </c>
      <c r="J1973">
        <v>83.882191929111016</v>
      </c>
      <c r="K1973">
        <v>788</v>
      </c>
      <c r="M1973">
        <v>87.201486246749553</v>
      </c>
      <c r="N1973">
        <v>663</v>
      </c>
      <c r="P1973">
        <v>96.605192113786003</v>
      </c>
      <c r="Q1973">
        <v>394</v>
      </c>
    </row>
    <row r="1974" spans="4:17" x14ac:dyDescent="0.25">
      <c r="D1974">
        <v>83.219275022515347</v>
      </c>
      <c r="E1974">
        <v>712</v>
      </c>
      <c r="G1974">
        <v>84.184108323544919</v>
      </c>
      <c r="H1974">
        <v>789</v>
      </c>
      <c r="J1974">
        <v>83.878081644895047</v>
      </c>
      <c r="K1974">
        <v>788</v>
      </c>
      <c r="M1974">
        <v>87.192225322358539</v>
      </c>
      <c r="N1974">
        <v>663</v>
      </c>
      <c r="P1974">
        <v>96.593807937326631</v>
      </c>
      <c r="Q1974">
        <v>394</v>
      </c>
    </row>
    <row r="1975" spans="4:17" x14ac:dyDescent="0.25">
      <c r="D1975">
        <v>83.216064858373954</v>
      </c>
      <c r="E1975">
        <v>713</v>
      </c>
      <c r="G1975">
        <v>84.183208643910234</v>
      </c>
      <c r="H1975">
        <v>789</v>
      </c>
      <c r="J1975">
        <v>83.874317275687346</v>
      </c>
      <c r="K1975">
        <v>789</v>
      </c>
      <c r="M1975">
        <v>87.183359243581094</v>
      </c>
      <c r="N1975">
        <v>664</v>
      </c>
      <c r="P1975">
        <v>96.582444881788319</v>
      </c>
      <c r="Q1975">
        <v>394</v>
      </c>
    </row>
    <row r="1976" spans="4:17" x14ac:dyDescent="0.25">
      <c r="D1976">
        <v>83.213317175507157</v>
      </c>
      <c r="E1976">
        <v>713</v>
      </c>
      <c r="G1976">
        <v>84.181872355041108</v>
      </c>
      <c r="H1976">
        <v>790</v>
      </c>
      <c r="J1976">
        <v>83.870206991471377</v>
      </c>
      <c r="K1976">
        <v>789</v>
      </c>
      <c r="M1976">
        <v>87.174493164803664</v>
      </c>
      <c r="N1976">
        <v>664</v>
      </c>
      <c r="P1976">
        <v>96.570342594012388</v>
      </c>
      <c r="Q1976">
        <v>395</v>
      </c>
    </row>
    <row r="1977" spans="4:17" x14ac:dyDescent="0.25">
      <c r="D1977">
        <v>83.210107011365736</v>
      </c>
      <c r="E1977">
        <v>714</v>
      </c>
      <c r="G1977">
        <v>84.180985905989317</v>
      </c>
      <c r="H1977">
        <v>790</v>
      </c>
      <c r="J1977">
        <v>83.865750792247113</v>
      </c>
      <c r="K1977">
        <v>790</v>
      </c>
      <c r="M1977">
        <v>87.165220275394034</v>
      </c>
      <c r="N1977">
        <v>665</v>
      </c>
      <c r="P1977">
        <v>96.558958417553001</v>
      </c>
      <c r="Q1977">
        <v>395</v>
      </c>
    </row>
    <row r="1978" spans="4:17" x14ac:dyDescent="0.25">
      <c r="D1978">
        <v>83.207359328498939</v>
      </c>
      <c r="E1978">
        <v>714</v>
      </c>
      <c r="G1978">
        <v>84.179649617120162</v>
      </c>
      <c r="H1978">
        <v>790</v>
      </c>
      <c r="J1978">
        <v>83.861294593022862</v>
      </c>
      <c r="K1978">
        <v>790</v>
      </c>
      <c r="M1978">
        <v>87.156354196616604</v>
      </c>
      <c r="N1978">
        <v>665</v>
      </c>
      <c r="P1978">
        <v>96.546159139381601</v>
      </c>
      <c r="Q1978">
        <v>395</v>
      </c>
    </row>
    <row r="1979" spans="4:17" x14ac:dyDescent="0.25">
      <c r="D1979">
        <v>83.204149164357545</v>
      </c>
      <c r="E1979">
        <v>714</v>
      </c>
      <c r="G1979">
        <v>84.178763168068357</v>
      </c>
      <c r="H1979">
        <v>791</v>
      </c>
      <c r="J1979">
        <v>83.857184308806879</v>
      </c>
      <c r="K1979">
        <v>790</v>
      </c>
      <c r="M1979">
        <v>87.147500082857761</v>
      </c>
      <c r="N1979">
        <v>666</v>
      </c>
      <c r="P1979">
        <v>96.534077972526759</v>
      </c>
      <c r="Q1979">
        <v>396</v>
      </c>
    </row>
    <row r="1980" spans="4:17" x14ac:dyDescent="0.25">
      <c r="D1980">
        <v>83.201401481490748</v>
      </c>
      <c r="E1980">
        <v>715</v>
      </c>
      <c r="G1980">
        <v>84.177863488433687</v>
      </c>
      <c r="H1980">
        <v>791</v>
      </c>
      <c r="J1980">
        <v>83.852382194574361</v>
      </c>
      <c r="K1980">
        <v>791</v>
      </c>
      <c r="M1980">
        <v>87.138634004080316</v>
      </c>
      <c r="N1980">
        <v>666</v>
      </c>
      <c r="P1980">
        <v>96.521257573434283</v>
      </c>
      <c r="Q1980">
        <v>396</v>
      </c>
    </row>
    <row r="1981" spans="4:17" x14ac:dyDescent="0.25">
      <c r="D1981">
        <v>83.198653798623951</v>
      </c>
      <c r="E1981">
        <v>715</v>
      </c>
      <c r="G1981">
        <v>84.176977039381882</v>
      </c>
      <c r="H1981">
        <v>792</v>
      </c>
      <c r="J1981">
        <v>83.847936169320931</v>
      </c>
      <c r="K1981">
        <v>791</v>
      </c>
      <c r="M1981">
        <v>87.129361114670701</v>
      </c>
      <c r="N1981">
        <v>666</v>
      </c>
      <c r="P1981">
        <v>96.508458295262869</v>
      </c>
      <c r="Q1981">
        <v>396</v>
      </c>
    </row>
    <row r="1982" spans="4:17" x14ac:dyDescent="0.25">
      <c r="D1982">
        <v>83.195906115757168</v>
      </c>
      <c r="E1982">
        <v>716</v>
      </c>
      <c r="G1982">
        <v>84.176077359747225</v>
      </c>
      <c r="H1982">
        <v>792</v>
      </c>
      <c r="J1982">
        <v>83.843825885104948</v>
      </c>
      <c r="K1982">
        <v>792</v>
      </c>
      <c r="M1982">
        <v>87.120495035893242</v>
      </c>
      <c r="N1982">
        <v>667</v>
      </c>
      <c r="P1982">
        <v>96.494940905774925</v>
      </c>
      <c r="Q1982">
        <v>397</v>
      </c>
    </row>
    <row r="1983" spans="4:17" x14ac:dyDescent="0.25">
      <c r="D1983">
        <v>83.1927095540062</v>
      </c>
      <c r="E1983">
        <v>716</v>
      </c>
      <c r="G1983">
        <v>84.17519091069542</v>
      </c>
      <c r="H1983">
        <v>792</v>
      </c>
      <c r="J1983">
        <v>83.839369685880683</v>
      </c>
      <c r="K1983">
        <v>792</v>
      </c>
      <c r="M1983">
        <v>87.111628957115812</v>
      </c>
      <c r="N1983">
        <v>667</v>
      </c>
      <c r="P1983">
        <v>96.480726525891512</v>
      </c>
      <c r="Q1983">
        <v>397</v>
      </c>
    </row>
    <row r="1984" spans="4:17" x14ac:dyDescent="0.25">
      <c r="D1984">
        <v>83.189961871139388</v>
      </c>
      <c r="E1984">
        <v>716</v>
      </c>
      <c r="G1984">
        <v>84.174741070878085</v>
      </c>
      <c r="H1984">
        <v>793</v>
      </c>
      <c r="J1984">
        <v>83.835595142702161</v>
      </c>
      <c r="K1984">
        <v>793</v>
      </c>
      <c r="M1984">
        <v>87.102774843356968</v>
      </c>
      <c r="N1984">
        <v>668</v>
      </c>
      <c r="P1984">
        <v>96.466491025087024</v>
      </c>
      <c r="Q1984">
        <v>397</v>
      </c>
    </row>
    <row r="1985" spans="4:17" x14ac:dyDescent="0.25">
      <c r="D1985">
        <v>83.187200585882152</v>
      </c>
      <c r="E1985">
        <v>717</v>
      </c>
      <c r="G1985">
        <v>84.17385462182628</v>
      </c>
      <c r="H1985">
        <v>793</v>
      </c>
      <c r="J1985">
        <v>83.831484858486192</v>
      </c>
      <c r="K1985">
        <v>793</v>
      </c>
      <c r="M1985">
        <v>87.093908764579524</v>
      </c>
      <c r="N1985">
        <v>668</v>
      </c>
      <c r="P1985">
        <v>96.451558533887024</v>
      </c>
      <c r="Q1985">
        <v>398</v>
      </c>
    </row>
    <row r="1986" spans="4:17" x14ac:dyDescent="0.25">
      <c r="D1986">
        <v>83.184452903015355</v>
      </c>
      <c r="E1986">
        <v>717</v>
      </c>
      <c r="G1986">
        <v>84.172968172774489</v>
      </c>
      <c r="H1986">
        <v>794</v>
      </c>
      <c r="J1986">
        <v>83.827374574270181</v>
      </c>
      <c r="K1986">
        <v>793</v>
      </c>
      <c r="M1986">
        <v>87.08504268580208</v>
      </c>
      <c r="N1986">
        <v>668</v>
      </c>
      <c r="P1986">
        <v>96.437344154003625</v>
      </c>
      <c r="Q1986">
        <v>398</v>
      </c>
    </row>
    <row r="1987" spans="4:17" x14ac:dyDescent="0.25">
      <c r="D1987">
        <v>83.181705220148558</v>
      </c>
      <c r="E1987">
        <v>718</v>
      </c>
      <c r="G1987">
        <v>84.172068493139818</v>
      </c>
      <c r="H1987">
        <v>794</v>
      </c>
      <c r="J1987">
        <v>83.823264290054212</v>
      </c>
      <c r="K1987">
        <v>794</v>
      </c>
      <c r="M1987">
        <v>87.075769796392464</v>
      </c>
      <c r="N1987">
        <v>669</v>
      </c>
      <c r="P1987">
        <v>96.42241166280364</v>
      </c>
      <c r="Q1987">
        <v>398</v>
      </c>
    </row>
    <row r="1988" spans="4:17" x14ac:dyDescent="0.25">
      <c r="D1988">
        <v>83.178957537281775</v>
      </c>
      <c r="E1988">
        <v>718</v>
      </c>
      <c r="G1988">
        <v>84.171182044087999</v>
      </c>
      <c r="H1988">
        <v>795</v>
      </c>
      <c r="J1988">
        <v>83.819154005838243</v>
      </c>
      <c r="K1988">
        <v>794</v>
      </c>
      <c r="M1988">
        <v>87.066915682633635</v>
      </c>
      <c r="N1988">
        <v>669</v>
      </c>
      <c r="P1988">
        <v>96.408176161999137</v>
      </c>
      <c r="Q1988">
        <v>399</v>
      </c>
    </row>
    <row r="1989" spans="4:17" x14ac:dyDescent="0.25">
      <c r="D1989">
        <v>83.176209854414978</v>
      </c>
      <c r="E1989">
        <v>719</v>
      </c>
      <c r="G1989">
        <v>84.170295595036208</v>
      </c>
      <c r="H1989">
        <v>795</v>
      </c>
      <c r="J1989">
        <v>83.81504372162226</v>
      </c>
      <c r="K1989">
        <v>795</v>
      </c>
      <c r="M1989">
        <v>87.058049603856176</v>
      </c>
      <c r="N1989">
        <v>670</v>
      </c>
      <c r="P1989">
        <v>96.393243670799194</v>
      </c>
      <c r="Q1989">
        <v>399</v>
      </c>
    </row>
    <row r="1990" spans="4:17" x14ac:dyDescent="0.25">
      <c r="D1990">
        <v>83.173013292663995</v>
      </c>
      <c r="E1990">
        <v>719</v>
      </c>
      <c r="G1990">
        <v>84.168959306167068</v>
      </c>
      <c r="H1990">
        <v>795</v>
      </c>
      <c r="J1990">
        <v>83.810587522398009</v>
      </c>
      <c r="K1990">
        <v>795</v>
      </c>
      <c r="M1990">
        <v>87.049183525078746</v>
      </c>
      <c r="N1990">
        <v>670</v>
      </c>
      <c r="P1990">
        <v>96.378311179599223</v>
      </c>
      <c r="Q1990">
        <v>399</v>
      </c>
    </row>
    <row r="1991" spans="4:17" x14ac:dyDescent="0.25">
      <c r="D1991">
        <v>83.169803128522616</v>
      </c>
      <c r="E1991">
        <v>719</v>
      </c>
      <c r="G1991">
        <v>84.168059626532397</v>
      </c>
      <c r="H1991">
        <v>796</v>
      </c>
      <c r="J1991">
        <v>83.806823153190308</v>
      </c>
      <c r="K1991">
        <v>795</v>
      </c>
      <c r="M1991">
        <v>87.040317446301302</v>
      </c>
      <c r="N1991">
        <v>671</v>
      </c>
      <c r="P1991">
        <v>96.363378688399266</v>
      </c>
      <c r="Q1991">
        <v>400</v>
      </c>
    </row>
    <row r="1992" spans="4:17" x14ac:dyDescent="0.25">
      <c r="D1992">
        <v>83.166592964381181</v>
      </c>
      <c r="E1992">
        <v>720</v>
      </c>
      <c r="G1992">
        <v>84.167173177480606</v>
      </c>
      <c r="H1992">
        <v>796</v>
      </c>
      <c r="J1992">
        <v>83.802712868974311</v>
      </c>
      <c r="K1992">
        <v>796</v>
      </c>
      <c r="M1992">
        <v>87.031044556891686</v>
      </c>
      <c r="N1992">
        <v>671</v>
      </c>
      <c r="P1992">
        <v>96.348425076278204</v>
      </c>
      <c r="Q1992">
        <v>400</v>
      </c>
    </row>
    <row r="1993" spans="4:17" x14ac:dyDescent="0.25">
      <c r="D1993">
        <v>83.162933921355602</v>
      </c>
      <c r="E1993">
        <v>720</v>
      </c>
      <c r="G1993">
        <v>84.165836888611466</v>
      </c>
      <c r="H1993">
        <v>797</v>
      </c>
      <c r="J1993">
        <v>83.798592410787521</v>
      </c>
      <c r="K1993">
        <v>796</v>
      </c>
      <c r="M1993">
        <v>87.022190443132843</v>
      </c>
      <c r="N1993">
        <v>671</v>
      </c>
      <c r="P1993">
        <v>96.332795594682764</v>
      </c>
      <c r="Q1993">
        <v>400</v>
      </c>
    </row>
    <row r="1994" spans="4:17" x14ac:dyDescent="0.25">
      <c r="D1994">
        <v>83.159723757214195</v>
      </c>
      <c r="E1994">
        <v>721</v>
      </c>
      <c r="G1994">
        <v>84.164950439559661</v>
      </c>
      <c r="H1994">
        <v>797</v>
      </c>
      <c r="J1994">
        <v>83.794146385534077</v>
      </c>
      <c r="K1994">
        <v>797</v>
      </c>
      <c r="M1994">
        <v>87.013324364355398</v>
      </c>
      <c r="N1994">
        <v>672</v>
      </c>
      <c r="P1994">
        <v>96.317144992166263</v>
      </c>
      <c r="Q1994">
        <v>401</v>
      </c>
    </row>
    <row r="1995" spans="4:17" x14ac:dyDescent="0.25">
      <c r="D1995">
        <v>83.156976074347412</v>
      </c>
      <c r="E1995">
        <v>721</v>
      </c>
      <c r="G1995">
        <v>84.16405075992499</v>
      </c>
      <c r="H1995">
        <v>797</v>
      </c>
      <c r="J1995">
        <v>83.789690186309826</v>
      </c>
      <c r="K1995">
        <v>797</v>
      </c>
      <c r="M1995">
        <v>87.004458285577954</v>
      </c>
      <c r="N1995">
        <v>672</v>
      </c>
      <c r="P1995">
        <v>96.301494389649733</v>
      </c>
      <c r="Q1995">
        <v>401</v>
      </c>
    </row>
    <row r="1996" spans="4:17" x14ac:dyDescent="0.25">
      <c r="D1996">
        <v>83.153765910205991</v>
      </c>
      <c r="E1996">
        <v>721</v>
      </c>
      <c r="G1996">
        <v>84.163164310873199</v>
      </c>
      <c r="H1996">
        <v>798</v>
      </c>
      <c r="J1996">
        <v>83.785579902093858</v>
      </c>
      <c r="K1996">
        <v>798</v>
      </c>
      <c r="M1996">
        <v>86.995185396168353</v>
      </c>
      <c r="N1996">
        <v>673</v>
      </c>
      <c r="P1996">
        <v>96.285843787133217</v>
      </c>
      <c r="Q1996">
        <v>401</v>
      </c>
    </row>
    <row r="1997" spans="4:17" x14ac:dyDescent="0.25">
      <c r="D1997">
        <v>83.151480708613818</v>
      </c>
      <c r="E1997">
        <v>722</v>
      </c>
      <c r="G1997">
        <v>84.16271447105585</v>
      </c>
      <c r="H1997">
        <v>798</v>
      </c>
      <c r="J1997">
        <v>83.781123702869593</v>
      </c>
      <c r="K1997">
        <v>798</v>
      </c>
      <c r="M1997">
        <v>86.986319317390894</v>
      </c>
      <c r="N1997">
        <v>673</v>
      </c>
      <c r="P1997">
        <v>96.269475073300157</v>
      </c>
      <c r="Q1997">
        <v>402</v>
      </c>
    </row>
    <row r="1998" spans="4:17" x14ac:dyDescent="0.25">
      <c r="D1998">
        <v>83.148733025747021</v>
      </c>
      <c r="E1998">
        <v>722</v>
      </c>
      <c r="G1998">
        <v>84.161828022004045</v>
      </c>
      <c r="H1998">
        <v>799</v>
      </c>
      <c r="J1998">
        <v>83.777013418653624</v>
      </c>
      <c r="K1998">
        <v>798</v>
      </c>
      <c r="M1998">
        <v>86.977058392999893</v>
      </c>
      <c r="N1998">
        <v>673</v>
      </c>
      <c r="P1998">
        <v>96.253127480388173</v>
      </c>
      <c r="Q1998">
        <v>402</v>
      </c>
    </row>
    <row r="1999" spans="4:17" x14ac:dyDescent="0.25">
      <c r="D1999">
        <v>83.146434221764395</v>
      </c>
      <c r="E1999">
        <v>723</v>
      </c>
      <c r="G1999">
        <v>84.16094157295224</v>
      </c>
      <c r="H1999">
        <v>799</v>
      </c>
      <c r="J1999">
        <v>83.772903134437641</v>
      </c>
      <c r="K1999">
        <v>799</v>
      </c>
      <c r="M1999">
        <v>86.968192314222449</v>
      </c>
      <c r="N1999">
        <v>674</v>
      </c>
      <c r="P1999">
        <v>96.236758766555113</v>
      </c>
      <c r="Q1999">
        <v>402</v>
      </c>
    </row>
    <row r="2000" spans="4:17" x14ac:dyDescent="0.25">
      <c r="D2000">
        <v>83.144149020172222</v>
      </c>
      <c r="E2000">
        <v>723</v>
      </c>
      <c r="G2000">
        <v>84.159592053500248</v>
      </c>
      <c r="H2000">
        <v>800</v>
      </c>
      <c r="J2000">
        <v>83.768446935213376</v>
      </c>
      <c r="K2000">
        <v>799</v>
      </c>
      <c r="M2000">
        <v>86.959326235444991</v>
      </c>
      <c r="N2000">
        <v>674</v>
      </c>
      <c r="P2000">
        <v>96.219693062326556</v>
      </c>
      <c r="Q2000">
        <v>403</v>
      </c>
    </row>
    <row r="2001" spans="4:17" x14ac:dyDescent="0.25">
      <c r="D2001">
        <v>83.141401337305396</v>
      </c>
      <c r="E2001">
        <v>724</v>
      </c>
      <c r="G2001">
        <v>84.158705604448443</v>
      </c>
      <c r="H2001">
        <v>800</v>
      </c>
      <c r="J2001">
        <v>83.76399073598914</v>
      </c>
      <c r="K2001">
        <v>800</v>
      </c>
      <c r="M2001">
        <v>86.95006531105399</v>
      </c>
      <c r="N2001">
        <v>675</v>
      </c>
      <c r="P2001">
        <v>96.201909246781497</v>
      </c>
      <c r="Q2001">
        <v>403</v>
      </c>
    </row>
    <row r="2002" spans="4:17" x14ac:dyDescent="0.25">
      <c r="D2002">
        <v>83.139116135713223</v>
      </c>
      <c r="E2002">
        <v>724</v>
      </c>
      <c r="G2002">
        <v>84.157819155396638</v>
      </c>
      <c r="H2002">
        <v>800</v>
      </c>
      <c r="J2002">
        <v>83.759534536764875</v>
      </c>
      <c r="K2002">
        <v>800</v>
      </c>
      <c r="M2002">
        <v>86.941606042908717</v>
      </c>
      <c r="N2002">
        <v>675</v>
      </c>
      <c r="P2002">
        <v>96.18412543123641</v>
      </c>
      <c r="Q2002">
        <v>403</v>
      </c>
    </row>
    <row r="2003" spans="4:17" x14ac:dyDescent="0.25">
      <c r="D2003">
        <v>83.136354850456001</v>
      </c>
      <c r="E2003">
        <v>724</v>
      </c>
      <c r="G2003">
        <v>84.156919475761967</v>
      </c>
      <c r="H2003">
        <v>800</v>
      </c>
      <c r="J2003">
        <v>83.755088511511445</v>
      </c>
      <c r="K2003">
        <v>800</v>
      </c>
      <c r="M2003">
        <v>86.932333153499101</v>
      </c>
      <c r="N2003">
        <v>676</v>
      </c>
      <c r="P2003">
        <v>96.166362736612399</v>
      </c>
      <c r="Q2003">
        <v>404</v>
      </c>
    </row>
    <row r="2004" spans="4:17" x14ac:dyDescent="0.25">
      <c r="D2004">
        <v>83.1340696488638</v>
      </c>
      <c r="E2004">
        <v>725</v>
      </c>
      <c r="G2004">
        <v>84.155583186892841</v>
      </c>
      <c r="H2004">
        <v>800</v>
      </c>
      <c r="J2004">
        <v>83.750286397278913</v>
      </c>
      <c r="K2004">
        <v>800</v>
      </c>
      <c r="M2004">
        <v>86.923873885353814</v>
      </c>
      <c r="N2004">
        <v>676</v>
      </c>
      <c r="P2004">
        <v>96.148578921067312</v>
      </c>
      <c r="Q2004">
        <v>404</v>
      </c>
    </row>
    <row r="2005" spans="4:17" x14ac:dyDescent="0.25">
      <c r="D2005">
        <v>83.131784447271627</v>
      </c>
      <c r="E2005">
        <v>725</v>
      </c>
      <c r="G2005">
        <v>84.154696737841022</v>
      </c>
      <c r="H2005">
        <v>800</v>
      </c>
      <c r="J2005">
        <v>83.745830198054676</v>
      </c>
      <c r="K2005">
        <v>800</v>
      </c>
      <c r="M2005">
        <v>86.91541461720854</v>
      </c>
      <c r="N2005">
        <v>676</v>
      </c>
      <c r="P2005">
        <v>96.130076994205709</v>
      </c>
      <c r="Q2005">
        <v>404</v>
      </c>
    </row>
    <row r="2006" spans="4:17" x14ac:dyDescent="0.25">
      <c r="D2006">
        <v>83.129485643289016</v>
      </c>
      <c r="E2006">
        <v>726</v>
      </c>
      <c r="G2006">
        <v>84.153360448971895</v>
      </c>
      <c r="H2006">
        <v>800</v>
      </c>
      <c r="J2006">
        <v>83.741038257792965</v>
      </c>
      <c r="K2006">
        <v>800</v>
      </c>
      <c r="M2006">
        <v>86.906548538431096</v>
      </c>
      <c r="N2006">
        <v>677</v>
      </c>
      <c r="P2006">
        <v>96.112293178660607</v>
      </c>
      <c r="Q2006">
        <v>405</v>
      </c>
    </row>
    <row r="2007" spans="4:17" x14ac:dyDescent="0.25">
      <c r="D2007">
        <v>83.127200441696829</v>
      </c>
      <c r="E2007">
        <v>726</v>
      </c>
      <c r="G2007">
        <v>84.15247399992009</v>
      </c>
      <c r="H2007">
        <v>800</v>
      </c>
      <c r="J2007">
        <v>83.736582058568715</v>
      </c>
      <c r="K2007">
        <v>800</v>
      </c>
      <c r="M2007">
        <v>86.898484115899379</v>
      </c>
      <c r="N2007">
        <v>677</v>
      </c>
      <c r="P2007">
        <v>96.093812372720052</v>
      </c>
      <c r="Q2007">
        <v>405</v>
      </c>
    </row>
    <row r="2008" spans="4:17" x14ac:dyDescent="0.25">
      <c r="D2008">
        <v>83.124915240104627</v>
      </c>
      <c r="E2008">
        <v>726</v>
      </c>
      <c r="G2008">
        <v>84.151137711050978</v>
      </c>
      <c r="H2008">
        <v>800</v>
      </c>
      <c r="J2008">
        <v>83.732125859344464</v>
      </c>
      <c r="K2008">
        <v>800</v>
      </c>
      <c r="M2008">
        <v>86.890024847754106</v>
      </c>
      <c r="N2008">
        <v>678</v>
      </c>
      <c r="P2008">
        <v>96.075310445858435</v>
      </c>
      <c r="Q2008">
        <v>405</v>
      </c>
    </row>
    <row r="2009" spans="4:17" x14ac:dyDescent="0.25">
      <c r="D2009">
        <v>83.122616436122016</v>
      </c>
      <c r="E2009">
        <v>727</v>
      </c>
      <c r="G2009">
        <v>84.14980142218181</v>
      </c>
      <c r="H2009">
        <v>800</v>
      </c>
      <c r="J2009">
        <v>83.728015575128481</v>
      </c>
      <c r="K2009">
        <v>800</v>
      </c>
      <c r="M2009">
        <v>86.881158768976675</v>
      </c>
      <c r="N2009">
        <v>678</v>
      </c>
      <c r="P2009">
        <v>96.056111528601321</v>
      </c>
      <c r="Q2009">
        <v>406</v>
      </c>
    </row>
    <row r="2010" spans="4:17" x14ac:dyDescent="0.25">
      <c r="D2010">
        <v>83.120331234529814</v>
      </c>
      <c r="E2010">
        <v>727</v>
      </c>
      <c r="G2010">
        <v>84.148465133312669</v>
      </c>
      <c r="H2010">
        <v>800</v>
      </c>
      <c r="J2010">
        <v>83.723905290912498</v>
      </c>
      <c r="K2010">
        <v>800</v>
      </c>
      <c r="M2010">
        <v>86.872292690199231</v>
      </c>
      <c r="N2010">
        <v>678</v>
      </c>
      <c r="P2010">
        <v>96.037609601739689</v>
      </c>
      <c r="Q2010">
        <v>406</v>
      </c>
    </row>
    <row r="2011" spans="4:17" x14ac:dyDescent="0.25">
      <c r="D2011">
        <v>83.118032430547231</v>
      </c>
      <c r="E2011">
        <v>728</v>
      </c>
      <c r="G2011">
        <v>84.147128844443543</v>
      </c>
      <c r="H2011">
        <v>800</v>
      </c>
      <c r="J2011">
        <v>83.720140921704782</v>
      </c>
      <c r="K2011">
        <v>800</v>
      </c>
      <c r="M2011">
        <v>86.863031765808202</v>
      </c>
      <c r="N2011">
        <v>679</v>
      </c>
      <c r="P2011">
        <v>96.018410684482603</v>
      </c>
      <c r="Q2011">
        <v>406</v>
      </c>
    </row>
    <row r="2012" spans="4:17" x14ac:dyDescent="0.25">
      <c r="D2012">
        <v>83.11528474768042</v>
      </c>
      <c r="E2012">
        <v>728</v>
      </c>
      <c r="G2012">
        <v>84.146229164808886</v>
      </c>
      <c r="H2012">
        <v>800</v>
      </c>
      <c r="J2012">
        <v>83.716366378526246</v>
      </c>
      <c r="K2012">
        <v>800</v>
      </c>
      <c r="M2012">
        <v>86.854165687030758</v>
      </c>
      <c r="N2012">
        <v>679</v>
      </c>
      <c r="P2012">
        <v>95.998493655908931</v>
      </c>
      <c r="Q2012">
        <v>407</v>
      </c>
    </row>
    <row r="2013" spans="4:17" x14ac:dyDescent="0.25">
      <c r="D2013">
        <v>83.112999546088233</v>
      </c>
      <c r="E2013">
        <v>729</v>
      </c>
      <c r="G2013">
        <v>84.145342715757081</v>
      </c>
      <c r="H2013">
        <v>800</v>
      </c>
      <c r="J2013">
        <v>83.712256094310277</v>
      </c>
      <c r="K2013">
        <v>800</v>
      </c>
      <c r="M2013">
        <v>86.845299608253328</v>
      </c>
      <c r="N2013">
        <v>680</v>
      </c>
      <c r="P2013">
        <v>95.978576627335286</v>
      </c>
      <c r="Q2013">
        <v>407</v>
      </c>
    </row>
    <row r="2014" spans="4:17" x14ac:dyDescent="0.25">
      <c r="D2014">
        <v>83.110251863221436</v>
      </c>
      <c r="E2014">
        <v>729</v>
      </c>
      <c r="G2014">
        <v>84.144892875939732</v>
      </c>
      <c r="H2014">
        <v>800</v>
      </c>
      <c r="J2014">
        <v>83.708145810094294</v>
      </c>
      <c r="K2014">
        <v>800</v>
      </c>
      <c r="M2014">
        <v>86.836433529475869</v>
      </c>
      <c r="N2014">
        <v>680</v>
      </c>
      <c r="P2014">
        <v>95.958659598761656</v>
      </c>
      <c r="Q2014">
        <v>407</v>
      </c>
    </row>
    <row r="2015" spans="4:17" x14ac:dyDescent="0.25">
      <c r="D2015">
        <v>83.107966661629249</v>
      </c>
      <c r="E2015">
        <v>729</v>
      </c>
      <c r="G2015">
        <v>84.144456266705262</v>
      </c>
      <c r="H2015">
        <v>800</v>
      </c>
      <c r="J2015">
        <v>83.704035525878311</v>
      </c>
      <c r="K2015">
        <v>800</v>
      </c>
      <c r="M2015">
        <v>86.827567450698439</v>
      </c>
      <c r="N2015">
        <v>681</v>
      </c>
      <c r="P2015">
        <v>95.938045579792515</v>
      </c>
      <c r="Q2015">
        <v>408</v>
      </c>
    </row>
    <row r="2016" spans="4:17" x14ac:dyDescent="0.25">
      <c r="D2016">
        <v>83.105667857646637</v>
      </c>
      <c r="E2016">
        <v>730</v>
      </c>
      <c r="G2016">
        <v>84.144006426887913</v>
      </c>
      <c r="H2016">
        <v>800</v>
      </c>
      <c r="J2016">
        <v>83.699925241662342</v>
      </c>
      <c r="K2016">
        <v>800</v>
      </c>
      <c r="M2016">
        <v>86.818713336939595</v>
      </c>
      <c r="N2016">
        <v>681</v>
      </c>
      <c r="P2016">
        <v>95.918128551218857</v>
      </c>
      <c r="Q2016">
        <v>408</v>
      </c>
    </row>
    <row r="2017" spans="4:17" x14ac:dyDescent="0.25">
      <c r="D2017">
        <v>83.103845137329046</v>
      </c>
      <c r="E2017">
        <v>730</v>
      </c>
      <c r="G2017">
        <v>84.144006426887913</v>
      </c>
      <c r="H2017">
        <v>800</v>
      </c>
      <c r="J2017">
        <v>83.695469042438077</v>
      </c>
      <c r="K2017">
        <v>800</v>
      </c>
      <c r="M2017">
        <v>86.809847258162137</v>
      </c>
      <c r="N2017">
        <v>681</v>
      </c>
      <c r="P2017">
        <v>95.897493411328682</v>
      </c>
      <c r="Q2017">
        <v>408</v>
      </c>
    </row>
    <row r="2018" spans="4:17" x14ac:dyDescent="0.25">
      <c r="D2018">
        <v>83.102008814621044</v>
      </c>
      <c r="E2018">
        <v>731</v>
      </c>
      <c r="G2018">
        <v>84.143556587070606</v>
      </c>
      <c r="H2018">
        <v>800</v>
      </c>
      <c r="J2018">
        <v>83.691358758222094</v>
      </c>
      <c r="K2018">
        <v>800</v>
      </c>
      <c r="M2018">
        <v>86.800981179384692</v>
      </c>
      <c r="N2018">
        <v>682</v>
      </c>
      <c r="P2018">
        <v>95.876161281042982</v>
      </c>
      <c r="Q2018">
        <v>409</v>
      </c>
    </row>
    <row r="2019" spans="4:17" x14ac:dyDescent="0.25">
      <c r="D2019">
        <v>83.100172491913028</v>
      </c>
      <c r="E2019">
        <v>731</v>
      </c>
      <c r="G2019">
        <v>84.143556587070606</v>
      </c>
      <c r="H2019">
        <v>800</v>
      </c>
      <c r="J2019">
        <v>83.687594389014407</v>
      </c>
      <c r="K2019">
        <v>800</v>
      </c>
      <c r="M2019">
        <v>86.792521911239433</v>
      </c>
      <c r="N2019">
        <v>682</v>
      </c>
      <c r="P2019">
        <v>95.85482915075734</v>
      </c>
      <c r="Q2019">
        <v>409</v>
      </c>
    </row>
    <row r="2020" spans="4:17" x14ac:dyDescent="0.25">
      <c r="D2020">
        <v>83.097887290320855</v>
      </c>
      <c r="E2020">
        <v>731</v>
      </c>
      <c r="G2020">
        <v>84.14311997783615</v>
      </c>
      <c r="H2020">
        <v>800</v>
      </c>
      <c r="J2020">
        <v>83.684165760844138</v>
      </c>
      <c r="K2020">
        <v>800</v>
      </c>
      <c r="M2020">
        <v>86.783655832461989</v>
      </c>
      <c r="N2020">
        <v>683</v>
      </c>
      <c r="P2020">
        <v>95.833475899550606</v>
      </c>
      <c r="Q2020">
        <v>409</v>
      </c>
    </row>
    <row r="2021" spans="4:17" x14ac:dyDescent="0.25">
      <c r="D2021">
        <v>83.095588486338229</v>
      </c>
      <c r="E2021">
        <v>732</v>
      </c>
      <c r="G2021">
        <v>84.142670138018786</v>
      </c>
      <c r="H2021">
        <v>800</v>
      </c>
      <c r="J2021">
        <v>83.680737132673883</v>
      </c>
      <c r="K2021">
        <v>800</v>
      </c>
      <c r="M2021">
        <v>86.77478975368453</v>
      </c>
      <c r="N2021">
        <v>683</v>
      </c>
      <c r="P2021">
        <v>95.811446778869453</v>
      </c>
      <c r="Q2021">
        <v>410</v>
      </c>
    </row>
    <row r="2022" spans="4:17" x14ac:dyDescent="0.25">
      <c r="D2022">
        <v>83.093303284746057</v>
      </c>
      <c r="E2022">
        <v>732</v>
      </c>
      <c r="G2022">
        <v>84.142220298201451</v>
      </c>
      <c r="H2022">
        <v>800</v>
      </c>
      <c r="J2022">
        <v>83.677654419511882</v>
      </c>
      <c r="K2022">
        <v>800</v>
      </c>
      <c r="M2022">
        <v>86.765516864274915</v>
      </c>
      <c r="N2022">
        <v>683</v>
      </c>
      <c r="P2022">
        <v>95.788678425950678</v>
      </c>
      <c r="Q2022">
        <v>410</v>
      </c>
    </row>
    <row r="2023" spans="4:17" x14ac:dyDescent="0.25">
      <c r="D2023">
        <v>83.090555601879259</v>
      </c>
      <c r="E2023">
        <v>733</v>
      </c>
      <c r="G2023">
        <v>84.140884009332339</v>
      </c>
      <c r="H2023">
        <v>800</v>
      </c>
      <c r="J2023">
        <v>83.674225791341627</v>
      </c>
      <c r="K2023">
        <v>800</v>
      </c>
      <c r="M2023">
        <v>86.756662750516085</v>
      </c>
      <c r="N2023">
        <v>684</v>
      </c>
      <c r="P2023">
        <v>95.766628184348477</v>
      </c>
      <c r="Q2023">
        <v>410</v>
      </c>
    </row>
    <row r="2024" spans="4:17" x14ac:dyDescent="0.25">
      <c r="D2024">
        <v>83.087807919012448</v>
      </c>
      <c r="E2024">
        <v>733</v>
      </c>
      <c r="G2024">
        <v>84.139547720463199</v>
      </c>
      <c r="H2024">
        <v>800</v>
      </c>
      <c r="J2024">
        <v>83.670807337142207</v>
      </c>
      <c r="K2024">
        <v>800</v>
      </c>
      <c r="M2024">
        <v>86.747796671738627</v>
      </c>
      <c r="N2024">
        <v>684</v>
      </c>
      <c r="P2024">
        <v>95.743859831429702</v>
      </c>
      <c r="Q2024">
        <v>411</v>
      </c>
    </row>
    <row r="2025" spans="4:17" x14ac:dyDescent="0.25">
      <c r="D2025">
        <v>83.085522717420275</v>
      </c>
      <c r="E2025">
        <v>734</v>
      </c>
      <c r="G2025">
        <v>84.137761591776723</v>
      </c>
      <c r="H2025">
        <v>800</v>
      </c>
      <c r="J2025">
        <v>83.667378708971938</v>
      </c>
      <c r="K2025">
        <v>800</v>
      </c>
      <c r="M2025">
        <v>86.738523782329025</v>
      </c>
      <c r="N2025">
        <v>685</v>
      </c>
      <c r="P2025">
        <v>95.721112599432018</v>
      </c>
      <c r="Q2025">
        <v>411</v>
      </c>
    </row>
    <row r="2026" spans="4:17" x14ac:dyDescent="0.25">
      <c r="D2026">
        <v>83.083223913437649</v>
      </c>
      <c r="E2026">
        <v>734</v>
      </c>
      <c r="G2026">
        <v>84.135089014038442</v>
      </c>
      <c r="H2026">
        <v>800</v>
      </c>
      <c r="J2026">
        <v>83.663950080801683</v>
      </c>
      <c r="K2026">
        <v>800</v>
      </c>
      <c r="M2026">
        <v>86.729262857938011</v>
      </c>
      <c r="N2026">
        <v>685</v>
      </c>
      <c r="P2026">
        <v>95.69764725611779</v>
      </c>
      <c r="Q2026">
        <v>411</v>
      </c>
    </row>
    <row r="2027" spans="4:17" x14ac:dyDescent="0.25">
      <c r="D2027">
        <v>83.080476230570838</v>
      </c>
      <c r="E2027">
        <v>734</v>
      </c>
      <c r="G2027">
        <v>84.131979827065678</v>
      </c>
      <c r="H2027">
        <v>800</v>
      </c>
      <c r="J2027">
        <v>83.660867367639696</v>
      </c>
      <c r="K2027">
        <v>800</v>
      </c>
      <c r="M2027">
        <v>86.720396779160581</v>
      </c>
      <c r="N2027">
        <v>686</v>
      </c>
      <c r="P2027">
        <v>95.674160791882485</v>
      </c>
      <c r="Q2027">
        <v>412</v>
      </c>
    </row>
    <row r="2028" spans="4:17" x14ac:dyDescent="0.25">
      <c r="D2028">
        <v>83.078191028978679</v>
      </c>
      <c r="E2028">
        <v>735</v>
      </c>
      <c r="G2028">
        <v>84.127970960458285</v>
      </c>
      <c r="H2028">
        <v>800</v>
      </c>
      <c r="J2028">
        <v>83.657784654477723</v>
      </c>
      <c r="K2028">
        <v>800</v>
      </c>
      <c r="M2028">
        <v>86.711530700383122</v>
      </c>
      <c r="N2028">
        <v>686</v>
      </c>
      <c r="P2028">
        <v>95.650695448568229</v>
      </c>
      <c r="Q2028">
        <v>412</v>
      </c>
    </row>
    <row r="2029" spans="4:17" x14ac:dyDescent="0.25">
      <c r="D2029">
        <v>83.075892224996053</v>
      </c>
      <c r="E2029">
        <v>735</v>
      </c>
      <c r="G2029">
        <v>84.122612574398886</v>
      </c>
      <c r="H2029">
        <v>800</v>
      </c>
      <c r="J2029">
        <v>83.654356026307454</v>
      </c>
      <c r="K2029">
        <v>800</v>
      </c>
      <c r="M2029">
        <v>86.70186296535995</v>
      </c>
      <c r="N2029">
        <v>686</v>
      </c>
      <c r="P2029">
        <v>95.626511993937456</v>
      </c>
      <c r="Q2029">
        <v>412</v>
      </c>
    </row>
    <row r="2030" spans="4:17" x14ac:dyDescent="0.25">
      <c r="D2030">
        <v>83.073144542129256</v>
      </c>
      <c r="E2030">
        <v>736</v>
      </c>
      <c r="G2030">
        <v>84.116830809687855</v>
      </c>
      <c r="H2030">
        <v>800</v>
      </c>
      <c r="J2030">
        <v>83.651273313145452</v>
      </c>
      <c r="K2030">
        <v>800</v>
      </c>
      <c r="M2030">
        <v>86.692590075950349</v>
      </c>
      <c r="N2030">
        <v>687</v>
      </c>
      <c r="P2030">
        <v>95.60161042799011</v>
      </c>
      <c r="Q2030">
        <v>413</v>
      </c>
    </row>
    <row r="2031" spans="4:17" x14ac:dyDescent="0.25">
      <c r="D2031">
        <v>83.070396859262459</v>
      </c>
      <c r="E2031">
        <v>736</v>
      </c>
      <c r="G2031">
        <v>84.110149365342167</v>
      </c>
      <c r="H2031">
        <v>800</v>
      </c>
      <c r="J2031">
        <v>83.648190599983479</v>
      </c>
      <c r="K2031">
        <v>800</v>
      </c>
      <c r="M2031">
        <v>86.683329151559334</v>
      </c>
      <c r="N2031">
        <v>687</v>
      </c>
      <c r="P2031">
        <v>95.577426973359337</v>
      </c>
      <c r="Q2031">
        <v>413</v>
      </c>
    </row>
    <row r="2032" spans="4:17" x14ac:dyDescent="0.25">
      <c r="D2032">
        <v>83.068111657670286</v>
      </c>
      <c r="E2032">
        <v>736</v>
      </c>
      <c r="G2032">
        <v>84.102568241361823</v>
      </c>
      <c r="H2032">
        <v>800</v>
      </c>
      <c r="J2032">
        <v>83.644761971813224</v>
      </c>
      <c r="K2032">
        <v>800</v>
      </c>
      <c r="M2032">
        <v>86.674056262149719</v>
      </c>
      <c r="N2032">
        <v>688</v>
      </c>
      <c r="P2032">
        <v>95.552546528333096</v>
      </c>
      <c r="Q2032">
        <v>413</v>
      </c>
    </row>
    <row r="2033" spans="4:17" x14ac:dyDescent="0.25">
      <c r="D2033">
        <v>83.065363974803475</v>
      </c>
      <c r="E2033">
        <v>737</v>
      </c>
      <c r="G2033">
        <v>84.094100668329659</v>
      </c>
      <c r="H2033">
        <v>800</v>
      </c>
      <c r="J2033">
        <v>83.641679258651251</v>
      </c>
      <c r="K2033">
        <v>800</v>
      </c>
      <c r="M2033">
        <v>86.664795337758704</v>
      </c>
      <c r="N2033">
        <v>688</v>
      </c>
      <c r="P2033">
        <v>95.526926851069206</v>
      </c>
      <c r="Q2033">
        <v>414</v>
      </c>
    </row>
    <row r="2034" spans="4:17" x14ac:dyDescent="0.25">
      <c r="D2034">
        <v>83.063065170820863</v>
      </c>
      <c r="E2034">
        <v>737</v>
      </c>
      <c r="G2034">
        <v>84.084296806428384</v>
      </c>
      <c r="H2034">
        <v>800</v>
      </c>
      <c r="J2034">
        <v>83.638250630480982</v>
      </c>
      <c r="K2034">
        <v>800</v>
      </c>
      <c r="M2034">
        <v>86.656324104594844</v>
      </c>
      <c r="N2034">
        <v>688</v>
      </c>
      <c r="P2034">
        <v>95.502046406042965</v>
      </c>
      <c r="Q2034">
        <v>414</v>
      </c>
    </row>
    <row r="2035" spans="4:17" x14ac:dyDescent="0.25">
      <c r="D2035">
        <v>83.060779969228676</v>
      </c>
      <c r="E2035">
        <v>738</v>
      </c>
      <c r="G2035">
        <v>84.07272004642347</v>
      </c>
      <c r="H2035">
        <v>800</v>
      </c>
      <c r="J2035">
        <v>83.635167917319009</v>
      </c>
      <c r="K2035">
        <v>800</v>
      </c>
      <c r="M2035">
        <v>86.647864836449571</v>
      </c>
      <c r="N2035">
        <v>689</v>
      </c>
      <c r="P2035">
        <v>95.475729738383592</v>
      </c>
      <c r="Q2035">
        <v>414</v>
      </c>
    </row>
    <row r="2036" spans="4:17" x14ac:dyDescent="0.25">
      <c r="D2036">
        <v>83.058494767636489</v>
      </c>
      <c r="E2036">
        <v>738</v>
      </c>
      <c r="G2036">
        <v>84.059357157732109</v>
      </c>
      <c r="H2036">
        <v>800</v>
      </c>
      <c r="J2036">
        <v>83.631749463119561</v>
      </c>
      <c r="K2036">
        <v>800</v>
      </c>
      <c r="M2036">
        <v>86.639405568304269</v>
      </c>
      <c r="N2036">
        <v>689</v>
      </c>
      <c r="P2036">
        <v>95.449413070724248</v>
      </c>
      <c r="Q2036">
        <v>415</v>
      </c>
    </row>
    <row r="2037" spans="4:17" x14ac:dyDescent="0.25">
      <c r="D2037">
        <v>83.055747084769692</v>
      </c>
      <c r="E2037">
        <v>739</v>
      </c>
      <c r="G2037">
        <v>84.044208140354243</v>
      </c>
      <c r="H2037">
        <v>800</v>
      </c>
      <c r="J2037">
        <v>83.628666749957588</v>
      </c>
      <c r="K2037">
        <v>800</v>
      </c>
      <c r="M2037">
        <v>86.630539489526839</v>
      </c>
      <c r="N2037">
        <v>690</v>
      </c>
      <c r="P2037">
        <v>95.423096403064889</v>
      </c>
      <c r="Q2037">
        <v>415</v>
      </c>
    </row>
    <row r="2038" spans="4:17" x14ac:dyDescent="0.25">
      <c r="D2038">
        <v>83.05344828078708</v>
      </c>
      <c r="E2038">
        <v>739</v>
      </c>
      <c r="G2038">
        <v>84.02815944334175</v>
      </c>
      <c r="H2038">
        <v>800</v>
      </c>
      <c r="J2038">
        <v>83.625238121787319</v>
      </c>
      <c r="K2038">
        <v>800</v>
      </c>
      <c r="M2038">
        <v>86.621673410749395</v>
      </c>
      <c r="N2038">
        <v>690</v>
      </c>
      <c r="P2038">
        <v>95.396779735405545</v>
      </c>
      <c r="Q2038">
        <v>415</v>
      </c>
    </row>
    <row r="2039" spans="4:17" x14ac:dyDescent="0.25">
      <c r="D2039">
        <v>83.051163079194879</v>
      </c>
      <c r="E2039">
        <v>739</v>
      </c>
      <c r="G2039">
        <v>84.010787688042981</v>
      </c>
      <c r="H2039">
        <v>800</v>
      </c>
      <c r="J2039">
        <v>83.622155408625346</v>
      </c>
      <c r="K2039">
        <v>800</v>
      </c>
      <c r="M2039">
        <v>86.61280733197195</v>
      </c>
      <c r="N2039">
        <v>691</v>
      </c>
      <c r="P2039">
        <v>95.369047966034174</v>
      </c>
      <c r="Q2039">
        <v>416</v>
      </c>
    </row>
    <row r="2040" spans="4:17" x14ac:dyDescent="0.25">
      <c r="D2040">
        <v>83.048877877602706</v>
      </c>
      <c r="E2040">
        <v>740</v>
      </c>
      <c r="G2040">
        <v>83.992516253109514</v>
      </c>
      <c r="H2040">
        <v>800</v>
      </c>
      <c r="J2040">
        <v>83.619408436500791</v>
      </c>
      <c r="K2040">
        <v>800</v>
      </c>
      <c r="M2040">
        <v>86.603953218213093</v>
      </c>
      <c r="N2040">
        <v>691</v>
      </c>
      <c r="P2040">
        <v>95.342013187058299</v>
      </c>
      <c r="Q2040">
        <v>416</v>
      </c>
    </row>
    <row r="2041" spans="4:17" x14ac:dyDescent="0.25">
      <c r="D2041">
        <v>83.04704155489469</v>
      </c>
      <c r="E2041">
        <v>740</v>
      </c>
      <c r="G2041">
        <v>83.973808208941605</v>
      </c>
      <c r="H2041">
        <v>800</v>
      </c>
      <c r="J2041">
        <v>83.616671638347086</v>
      </c>
      <c r="K2041">
        <v>800</v>
      </c>
      <c r="M2041">
        <v>86.595087139435662</v>
      </c>
      <c r="N2041">
        <v>691</v>
      </c>
      <c r="P2041">
        <v>95.313563306370384</v>
      </c>
      <c r="Q2041">
        <v>416</v>
      </c>
    </row>
    <row r="2042" spans="4:17" x14ac:dyDescent="0.25">
      <c r="D2042">
        <v>83.044742750912064</v>
      </c>
      <c r="E2042">
        <v>741</v>
      </c>
      <c r="G2042">
        <v>83.954200485139012</v>
      </c>
      <c r="H2042">
        <v>800</v>
      </c>
      <c r="J2042">
        <v>83.613588925185084</v>
      </c>
      <c r="K2042">
        <v>800</v>
      </c>
      <c r="M2042">
        <v>86.586221060658218</v>
      </c>
      <c r="N2042">
        <v>692</v>
      </c>
      <c r="P2042">
        <v>95.285831536998998</v>
      </c>
      <c r="Q2042">
        <v>417</v>
      </c>
    </row>
    <row r="2043" spans="4:17" x14ac:dyDescent="0.25">
      <c r="D2043">
        <v>83.042920030594502</v>
      </c>
      <c r="E2043">
        <v>741</v>
      </c>
      <c r="G2043">
        <v>83.934592761336418</v>
      </c>
      <c r="H2043">
        <v>800</v>
      </c>
      <c r="J2043">
        <v>83.610841953060557</v>
      </c>
      <c r="K2043">
        <v>800</v>
      </c>
      <c r="M2043">
        <v>86.577354981880774</v>
      </c>
      <c r="N2043">
        <v>692</v>
      </c>
      <c r="P2043">
        <v>95.25666354499451</v>
      </c>
      <c r="Q2043">
        <v>417</v>
      </c>
    </row>
    <row r="2044" spans="4:17" x14ac:dyDescent="0.25">
      <c r="D2044">
        <v>83.041083707886486</v>
      </c>
      <c r="E2044">
        <v>741</v>
      </c>
      <c r="G2044">
        <v>83.915434877351174</v>
      </c>
      <c r="H2044">
        <v>800</v>
      </c>
      <c r="J2044">
        <v>83.607759239898584</v>
      </c>
      <c r="K2044">
        <v>800</v>
      </c>
      <c r="M2044">
        <v>86.568488903103329</v>
      </c>
      <c r="N2044">
        <v>693</v>
      </c>
      <c r="P2044">
        <v>95.228213664306608</v>
      </c>
      <c r="Q2044">
        <v>417</v>
      </c>
    </row>
    <row r="2045" spans="4:17" x14ac:dyDescent="0.25">
      <c r="D2045">
        <v>83.038798506294285</v>
      </c>
      <c r="E2045">
        <v>742</v>
      </c>
      <c r="G2045">
        <v>83.895840384131446</v>
      </c>
      <c r="H2045">
        <v>800</v>
      </c>
      <c r="J2045">
        <v>83.604676526736583</v>
      </c>
      <c r="K2045">
        <v>800</v>
      </c>
      <c r="M2045">
        <v>86.559622824325871</v>
      </c>
      <c r="N2045">
        <v>693</v>
      </c>
      <c r="P2045">
        <v>95.198327560985604</v>
      </c>
      <c r="Q2045">
        <v>418</v>
      </c>
    </row>
    <row r="2046" spans="4:17" x14ac:dyDescent="0.25">
      <c r="D2046">
        <v>83.036962183586283</v>
      </c>
      <c r="E2046">
        <v>742</v>
      </c>
      <c r="G2046">
        <v>83.877119109380672</v>
      </c>
      <c r="H2046">
        <v>800</v>
      </c>
      <c r="J2046">
        <v>83.60159381357461</v>
      </c>
      <c r="K2046">
        <v>800</v>
      </c>
      <c r="M2046">
        <v>86.550756745548426</v>
      </c>
      <c r="N2046">
        <v>693</v>
      </c>
      <c r="P2046">
        <v>95.167744467269117</v>
      </c>
      <c r="Q2046">
        <v>418</v>
      </c>
    </row>
    <row r="2047" spans="4:17" x14ac:dyDescent="0.25">
      <c r="D2047">
        <v>83.03467698199411</v>
      </c>
      <c r="E2047">
        <v>743</v>
      </c>
      <c r="G2047">
        <v>83.85886090503007</v>
      </c>
      <c r="H2047">
        <v>800</v>
      </c>
      <c r="J2047">
        <v>83.597829444366894</v>
      </c>
      <c r="K2047">
        <v>800</v>
      </c>
      <c r="M2047">
        <v>86.541902631789597</v>
      </c>
      <c r="N2047">
        <v>694</v>
      </c>
      <c r="P2047">
        <v>95.13716137355263</v>
      </c>
      <c r="Q2047">
        <v>418</v>
      </c>
    </row>
    <row r="2048" spans="4:17" x14ac:dyDescent="0.25">
      <c r="D2048">
        <v>83.032840659286109</v>
      </c>
      <c r="E2048">
        <v>743</v>
      </c>
      <c r="G2048">
        <v>83.841039309913981</v>
      </c>
      <c r="H2048">
        <v>800</v>
      </c>
      <c r="J2048">
        <v>83.594746731204907</v>
      </c>
      <c r="K2048">
        <v>800</v>
      </c>
      <c r="M2048">
        <v>86.533036553012138</v>
      </c>
      <c r="N2048">
        <v>694</v>
      </c>
      <c r="P2048">
        <v>95.107296391152701</v>
      </c>
      <c r="Q2048">
        <v>419</v>
      </c>
    </row>
    <row r="2049" spans="4:17" x14ac:dyDescent="0.25">
      <c r="D2049">
        <v>83.031004336578107</v>
      </c>
      <c r="E2049">
        <v>744</v>
      </c>
      <c r="G2049">
        <v>83.823654324032333</v>
      </c>
      <c r="H2049">
        <v>800</v>
      </c>
      <c r="J2049">
        <v>83.591318103034652</v>
      </c>
      <c r="K2049">
        <v>800</v>
      </c>
      <c r="M2049">
        <v>86.524170474234708</v>
      </c>
      <c r="N2049">
        <v>695</v>
      </c>
      <c r="P2049">
        <v>95.077431408752773</v>
      </c>
      <c r="Q2049">
        <v>419</v>
      </c>
    </row>
    <row r="2050" spans="4:17" x14ac:dyDescent="0.25">
      <c r="D2050">
        <v>83.029630495144673</v>
      </c>
      <c r="E2050">
        <v>744</v>
      </c>
      <c r="G2050">
        <v>83.806732408550872</v>
      </c>
      <c r="H2050">
        <v>800</v>
      </c>
      <c r="J2050">
        <v>83.588571130910111</v>
      </c>
      <c r="K2050">
        <v>800</v>
      </c>
      <c r="M2050">
        <v>86.515304395457264</v>
      </c>
      <c r="N2050">
        <v>695</v>
      </c>
      <c r="P2050">
        <v>95.047545305431754</v>
      </c>
      <c r="Q2050">
        <v>419</v>
      </c>
    </row>
    <row r="2051" spans="4:17" x14ac:dyDescent="0.25">
      <c r="D2051">
        <v>83.027794172436685</v>
      </c>
      <c r="E2051">
        <v>744</v>
      </c>
      <c r="G2051">
        <v>83.790683711538378</v>
      </c>
      <c r="H2051">
        <v>800</v>
      </c>
      <c r="J2051">
        <v>83.585488417748138</v>
      </c>
      <c r="K2051">
        <v>800</v>
      </c>
      <c r="M2051">
        <v>86.506438316679819</v>
      </c>
      <c r="N2051">
        <v>696</v>
      </c>
      <c r="P2051">
        <v>95.016962211715281</v>
      </c>
      <c r="Q2051">
        <v>420</v>
      </c>
    </row>
    <row r="2052" spans="4:17" x14ac:dyDescent="0.25">
      <c r="D2052">
        <v>83.025971452119109</v>
      </c>
      <c r="E2052">
        <v>745</v>
      </c>
      <c r="G2052">
        <v>83.774648245108722</v>
      </c>
      <c r="H2052">
        <v>800</v>
      </c>
      <c r="J2052">
        <v>83.582751619594404</v>
      </c>
      <c r="K2052">
        <v>800</v>
      </c>
      <c r="M2052">
        <v>86.497572237902389</v>
      </c>
      <c r="N2052">
        <v>696</v>
      </c>
      <c r="P2052">
        <v>94.98637911799878</v>
      </c>
      <c r="Q2052">
        <v>420</v>
      </c>
    </row>
    <row r="2053" spans="4:17" x14ac:dyDescent="0.25">
      <c r="D2053">
        <v>83.024135129411107</v>
      </c>
      <c r="E2053">
        <v>745</v>
      </c>
      <c r="G2053">
        <v>83.75994906754822</v>
      </c>
      <c r="H2053">
        <v>800</v>
      </c>
      <c r="J2053">
        <v>83.580014821440713</v>
      </c>
      <c r="K2053">
        <v>800</v>
      </c>
      <c r="M2053">
        <v>86.488706159124931</v>
      </c>
      <c r="N2053">
        <v>696</v>
      </c>
      <c r="P2053">
        <v>94.95509903388681</v>
      </c>
      <c r="Q2053">
        <v>420</v>
      </c>
    </row>
    <row r="2054" spans="4:17" x14ac:dyDescent="0.25">
      <c r="D2054">
        <v>83.02184992781892</v>
      </c>
      <c r="E2054">
        <v>746</v>
      </c>
      <c r="G2054">
        <v>83.745686499222174</v>
      </c>
      <c r="H2054">
        <v>800</v>
      </c>
      <c r="J2054">
        <v>83.577267849316158</v>
      </c>
      <c r="K2054">
        <v>800</v>
      </c>
      <c r="M2054">
        <v>86.479852045366073</v>
      </c>
      <c r="N2054">
        <v>697</v>
      </c>
      <c r="P2054">
        <v>94.923797828853793</v>
      </c>
      <c r="Q2054">
        <v>421</v>
      </c>
    </row>
    <row r="2055" spans="4:17" x14ac:dyDescent="0.25">
      <c r="D2055">
        <v>83.020013605110918</v>
      </c>
      <c r="E2055">
        <v>746</v>
      </c>
      <c r="G2055">
        <v>83.732773450348148</v>
      </c>
      <c r="H2055">
        <v>800</v>
      </c>
      <c r="J2055">
        <v>83.574185136154199</v>
      </c>
      <c r="K2055">
        <v>800</v>
      </c>
      <c r="M2055">
        <v>86.470985966588628</v>
      </c>
      <c r="N2055">
        <v>697</v>
      </c>
      <c r="P2055">
        <v>94.892496623820762</v>
      </c>
      <c r="Q2055">
        <v>421</v>
      </c>
    </row>
    <row r="2056" spans="4:17" x14ac:dyDescent="0.25">
      <c r="D2056">
        <v>83.018639763677513</v>
      </c>
      <c r="E2056">
        <v>746</v>
      </c>
      <c r="G2056">
        <v>83.720733619943047</v>
      </c>
      <c r="H2056">
        <v>800</v>
      </c>
      <c r="J2056">
        <v>83.571448338000479</v>
      </c>
      <c r="K2056">
        <v>800</v>
      </c>
      <c r="M2056">
        <v>86.462526698443369</v>
      </c>
      <c r="N2056">
        <v>698</v>
      </c>
      <c r="P2056">
        <v>94.859780317075732</v>
      </c>
      <c r="Q2056">
        <v>421</v>
      </c>
    </row>
    <row r="2057" spans="4:17" x14ac:dyDescent="0.25">
      <c r="D2057">
        <v>83.017265922244121</v>
      </c>
      <c r="E2057">
        <v>747</v>
      </c>
      <c r="G2057">
        <v>83.708707020120812</v>
      </c>
      <c r="H2057">
        <v>800</v>
      </c>
      <c r="J2057">
        <v>83.568701365875938</v>
      </c>
      <c r="K2057">
        <v>800</v>
      </c>
      <c r="M2057">
        <v>86.453660619665911</v>
      </c>
      <c r="N2057">
        <v>698</v>
      </c>
      <c r="P2057">
        <v>94.827064010330659</v>
      </c>
      <c r="Q2057">
        <v>422</v>
      </c>
    </row>
    <row r="2058" spans="4:17" x14ac:dyDescent="0.25">
      <c r="D2058">
        <v>83.01542959953612</v>
      </c>
      <c r="E2058">
        <v>747</v>
      </c>
      <c r="G2058">
        <v>83.696680420298563</v>
      </c>
      <c r="H2058">
        <v>800</v>
      </c>
      <c r="J2058">
        <v>83.565964567722233</v>
      </c>
      <c r="K2058">
        <v>800</v>
      </c>
      <c r="M2058">
        <v>86.444794540888481</v>
      </c>
      <c r="N2058">
        <v>698</v>
      </c>
      <c r="P2058">
        <v>94.794347703585615</v>
      </c>
      <c r="Q2058">
        <v>422</v>
      </c>
    </row>
    <row r="2059" spans="4:17" x14ac:dyDescent="0.25">
      <c r="D2059">
        <v>83.013606879218528</v>
      </c>
      <c r="E2059">
        <v>748</v>
      </c>
      <c r="G2059">
        <v>83.685990109345482</v>
      </c>
      <c r="H2059">
        <v>800</v>
      </c>
      <c r="J2059">
        <v>83.563227769568513</v>
      </c>
      <c r="K2059">
        <v>800</v>
      </c>
      <c r="M2059">
        <v>86.435928462111022</v>
      </c>
      <c r="N2059">
        <v>699</v>
      </c>
      <c r="P2059">
        <v>94.760913285524012</v>
      </c>
      <c r="Q2059">
        <v>422</v>
      </c>
    </row>
    <row r="2060" spans="4:17" x14ac:dyDescent="0.25">
      <c r="D2060">
        <v>83.012233037785137</v>
      </c>
      <c r="E2060">
        <v>748</v>
      </c>
      <c r="G2060">
        <v>83.675736407626843</v>
      </c>
      <c r="H2060">
        <v>800</v>
      </c>
      <c r="J2060">
        <v>83.560134882435719</v>
      </c>
      <c r="K2060">
        <v>800</v>
      </c>
      <c r="M2060">
        <v>86.427469193965749</v>
      </c>
      <c r="N2060">
        <v>699</v>
      </c>
      <c r="P2060">
        <v>94.728196978778954</v>
      </c>
      <c r="Q2060">
        <v>423</v>
      </c>
    </row>
    <row r="2061" spans="4:17" x14ac:dyDescent="0.25">
      <c r="D2061">
        <v>83.010396715077121</v>
      </c>
      <c r="E2061">
        <v>749</v>
      </c>
      <c r="G2061">
        <v>83.665932545725568</v>
      </c>
      <c r="H2061">
        <v>800</v>
      </c>
      <c r="J2061">
        <v>83.557052169273732</v>
      </c>
      <c r="K2061">
        <v>800</v>
      </c>
      <c r="M2061">
        <v>86.41860311518829</v>
      </c>
      <c r="N2061">
        <v>700</v>
      </c>
      <c r="P2061">
        <v>94.694065570321911</v>
      </c>
      <c r="Q2061">
        <v>423</v>
      </c>
    </row>
    <row r="2062" spans="4:17" x14ac:dyDescent="0.25">
      <c r="D2062">
        <v>83.009471752527901</v>
      </c>
      <c r="E2062">
        <v>749</v>
      </c>
      <c r="G2062">
        <v>83.657028363458934</v>
      </c>
      <c r="H2062">
        <v>800</v>
      </c>
      <c r="J2062">
        <v>83.55396945611173</v>
      </c>
      <c r="K2062">
        <v>800</v>
      </c>
      <c r="M2062">
        <v>86.410143847043031</v>
      </c>
      <c r="N2062">
        <v>700</v>
      </c>
      <c r="P2062">
        <v>94.660631152260294</v>
      </c>
      <c r="Q2062">
        <v>423</v>
      </c>
    </row>
    <row r="2063" spans="4:17" x14ac:dyDescent="0.25">
      <c r="D2063">
        <v>83.008097911094509</v>
      </c>
      <c r="E2063">
        <v>749</v>
      </c>
      <c r="G2063">
        <v>83.648560790426785</v>
      </c>
      <c r="H2063">
        <v>800</v>
      </c>
      <c r="J2063">
        <v>83.551578572966292</v>
      </c>
      <c r="K2063">
        <v>800</v>
      </c>
      <c r="M2063">
        <v>86.401277768265601</v>
      </c>
      <c r="N2063">
        <v>701</v>
      </c>
      <c r="P2063">
        <v>94.626499743803237</v>
      </c>
      <c r="Q2063">
        <v>424</v>
      </c>
    </row>
    <row r="2064" spans="4:17" x14ac:dyDescent="0.25">
      <c r="D2064">
        <v>83.006724069661104</v>
      </c>
      <c r="E2064">
        <v>750</v>
      </c>
      <c r="G2064">
        <v>83.640979666446427</v>
      </c>
      <c r="H2064">
        <v>800</v>
      </c>
      <c r="J2064">
        <v>83.548831600841751</v>
      </c>
      <c r="K2064">
        <v>800</v>
      </c>
      <c r="M2064">
        <v>86.392411689488142</v>
      </c>
      <c r="N2064">
        <v>701</v>
      </c>
      <c r="P2064">
        <v>94.591629103108531</v>
      </c>
      <c r="Q2064">
        <v>424</v>
      </c>
    </row>
    <row r="2065" spans="4:17" x14ac:dyDescent="0.25">
      <c r="D2065">
        <v>83.005350228227698</v>
      </c>
      <c r="E2065">
        <v>750</v>
      </c>
      <c r="G2065">
        <v>83.63341177304892</v>
      </c>
      <c r="H2065">
        <v>800</v>
      </c>
      <c r="J2065">
        <v>83.546430543725492</v>
      </c>
      <c r="K2065">
        <v>800</v>
      </c>
      <c r="M2065">
        <v>86.383545610710698</v>
      </c>
      <c r="N2065">
        <v>701</v>
      </c>
      <c r="P2065">
        <v>94.556779583334915</v>
      </c>
      <c r="Q2065">
        <v>424</v>
      </c>
    </row>
    <row r="2066" spans="4:17" x14ac:dyDescent="0.25">
      <c r="D2066">
        <v>83.003527507910135</v>
      </c>
      <c r="E2066">
        <v>751</v>
      </c>
      <c r="G2066">
        <v>83.62673032870326</v>
      </c>
      <c r="H2066">
        <v>800</v>
      </c>
      <c r="J2066">
        <v>83.543347830563533</v>
      </c>
      <c r="K2066">
        <v>800</v>
      </c>
      <c r="M2066">
        <v>86.375086342565425</v>
      </c>
      <c r="N2066">
        <v>702</v>
      </c>
      <c r="P2066">
        <v>94.521233073165817</v>
      </c>
      <c r="Q2066">
        <v>425</v>
      </c>
    </row>
    <row r="2067" spans="4:17" x14ac:dyDescent="0.25">
      <c r="D2067">
        <v>83.001691185202134</v>
      </c>
      <c r="E2067">
        <v>751</v>
      </c>
      <c r="G2067">
        <v>83.620048884357558</v>
      </c>
      <c r="H2067">
        <v>800</v>
      </c>
      <c r="J2067">
        <v>83.540611032409799</v>
      </c>
      <c r="K2067">
        <v>800</v>
      </c>
      <c r="M2067">
        <v>86.36622026378798</v>
      </c>
      <c r="N2067">
        <v>702</v>
      </c>
      <c r="P2067">
        <v>94.484947330759127</v>
      </c>
      <c r="Q2067">
        <v>425</v>
      </c>
    </row>
    <row r="2068" spans="4:17" x14ac:dyDescent="0.25">
      <c r="D2068">
        <v>82.999854862494132</v>
      </c>
      <c r="E2068">
        <v>751</v>
      </c>
      <c r="G2068">
        <v>83.61380404924634</v>
      </c>
      <c r="H2068">
        <v>800</v>
      </c>
      <c r="J2068">
        <v>83.537874234256094</v>
      </c>
      <c r="K2068">
        <v>800</v>
      </c>
      <c r="M2068">
        <v>86.35735418501055</v>
      </c>
      <c r="N2068">
        <v>703</v>
      </c>
      <c r="P2068">
        <v>94.449379699668953</v>
      </c>
      <c r="Q2068">
        <v>425</v>
      </c>
    </row>
    <row r="2069" spans="4:17" x14ac:dyDescent="0.25">
      <c r="D2069">
        <v>82.998032142176541</v>
      </c>
      <c r="E2069">
        <v>752</v>
      </c>
      <c r="G2069">
        <v>83.608022284535338</v>
      </c>
      <c r="H2069">
        <v>800</v>
      </c>
      <c r="J2069">
        <v>83.535473177139835</v>
      </c>
      <c r="K2069">
        <v>800</v>
      </c>
      <c r="M2069">
        <v>86.348500071251692</v>
      </c>
      <c r="N2069">
        <v>703</v>
      </c>
      <c r="P2069">
        <v>94.413115078183324</v>
      </c>
      <c r="Q2069">
        <v>426</v>
      </c>
    </row>
    <row r="2070" spans="4:17" x14ac:dyDescent="0.25">
      <c r="D2070">
        <v>82.996195819468525</v>
      </c>
      <c r="E2070">
        <v>752</v>
      </c>
      <c r="G2070">
        <v>83.602663898475939</v>
      </c>
      <c r="H2070">
        <v>800</v>
      </c>
      <c r="J2070">
        <v>83.532726205015294</v>
      </c>
      <c r="K2070">
        <v>800</v>
      </c>
      <c r="M2070">
        <v>86.339633992474234</v>
      </c>
      <c r="N2070">
        <v>703</v>
      </c>
      <c r="P2070">
        <v>94.376132345381123</v>
      </c>
      <c r="Q2070">
        <v>426</v>
      </c>
    </row>
    <row r="2071" spans="4:17" x14ac:dyDescent="0.25">
      <c r="D2071">
        <v>82.994359496760524</v>
      </c>
      <c r="E2071">
        <v>753</v>
      </c>
      <c r="G2071">
        <v>83.597318742999377</v>
      </c>
      <c r="H2071">
        <v>800</v>
      </c>
      <c r="J2071">
        <v>83.52998940686156</v>
      </c>
      <c r="K2071">
        <v>800</v>
      </c>
      <c r="M2071">
        <v>86.331162759310359</v>
      </c>
      <c r="N2071">
        <v>704</v>
      </c>
      <c r="P2071">
        <v>94.33914961257895</v>
      </c>
      <c r="Q2071">
        <v>426</v>
      </c>
    </row>
    <row r="2072" spans="4:17" x14ac:dyDescent="0.25">
      <c r="D2072">
        <v>82.992985655327118</v>
      </c>
      <c r="E2072">
        <v>753</v>
      </c>
      <c r="G2072">
        <v>83.59197358752283</v>
      </c>
      <c r="H2072">
        <v>800</v>
      </c>
      <c r="J2072">
        <v>83.527252608707855</v>
      </c>
      <c r="K2072">
        <v>800</v>
      </c>
      <c r="M2072">
        <v>86.322308645551516</v>
      </c>
      <c r="N2072">
        <v>704</v>
      </c>
      <c r="P2072">
        <v>94.301448768460233</v>
      </c>
      <c r="Q2072">
        <v>427</v>
      </c>
    </row>
    <row r="2073" spans="4:17" x14ac:dyDescent="0.25">
      <c r="D2073">
        <v>82.991149332619116</v>
      </c>
      <c r="E2073">
        <v>754</v>
      </c>
      <c r="G2073">
        <v>83.587514881098073</v>
      </c>
      <c r="H2073">
        <v>800</v>
      </c>
      <c r="J2073">
        <v>83.524505636583314</v>
      </c>
      <c r="K2073">
        <v>800</v>
      </c>
      <c r="M2073">
        <v>86.313837412387642</v>
      </c>
      <c r="N2073">
        <v>705</v>
      </c>
      <c r="P2073">
        <v>94.263747924341473</v>
      </c>
      <c r="Q2073">
        <v>427</v>
      </c>
    </row>
    <row r="2074" spans="4:17" x14ac:dyDescent="0.25">
      <c r="D2074">
        <v>82.989326612301554</v>
      </c>
      <c r="E2074">
        <v>754</v>
      </c>
      <c r="G2074">
        <v>83.583069405256211</v>
      </c>
      <c r="H2074">
        <v>800</v>
      </c>
      <c r="J2074">
        <v>83.521768838429637</v>
      </c>
      <c r="K2074">
        <v>800</v>
      </c>
      <c r="M2074">
        <v>86.305378144242368</v>
      </c>
      <c r="N2074">
        <v>705</v>
      </c>
      <c r="P2074">
        <v>94.22604708022277</v>
      </c>
      <c r="Q2074">
        <v>427</v>
      </c>
    </row>
    <row r="2075" spans="4:17" x14ac:dyDescent="0.25">
      <c r="D2075">
        <v>82.987490289593538</v>
      </c>
      <c r="E2075">
        <v>754</v>
      </c>
      <c r="G2075">
        <v>83.578610698831454</v>
      </c>
      <c r="H2075">
        <v>800</v>
      </c>
      <c r="J2075">
        <v>83.519367781313363</v>
      </c>
      <c r="K2075">
        <v>800</v>
      </c>
      <c r="M2075">
        <v>86.29651206546491</v>
      </c>
      <c r="N2075">
        <v>706</v>
      </c>
      <c r="P2075">
        <v>94.188367357025101</v>
      </c>
      <c r="Q2075">
        <v>428</v>
      </c>
    </row>
    <row r="2076" spans="4:17" x14ac:dyDescent="0.25">
      <c r="D2076">
        <v>82.985205088001337</v>
      </c>
      <c r="E2076">
        <v>755</v>
      </c>
      <c r="G2076">
        <v>83.574601832224033</v>
      </c>
      <c r="H2076">
        <v>800</v>
      </c>
      <c r="J2076">
        <v>83.516285068151362</v>
      </c>
      <c r="K2076">
        <v>800</v>
      </c>
      <c r="M2076">
        <v>86.288052797319637</v>
      </c>
      <c r="N2076">
        <v>706</v>
      </c>
      <c r="P2076">
        <v>94.14994840158981</v>
      </c>
      <c r="Q2076">
        <v>428</v>
      </c>
    </row>
    <row r="2077" spans="4:17" x14ac:dyDescent="0.25">
      <c r="D2077">
        <v>82.983831246567945</v>
      </c>
      <c r="E2077">
        <v>755</v>
      </c>
      <c r="G2077">
        <v>83.570592965616626</v>
      </c>
      <c r="H2077">
        <v>800</v>
      </c>
      <c r="J2077">
        <v>83.513548269997656</v>
      </c>
      <c r="K2077">
        <v>800</v>
      </c>
      <c r="M2077">
        <v>86.279186718542192</v>
      </c>
      <c r="N2077">
        <v>706</v>
      </c>
      <c r="P2077">
        <v>94.111550567075611</v>
      </c>
      <c r="Q2077">
        <v>428</v>
      </c>
    </row>
    <row r="2078" spans="4:17" x14ac:dyDescent="0.25">
      <c r="D2078">
        <v>82.981994923859943</v>
      </c>
      <c r="E2078">
        <v>756</v>
      </c>
      <c r="G2078">
        <v>83.567020708243703</v>
      </c>
      <c r="H2078">
        <v>800</v>
      </c>
      <c r="J2078">
        <v>83.510465556835669</v>
      </c>
      <c r="K2078">
        <v>800</v>
      </c>
      <c r="M2078">
        <v>86.270727450396919</v>
      </c>
      <c r="N2078">
        <v>707</v>
      </c>
      <c r="P2078">
        <v>94.073131611640335</v>
      </c>
      <c r="Q2078">
        <v>429</v>
      </c>
    </row>
    <row r="2079" spans="4:17" x14ac:dyDescent="0.25">
      <c r="D2079">
        <v>82.980621082426552</v>
      </c>
      <c r="E2079">
        <v>756</v>
      </c>
      <c r="G2079">
        <v>83.563911521270938</v>
      </c>
      <c r="H2079">
        <v>800</v>
      </c>
      <c r="J2079">
        <v>83.507718584711128</v>
      </c>
      <c r="K2079">
        <v>800</v>
      </c>
      <c r="M2079">
        <v>86.262268182251645</v>
      </c>
      <c r="N2079">
        <v>707</v>
      </c>
      <c r="P2079">
        <v>94.035430767521589</v>
      </c>
      <c r="Q2079">
        <v>429</v>
      </c>
    </row>
    <row r="2080" spans="4:17" x14ac:dyDescent="0.25">
      <c r="D2080">
        <v>82.978784759718522</v>
      </c>
      <c r="E2080">
        <v>756</v>
      </c>
      <c r="G2080">
        <v>83.560339263898001</v>
      </c>
      <c r="H2080">
        <v>800</v>
      </c>
      <c r="J2080">
        <v>83.505317527594869</v>
      </c>
      <c r="K2080">
        <v>800</v>
      </c>
      <c r="M2080">
        <v>86.253402103474187</v>
      </c>
      <c r="N2080">
        <v>708</v>
      </c>
      <c r="P2080">
        <v>93.997032933007389</v>
      </c>
      <c r="Q2080">
        <v>429</v>
      </c>
    </row>
    <row r="2081" spans="4:17" x14ac:dyDescent="0.25">
      <c r="D2081">
        <v>82.976962039400959</v>
      </c>
      <c r="E2081">
        <v>757</v>
      </c>
      <c r="G2081">
        <v>83.557230076925265</v>
      </c>
      <c r="H2081">
        <v>800</v>
      </c>
      <c r="J2081">
        <v>83.502580729441149</v>
      </c>
      <c r="K2081">
        <v>800</v>
      </c>
      <c r="M2081">
        <v>86.244942835328914</v>
      </c>
      <c r="N2081">
        <v>708</v>
      </c>
      <c r="P2081">
        <v>93.958613977572114</v>
      </c>
      <c r="Q2081">
        <v>430</v>
      </c>
    </row>
    <row r="2082" spans="4:17" x14ac:dyDescent="0.25">
      <c r="D2082">
        <v>82.975574595577129</v>
      </c>
      <c r="E2082">
        <v>757</v>
      </c>
      <c r="G2082">
        <v>83.554544268604118</v>
      </c>
      <c r="H2082">
        <v>800</v>
      </c>
      <c r="J2082">
        <v>83.499498016279176</v>
      </c>
      <c r="K2082">
        <v>800</v>
      </c>
      <c r="M2082">
        <v>86.236076756551469</v>
      </c>
      <c r="N2082">
        <v>708</v>
      </c>
      <c r="P2082">
        <v>93.919498031741369</v>
      </c>
      <c r="Q2082">
        <v>430</v>
      </c>
    </row>
    <row r="2083" spans="4:17" x14ac:dyDescent="0.25">
      <c r="D2083">
        <v>82.974200754143723</v>
      </c>
      <c r="E2083">
        <v>758</v>
      </c>
      <c r="G2083">
        <v>83.551871690865852</v>
      </c>
      <c r="H2083">
        <v>800</v>
      </c>
      <c r="J2083">
        <v>83.496761218125457</v>
      </c>
      <c r="K2083">
        <v>800</v>
      </c>
      <c r="M2083">
        <v>86.227617488406182</v>
      </c>
      <c r="N2083">
        <v>709</v>
      </c>
      <c r="P2083">
        <v>93.88110019722717</v>
      </c>
      <c r="Q2083">
        <v>430</v>
      </c>
    </row>
    <row r="2084" spans="4:17" x14ac:dyDescent="0.25">
      <c r="D2084">
        <v>82.972826912710346</v>
      </c>
      <c r="E2084">
        <v>758</v>
      </c>
      <c r="G2084">
        <v>83.549199113127571</v>
      </c>
      <c r="H2084">
        <v>800</v>
      </c>
      <c r="J2084">
        <v>83.49401424600093</v>
      </c>
      <c r="K2084">
        <v>800</v>
      </c>
      <c r="M2084">
        <v>86.218751409628752</v>
      </c>
      <c r="N2084">
        <v>709</v>
      </c>
      <c r="P2084">
        <v>93.841984251396411</v>
      </c>
      <c r="Q2084">
        <v>431</v>
      </c>
    </row>
    <row r="2085" spans="4:17" x14ac:dyDescent="0.25">
      <c r="D2085">
        <v>82.971004192392755</v>
      </c>
      <c r="E2085">
        <v>759</v>
      </c>
      <c r="G2085">
        <v>83.546976375206626</v>
      </c>
      <c r="H2085">
        <v>800</v>
      </c>
      <c r="J2085">
        <v>83.49127744784721</v>
      </c>
      <c r="K2085">
        <v>800</v>
      </c>
      <c r="M2085">
        <v>86.210292141483464</v>
      </c>
      <c r="N2085">
        <v>710</v>
      </c>
      <c r="P2085">
        <v>93.802150194249094</v>
      </c>
      <c r="Q2085">
        <v>431</v>
      </c>
    </row>
    <row r="2086" spans="4:17" x14ac:dyDescent="0.25">
      <c r="D2086">
        <v>82.969630350959363</v>
      </c>
      <c r="E2086">
        <v>759</v>
      </c>
      <c r="G2086">
        <v>83.545190246520164</v>
      </c>
      <c r="H2086">
        <v>800</v>
      </c>
      <c r="J2086">
        <v>83.488876390730951</v>
      </c>
      <c r="K2086">
        <v>800</v>
      </c>
      <c r="M2086">
        <v>86.201426062706034</v>
      </c>
      <c r="N2086">
        <v>710</v>
      </c>
      <c r="P2086">
        <v>93.763034248418364</v>
      </c>
      <c r="Q2086">
        <v>431</v>
      </c>
    </row>
    <row r="2087" spans="4:17" x14ac:dyDescent="0.25">
      <c r="D2087">
        <v>82.967331546976737</v>
      </c>
      <c r="E2087">
        <v>759</v>
      </c>
      <c r="G2087">
        <v>83.542967508599233</v>
      </c>
      <c r="H2087">
        <v>800</v>
      </c>
      <c r="J2087">
        <v>83.486139592577246</v>
      </c>
      <c r="K2087">
        <v>800</v>
      </c>
      <c r="M2087">
        <v>86.192966794560746</v>
      </c>
      <c r="N2087">
        <v>711</v>
      </c>
      <c r="P2087">
        <v>93.723200191271076</v>
      </c>
      <c r="Q2087">
        <v>432</v>
      </c>
    </row>
    <row r="2088" spans="4:17" x14ac:dyDescent="0.25">
      <c r="D2088">
        <v>82.965508826659146</v>
      </c>
      <c r="E2088">
        <v>760</v>
      </c>
      <c r="G2088">
        <v>83.541181379912757</v>
      </c>
      <c r="H2088">
        <v>800</v>
      </c>
      <c r="J2088">
        <v>83.483392620452705</v>
      </c>
      <c r="K2088">
        <v>800</v>
      </c>
      <c r="M2088">
        <v>86.184100715783302</v>
      </c>
      <c r="N2088">
        <v>711</v>
      </c>
      <c r="P2088">
        <v>93.681951032411746</v>
      </c>
      <c r="Q2088">
        <v>432</v>
      </c>
    </row>
    <row r="2089" spans="4:17" x14ac:dyDescent="0.25">
      <c r="D2089">
        <v>82.963210022676535</v>
      </c>
      <c r="E2089">
        <v>760</v>
      </c>
      <c r="G2089">
        <v>83.539408481809147</v>
      </c>
      <c r="H2089">
        <v>800</v>
      </c>
      <c r="J2089">
        <v>83.480309907290703</v>
      </c>
      <c r="K2089">
        <v>800</v>
      </c>
      <c r="M2089">
        <v>86.175641447638014</v>
      </c>
      <c r="N2089">
        <v>711</v>
      </c>
      <c r="P2089">
        <v>93.639983762235886</v>
      </c>
      <c r="Q2089">
        <v>432</v>
      </c>
    </row>
    <row r="2090" spans="4:17" x14ac:dyDescent="0.25">
      <c r="D2090">
        <v>82.961387302358972</v>
      </c>
      <c r="E2090">
        <v>761</v>
      </c>
      <c r="G2090">
        <v>83.537622353122671</v>
      </c>
      <c r="H2090">
        <v>800</v>
      </c>
      <c r="J2090">
        <v>83.477573109136998</v>
      </c>
      <c r="K2090">
        <v>800</v>
      </c>
      <c r="M2090">
        <v>86.167182179492741</v>
      </c>
      <c r="N2090">
        <v>712</v>
      </c>
      <c r="P2090">
        <v>93.598016492060012</v>
      </c>
      <c r="Q2090">
        <v>433</v>
      </c>
    </row>
    <row r="2091" spans="4:17" x14ac:dyDescent="0.25">
      <c r="D2091">
        <v>82.960013460925566</v>
      </c>
      <c r="E2091">
        <v>761</v>
      </c>
      <c r="G2091">
        <v>83.536286064253545</v>
      </c>
      <c r="H2091">
        <v>800</v>
      </c>
      <c r="J2091">
        <v>83.47449039597501</v>
      </c>
      <c r="K2091">
        <v>800</v>
      </c>
      <c r="M2091">
        <v>86.158710946328881</v>
      </c>
      <c r="N2091">
        <v>712</v>
      </c>
      <c r="P2091">
        <v>93.55676733320071</v>
      </c>
      <c r="Q2091">
        <v>433</v>
      </c>
    </row>
    <row r="2092" spans="4:17" x14ac:dyDescent="0.25">
      <c r="D2092">
        <v>82.958177138217565</v>
      </c>
      <c r="E2092">
        <v>761</v>
      </c>
      <c r="G2092">
        <v>83.534499935567055</v>
      </c>
      <c r="H2092">
        <v>800</v>
      </c>
      <c r="J2092">
        <v>83.471743423850469</v>
      </c>
      <c r="K2092">
        <v>800</v>
      </c>
      <c r="M2092">
        <v>86.149856832570009</v>
      </c>
      <c r="N2092">
        <v>713</v>
      </c>
      <c r="P2092">
        <v>93.514800063024822</v>
      </c>
      <c r="Q2092">
        <v>433</v>
      </c>
    </row>
    <row r="2093" spans="4:17" x14ac:dyDescent="0.25">
      <c r="D2093">
        <v>82.956340815509549</v>
      </c>
      <c r="E2093">
        <v>762</v>
      </c>
      <c r="G2093">
        <v>83.533163646697929</v>
      </c>
      <c r="H2093">
        <v>800</v>
      </c>
      <c r="J2093">
        <v>83.468660710688496</v>
      </c>
      <c r="K2093">
        <v>800</v>
      </c>
      <c r="M2093">
        <v>86.141385599406149</v>
      </c>
      <c r="N2093">
        <v>713</v>
      </c>
      <c r="P2093">
        <v>93.473550904165521</v>
      </c>
      <c r="Q2093">
        <v>434</v>
      </c>
    </row>
    <row r="2094" spans="4:17" x14ac:dyDescent="0.25">
      <c r="D2094">
        <v>82.954966974076143</v>
      </c>
      <c r="E2094">
        <v>762</v>
      </c>
      <c r="G2094">
        <v>83.531827357828789</v>
      </c>
      <c r="H2094">
        <v>800</v>
      </c>
      <c r="J2094">
        <v>83.465923912534791</v>
      </c>
      <c r="K2094">
        <v>800</v>
      </c>
      <c r="M2094">
        <v>86.132531485647306</v>
      </c>
      <c r="N2094">
        <v>713</v>
      </c>
      <c r="P2094">
        <v>93.431583633989646</v>
      </c>
      <c r="Q2094">
        <v>434</v>
      </c>
    </row>
    <row r="2095" spans="4:17" x14ac:dyDescent="0.25">
      <c r="D2095">
        <v>82.953130651368156</v>
      </c>
      <c r="E2095">
        <v>763</v>
      </c>
      <c r="G2095">
        <v>83.530491068959662</v>
      </c>
      <c r="H2095">
        <v>800</v>
      </c>
      <c r="J2095">
        <v>83.462841199372804</v>
      </c>
      <c r="K2095">
        <v>800</v>
      </c>
      <c r="M2095">
        <v>86.124060252483432</v>
      </c>
      <c r="N2095">
        <v>714</v>
      </c>
      <c r="P2095">
        <v>93.390334475130317</v>
      </c>
      <c r="Q2095">
        <v>434</v>
      </c>
    </row>
    <row r="2096" spans="4:17" x14ac:dyDescent="0.25">
      <c r="D2096">
        <v>82.951307931050579</v>
      </c>
      <c r="E2096">
        <v>763</v>
      </c>
      <c r="G2096">
        <v>83.529154780090536</v>
      </c>
      <c r="H2096">
        <v>800</v>
      </c>
      <c r="J2096">
        <v>83.459758486210816</v>
      </c>
      <c r="K2096">
        <v>800</v>
      </c>
      <c r="M2096">
        <v>86.11520613872456</v>
      </c>
      <c r="N2096">
        <v>714</v>
      </c>
      <c r="P2096">
        <v>93.349085316271001</v>
      </c>
      <c r="Q2096">
        <v>435</v>
      </c>
    </row>
    <row r="2097" spans="4:17" x14ac:dyDescent="0.25">
      <c r="D2097">
        <v>82.949471608342577</v>
      </c>
      <c r="E2097">
        <v>764</v>
      </c>
      <c r="G2097">
        <v>83.528268331038717</v>
      </c>
      <c r="H2097">
        <v>800</v>
      </c>
      <c r="J2097">
        <v>83.456675773048843</v>
      </c>
      <c r="K2097">
        <v>800</v>
      </c>
      <c r="M2097">
        <v>86.1067349055607</v>
      </c>
      <c r="N2097">
        <v>715</v>
      </c>
      <c r="P2097">
        <v>93.307118046095155</v>
      </c>
      <c r="Q2097">
        <v>435</v>
      </c>
    </row>
    <row r="2098" spans="4:17" x14ac:dyDescent="0.25">
      <c r="D2098">
        <v>82.948097766909157</v>
      </c>
      <c r="E2098">
        <v>764</v>
      </c>
      <c r="G2098">
        <v>83.527368651404046</v>
      </c>
      <c r="H2098">
        <v>800</v>
      </c>
      <c r="J2098">
        <v>83.453928800924302</v>
      </c>
      <c r="K2098">
        <v>800</v>
      </c>
      <c r="M2098">
        <v>86.098275637415441</v>
      </c>
      <c r="N2098">
        <v>715</v>
      </c>
      <c r="P2098">
        <v>93.265868887235825</v>
      </c>
      <c r="Q2098">
        <v>435</v>
      </c>
    </row>
    <row r="2099" spans="4:17" x14ac:dyDescent="0.25">
      <c r="D2099">
        <v>82.946261444201156</v>
      </c>
      <c r="E2099">
        <v>764</v>
      </c>
      <c r="G2099">
        <v>83.526482202352241</v>
      </c>
      <c r="H2099">
        <v>800</v>
      </c>
      <c r="J2099">
        <v>83.451192002770568</v>
      </c>
      <c r="K2099">
        <v>800</v>
      </c>
      <c r="M2099">
        <v>86.089409558637982</v>
      </c>
      <c r="N2099">
        <v>716</v>
      </c>
      <c r="P2099">
        <v>93.225316718771964</v>
      </c>
      <c r="Q2099">
        <v>436</v>
      </c>
    </row>
    <row r="2100" spans="4:17" x14ac:dyDescent="0.25">
      <c r="D2100">
        <v>82.944887602767764</v>
      </c>
      <c r="E2100">
        <v>765</v>
      </c>
      <c r="G2100">
        <v>83.525595753300436</v>
      </c>
      <c r="H2100">
        <v>800</v>
      </c>
      <c r="J2100">
        <v>83.44810928960861</v>
      </c>
      <c r="K2100">
        <v>800</v>
      </c>
      <c r="M2100">
        <v>86.080950290492694</v>
      </c>
      <c r="N2100">
        <v>716</v>
      </c>
      <c r="P2100">
        <v>93.184067559912663</v>
      </c>
      <c r="Q2100">
        <v>436</v>
      </c>
    </row>
    <row r="2101" spans="4:17" x14ac:dyDescent="0.25">
      <c r="D2101">
        <v>82.943976242608969</v>
      </c>
      <c r="E2101">
        <v>765</v>
      </c>
      <c r="G2101">
        <v>83.525145913483101</v>
      </c>
      <c r="H2101">
        <v>800</v>
      </c>
      <c r="J2101">
        <v>83.445362317484069</v>
      </c>
      <c r="K2101">
        <v>800</v>
      </c>
      <c r="M2101">
        <v>86.072491022347435</v>
      </c>
      <c r="N2101">
        <v>716</v>
      </c>
      <c r="P2101">
        <v>93.142818401053347</v>
      </c>
      <c r="Q2101">
        <v>436</v>
      </c>
    </row>
    <row r="2102" spans="4:17" x14ac:dyDescent="0.25">
      <c r="D2102">
        <v>82.942602401175563</v>
      </c>
      <c r="E2102">
        <v>766</v>
      </c>
      <c r="G2102">
        <v>83.52469607366578</v>
      </c>
      <c r="H2102">
        <v>800</v>
      </c>
      <c r="J2102">
        <v>83.442971434338617</v>
      </c>
      <c r="K2102">
        <v>800</v>
      </c>
      <c r="M2102">
        <v>86.063624943569977</v>
      </c>
      <c r="N2102">
        <v>717</v>
      </c>
      <c r="P2102">
        <v>93.102266232589486</v>
      </c>
      <c r="Q2102">
        <v>437</v>
      </c>
    </row>
    <row r="2103" spans="4:17" x14ac:dyDescent="0.25">
      <c r="D2103">
        <v>82.941228559742171</v>
      </c>
      <c r="E2103">
        <v>766</v>
      </c>
      <c r="G2103">
        <v>83.52425946443131</v>
      </c>
      <c r="H2103">
        <v>800</v>
      </c>
      <c r="J2103">
        <v>83.44022446221409</v>
      </c>
      <c r="K2103">
        <v>800</v>
      </c>
      <c r="M2103">
        <v>86.055165675424703</v>
      </c>
      <c r="N2103">
        <v>717</v>
      </c>
      <c r="P2103">
        <v>93.061017073730184</v>
      </c>
      <c r="Q2103">
        <v>437</v>
      </c>
    </row>
    <row r="2104" spans="4:17" x14ac:dyDescent="0.25">
      <c r="D2104">
        <v>82.940303597192951</v>
      </c>
      <c r="E2104">
        <v>766</v>
      </c>
      <c r="G2104">
        <v>83.523809624613961</v>
      </c>
      <c r="H2104">
        <v>800</v>
      </c>
      <c r="J2104">
        <v>83.43748766406037</v>
      </c>
      <c r="K2104">
        <v>800</v>
      </c>
      <c r="M2104">
        <v>86.046706407279416</v>
      </c>
      <c r="N2104">
        <v>718</v>
      </c>
      <c r="P2104">
        <v>93.019767914870869</v>
      </c>
      <c r="Q2104">
        <v>437</v>
      </c>
    </row>
    <row r="2105" spans="4:17" x14ac:dyDescent="0.25">
      <c r="D2105">
        <v>82.938929755759546</v>
      </c>
      <c r="E2105">
        <v>767</v>
      </c>
      <c r="G2105">
        <v>83.523359784796639</v>
      </c>
      <c r="H2105">
        <v>800</v>
      </c>
      <c r="J2105">
        <v>83.434740691935843</v>
      </c>
      <c r="K2105">
        <v>800</v>
      </c>
      <c r="M2105">
        <v>86.038247139134143</v>
      </c>
      <c r="N2105">
        <v>718</v>
      </c>
      <c r="P2105">
        <v>92.97780064469498</v>
      </c>
      <c r="Q2105">
        <v>438</v>
      </c>
    </row>
    <row r="2106" spans="4:17" x14ac:dyDescent="0.25">
      <c r="D2106">
        <v>82.937555914326168</v>
      </c>
      <c r="E2106">
        <v>767</v>
      </c>
      <c r="G2106">
        <v>83.523359784796639</v>
      </c>
      <c r="H2106">
        <v>800</v>
      </c>
      <c r="J2106">
        <v>83.432003893782124</v>
      </c>
      <c r="K2106">
        <v>800</v>
      </c>
      <c r="M2106">
        <v>86.029775905970268</v>
      </c>
      <c r="N2106">
        <v>718</v>
      </c>
      <c r="P2106">
        <v>92.936551485835679</v>
      </c>
      <c r="Q2106">
        <v>438</v>
      </c>
    </row>
    <row r="2107" spans="4:17" x14ac:dyDescent="0.25">
      <c r="D2107">
        <v>82.935733194008591</v>
      </c>
      <c r="E2107">
        <v>768</v>
      </c>
      <c r="G2107">
        <v>83.522923175562156</v>
      </c>
      <c r="H2107">
        <v>800</v>
      </c>
      <c r="J2107">
        <v>83.429256921657569</v>
      </c>
      <c r="K2107">
        <v>800</v>
      </c>
      <c r="M2107">
        <v>86.021316637824981</v>
      </c>
      <c r="N2107">
        <v>719</v>
      </c>
      <c r="P2107">
        <v>92.895302326976363</v>
      </c>
      <c r="Q2107">
        <v>438</v>
      </c>
    </row>
    <row r="2108" spans="4:17" x14ac:dyDescent="0.25">
      <c r="D2108">
        <v>82.9343593525752</v>
      </c>
      <c r="E2108">
        <v>768</v>
      </c>
      <c r="G2108">
        <v>83.522473335744834</v>
      </c>
      <c r="H2108">
        <v>800</v>
      </c>
      <c r="J2108">
        <v>83.426520123503877</v>
      </c>
      <c r="K2108">
        <v>800</v>
      </c>
      <c r="M2108">
        <v>86.012857369679708</v>
      </c>
      <c r="N2108">
        <v>719</v>
      </c>
      <c r="P2108">
        <v>92.853335056800489</v>
      </c>
      <c r="Q2108">
        <v>439</v>
      </c>
    </row>
    <row r="2109" spans="4:17" x14ac:dyDescent="0.25">
      <c r="D2109">
        <v>82.932985511141794</v>
      </c>
      <c r="E2109">
        <v>769</v>
      </c>
      <c r="G2109">
        <v>83.521573656110164</v>
      </c>
      <c r="H2109">
        <v>800</v>
      </c>
      <c r="J2109">
        <v>83.424119066387604</v>
      </c>
      <c r="K2109">
        <v>800</v>
      </c>
      <c r="M2109">
        <v>86.00439810153442</v>
      </c>
      <c r="N2109">
        <v>720</v>
      </c>
      <c r="P2109">
        <v>92.812085897941159</v>
      </c>
      <c r="Q2109">
        <v>439</v>
      </c>
    </row>
    <row r="2110" spans="4:17" x14ac:dyDescent="0.25">
      <c r="D2110">
        <v>82.931611669708388</v>
      </c>
      <c r="E2110">
        <v>769</v>
      </c>
      <c r="G2110">
        <v>83.52113704687568</v>
      </c>
      <c r="H2110">
        <v>800</v>
      </c>
      <c r="J2110">
        <v>83.421382268233899</v>
      </c>
      <c r="K2110">
        <v>800</v>
      </c>
      <c r="M2110">
        <v>85.995938833389147</v>
      </c>
      <c r="N2110">
        <v>720</v>
      </c>
      <c r="P2110">
        <v>92.770836739081858</v>
      </c>
      <c r="Q2110">
        <v>439</v>
      </c>
    </row>
    <row r="2111" spans="4:17" x14ac:dyDescent="0.25">
      <c r="D2111">
        <v>82.930237828274983</v>
      </c>
      <c r="E2111">
        <v>769</v>
      </c>
      <c r="G2111">
        <v>83.520237367241037</v>
      </c>
      <c r="H2111">
        <v>800</v>
      </c>
      <c r="J2111">
        <v>83.418299555071911</v>
      </c>
      <c r="K2111">
        <v>800</v>
      </c>
      <c r="M2111">
        <v>85.987467600225273</v>
      </c>
      <c r="N2111">
        <v>721</v>
      </c>
      <c r="P2111">
        <v>92.729587580222528</v>
      </c>
      <c r="Q2111">
        <v>440</v>
      </c>
    </row>
    <row r="2112" spans="4:17" x14ac:dyDescent="0.25">
      <c r="D2112">
        <v>82.929312865725777</v>
      </c>
      <c r="E2112">
        <v>770</v>
      </c>
      <c r="G2112">
        <v>83.519800758006554</v>
      </c>
      <c r="H2112">
        <v>800</v>
      </c>
      <c r="J2112">
        <v>83.415898497955652</v>
      </c>
      <c r="K2112">
        <v>800</v>
      </c>
      <c r="M2112">
        <v>85.97941514271217</v>
      </c>
      <c r="N2112">
        <v>721</v>
      </c>
      <c r="P2112">
        <v>92.688317300442151</v>
      </c>
      <c r="Q2112">
        <v>440</v>
      </c>
    </row>
    <row r="2113" spans="4:17" x14ac:dyDescent="0.25">
      <c r="D2113">
        <v>82.927939024292357</v>
      </c>
      <c r="E2113">
        <v>770</v>
      </c>
      <c r="G2113">
        <v>83.519800758006554</v>
      </c>
      <c r="H2113">
        <v>800</v>
      </c>
      <c r="J2113">
        <v>83.413161699801947</v>
      </c>
      <c r="K2113">
        <v>800</v>
      </c>
      <c r="M2113">
        <v>85.970955874566869</v>
      </c>
      <c r="N2113">
        <v>721</v>
      </c>
      <c r="P2113">
        <v>92.64778625289938</v>
      </c>
      <c r="Q2113">
        <v>440</v>
      </c>
    </row>
    <row r="2114" spans="4:17" x14ac:dyDescent="0.25">
      <c r="D2114">
        <v>82.927490145408186</v>
      </c>
      <c r="E2114">
        <v>771</v>
      </c>
      <c r="G2114">
        <v>83.519350918189218</v>
      </c>
      <c r="H2114">
        <v>800</v>
      </c>
      <c r="J2114">
        <v>83.410760642685659</v>
      </c>
      <c r="K2114">
        <v>800</v>
      </c>
      <c r="M2114">
        <v>85.962496606421595</v>
      </c>
      <c r="N2114">
        <v>722</v>
      </c>
      <c r="P2114">
        <v>92.607234084435547</v>
      </c>
      <c r="Q2114">
        <v>441</v>
      </c>
    </row>
    <row r="2115" spans="4:17" x14ac:dyDescent="0.25">
      <c r="D2115">
        <v>82.926565182858965</v>
      </c>
      <c r="E2115">
        <v>771</v>
      </c>
      <c r="G2115">
        <v>83.519350918189218</v>
      </c>
      <c r="H2115">
        <v>800</v>
      </c>
      <c r="J2115">
        <v>83.408023844531968</v>
      </c>
      <c r="K2115">
        <v>800</v>
      </c>
      <c r="M2115">
        <v>85.954025373257736</v>
      </c>
      <c r="N2115">
        <v>722</v>
      </c>
      <c r="P2115">
        <v>92.565287935180734</v>
      </c>
      <c r="Q2115">
        <v>441</v>
      </c>
    </row>
    <row r="2116" spans="4:17" x14ac:dyDescent="0.25">
      <c r="D2116">
        <v>82.925653822700184</v>
      </c>
      <c r="E2116">
        <v>771</v>
      </c>
      <c r="G2116">
        <v>83.518901078371897</v>
      </c>
      <c r="H2116">
        <v>800</v>
      </c>
      <c r="J2116">
        <v>83.405622787415695</v>
      </c>
      <c r="K2116">
        <v>800</v>
      </c>
      <c r="M2116">
        <v>85.945566105112448</v>
      </c>
      <c r="N2116">
        <v>723</v>
      </c>
      <c r="P2116">
        <v>92.52332066500486</v>
      </c>
      <c r="Q2116">
        <v>441</v>
      </c>
    </row>
    <row r="2117" spans="4:17" x14ac:dyDescent="0.25">
      <c r="D2117">
        <v>82.924742462541403</v>
      </c>
      <c r="E2117">
        <v>772</v>
      </c>
      <c r="G2117">
        <v>83.518901078371897</v>
      </c>
      <c r="H2117">
        <v>800</v>
      </c>
      <c r="J2117">
        <v>83.40322173029945</v>
      </c>
      <c r="K2117">
        <v>800</v>
      </c>
      <c r="M2117">
        <v>85.937106836967175</v>
      </c>
      <c r="N2117">
        <v>723</v>
      </c>
      <c r="P2117">
        <v>92.481353394829014</v>
      </c>
      <c r="Q2117">
        <v>442</v>
      </c>
    </row>
    <row r="2118" spans="4:17" x14ac:dyDescent="0.25">
      <c r="D2118">
        <v>82.923355018717558</v>
      </c>
      <c r="E2118">
        <v>772</v>
      </c>
      <c r="G2118">
        <v>83.518464469137427</v>
      </c>
      <c r="H2118">
        <v>800</v>
      </c>
      <c r="J2118">
        <v>83.400820673183162</v>
      </c>
      <c r="K2118">
        <v>800</v>
      </c>
      <c r="M2118">
        <v>85.928647568821887</v>
      </c>
      <c r="N2118">
        <v>723</v>
      </c>
      <c r="P2118">
        <v>92.439386124653169</v>
      </c>
      <c r="Q2118">
        <v>442</v>
      </c>
    </row>
    <row r="2119" spans="4:17" x14ac:dyDescent="0.25">
      <c r="D2119">
        <v>82.922443658558791</v>
      </c>
      <c r="E2119">
        <v>773</v>
      </c>
      <c r="G2119">
        <v>83.518464469137427</v>
      </c>
      <c r="H2119">
        <v>800</v>
      </c>
      <c r="J2119">
        <v>83.398765531075171</v>
      </c>
      <c r="K2119">
        <v>800</v>
      </c>
      <c r="M2119">
        <v>85.92058314629017</v>
      </c>
      <c r="N2119">
        <v>724</v>
      </c>
      <c r="P2119">
        <v>92.398136965793825</v>
      </c>
      <c r="Q2119">
        <v>442</v>
      </c>
    </row>
    <row r="2120" spans="4:17" x14ac:dyDescent="0.25">
      <c r="D2120">
        <v>82.921532298399995</v>
      </c>
      <c r="E2120">
        <v>773</v>
      </c>
      <c r="G2120">
        <v>83.518014629320078</v>
      </c>
      <c r="H2120">
        <v>800</v>
      </c>
      <c r="J2120">
        <v>83.396710388967193</v>
      </c>
      <c r="K2120">
        <v>800</v>
      </c>
      <c r="M2120">
        <v>85.912123878144897</v>
      </c>
      <c r="N2120">
        <v>724</v>
      </c>
      <c r="P2120">
        <v>92.35545158430142</v>
      </c>
      <c r="Q2120">
        <v>443</v>
      </c>
    </row>
    <row r="2121" spans="4:17" x14ac:dyDescent="0.25">
      <c r="D2121">
        <v>82.920607335850775</v>
      </c>
      <c r="E2121">
        <v>774</v>
      </c>
      <c r="G2121">
        <v>83.517564789502757</v>
      </c>
      <c r="H2121">
        <v>800</v>
      </c>
      <c r="J2121">
        <v>83.394655246859188</v>
      </c>
      <c r="K2121">
        <v>800</v>
      </c>
      <c r="M2121">
        <v>85.903664609999609</v>
      </c>
      <c r="N2121">
        <v>725</v>
      </c>
      <c r="P2121">
        <v>92.313505435046636</v>
      </c>
      <c r="Q2121">
        <v>443</v>
      </c>
    </row>
    <row r="2122" spans="4:17" x14ac:dyDescent="0.25">
      <c r="D2122">
        <v>82.919233494417384</v>
      </c>
      <c r="E2122">
        <v>774</v>
      </c>
      <c r="G2122">
        <v>83.517128180268273</v>
      </c>
      <c r="H2122">
        <v>800</v>
      </c>
      <c r="J2122">
        <v>83.392264363713764</v>
      </c>
      <c r="K2122">
        <v>800</v>
      </c>
      <c r="M2122">
        <v>85.895205341854336</v>
      </c>
      <c r="N2122">
        <v>725</v>
      </c>
      <c r="P2122">
        <v>92.271538164870762</v>
      </c>
      <c r="Q2122">
        <v>443</v>
      </c>
    </row>
    <row r="2123" spans="4:17" x14ac:dyDescent="0.25">
      <c r="D2123">
        <v>82.918322134258588</v>
      </c>
      <c r="E2123">
        <v>774</v>
      </c>
      <c r="G2123">
        <v>83.516678340450952</v>
      </c>
      <c r="H2123">
        <v>800</v>
      </c>
      <c r="J2123">
        <v>83.389863306597505</v>
      </c>
      <c r="K2123">
        <v>800</v>
      </c>
      <c r="M2123">
        <v>85.886746073709062</v>
      </c>
      <c r="N2123">
        <v>726</v>
      </c>
      <c r="P2123">
        <v>92.228852783378343</v>
      </c>
      <c r="Q2123">
        <v>444</v>
      </c>
    </row>
    <row r="2124" spans="4:17" x14ac:dyDescent="0.25">
      <c r="D2124">
        <v>82.917410774099807</v>
      </c>
      <c r="E2124">
        <v>775</v>
      </c>
      <c r="G2124">
        <v>83.515791891399132</v>
      </c>
      <c r="H2124">
        <v>800</v>
      </c>
      <c r="J2124">
        <v>83.387462249481231</v>
      </c>
      <c r="K2124">
        <v>800</v>
      </c>
      <c r="M2124">
        <v>85.878681651177359</v>
      </c>
      <c r="N2124">
        <v>726</v>
      </c>
      <c r="P2124">
        <v>92.186885513202483</v>
      </c>
      <c r="Q2124">
        <v>444</v>
      </c>
    </row>
    <row r="2125" spans="4:17" x14ac:dyDescent="0.25">
      <c r="D2125">
        <v>82.916036932666401</v>
      </c>
      <c r="E2125">
        <v>775</v>
      </c>
      <c r="G2125">
        <v>83.514892211764476</v>
      </c>
      <c r="H2125">
        <v>800</v>
      </c>
      <c r="J2125">
        <v>83.385061192364972</v>
      </c>
      <c r="K2125">
        <v>800</v>
      </c>
      <c r="M2125">
        <v>85.870222383032072</v>
      </c>
      <c r="N2125">
        <v>726</v>
      </c>
      <c r="P2125">
        <v>92.144939363947699</v>
      </c>
      <c r="Q2125">
        <v>444</v>
      </c>
    </row>
    <row r="2126" spans="4:17" x14ac:dyDescent="0.25">
      <c r="D2126">
        <v>82.91466309123301</v>
      </c>
      <c r="E2126">
        <v>776</v>
      </c>
      <c r="G2126">
        <v>83.514005762712671</v>
      </c>
      <c r="H2126">
        <v>800</v>
      </c>
      <c r="J2126">
        <v>83.382670309219534</v>
      </c>
      <c r="K2126">
        <v>800</v>
      </c>
      <c r="M2126">
        <v>85.862157960500369</v>
      </c>
      <c r="N2126">
        <v>727</v>
      </c>
      <c r="P2126">
        <v>92.103669084167294</v>
      </c>
      <c r="Q2126">
        <v>445</v>
      </c>
    </row>
    <row r="2127" spans="4:17" x14ac:dyDescent="0.25">
      <c r="D2127">
        <v>82.913738128683789</v>
      </c>
      <c r="E2127">
        <v>776</v>
      </c>
      <c r="G2127">
        <v>83.51311931366088</v>
      </c>
      <c r="H2127">
        <v>800</v>
      </c>
      <c r="J2127">
        <v>83.380615167111557</v>
      </c>
      <c r="K2127">
        <v>800</v>
      </c>
      <c r="M2127">
        <v>85.853698692355096</v>
      </c>
      <c r="N2127">
        <v>727</v>
      </c>
      <c r="P2127">
        <v>92.062419925307964</v>
      </c>
      <c r="Q2127">
        <v>445</v>
      </c>
    </row>
    <row r="2128" spans="4:17" x14ac:dyDescent="0.25">
      <c r="D2128">
        <v>82.912364287250369</v>
      </c>
      <c r="E2128">
        <v>776</v>
      </c>
      <c r="G2128">
        <v>83.512219634026209</v>
      </c>
      <c r="H2128">
        <v>800</v>
      </c>
      <c r="J2128">
        <v>83.378214109995284</v>
      </c>
      <c r="K2128">
        <v>800</v>
      </c>
      <c r="M2128">
        <v>85.845239424209794</v>
      </c>
      <c r="N2128">
        <v>728</v>
      </c>
      <c r="P2128">
        <v>92.021170766448662</v>
      </c>
      <c r="Q2128">
        <v>445</v>
      </c>
    </row>
    <row r="2129" spans="4:17" x14ac:dyDescent="0.25">
      <c r="D2129">
        <v>82.910990445816978</v>
      </c>
      <c r="E2129">
        <v>777</v>
      </c>
      <c r="G2129">
        <v>83.51133318497439</v>
      </c>
      <c r="H2129">
        <v>800</v>
      </c>
      <c r="J2129">
        <v>83.375813052879025</v>
      </c>
      <c r="K2129">
        <v>800</v>
      </c>
      <c r="M2129">
        <v>85.837186966696692</v>
      </c>
      <c r="N2129">
        <v>728</v>
      </c>
      <c r="P2129">
        <v>91.980639718905891</v>
      </c>
      <c r="Q2129">
        <v>446</v>
      </c>
    </row>
    <row r="2130" spans="4:17" x14ac:dyDescent="0.25">
      <c r="D2130">
        <v>82.910079085658211</v>
      </c>
      <c r="E2130">
        <v>777</v>
      </c>
      <c r="G2130">
        <v>83.510446735922599</v>
      </c>
      <c r="H2130">
        <v>800</v>
      </c>
      <c r="J2130">
        <v>83.373411995762737</v>
      </c>
      <c r="K2130">
        <v>800</v>
      </c>
      <c r="M2130">
        <v>85.828715733532803</v>
      </c>
      <c r="N2130">
        <v>728</v>
      </c>
      <c r="P2130">
        <v>91.94008755044203</v>
      </c>
      <c r="Q2130">
        <v>446</v>
      </c>
    </row>
    <row r="2131" spans="4:17" x14ac:dyDescent="0.25">
      <c r="D2131">
        <v>82.908705244224805</v>
      </c>
      <c r="E2131">
        <v>778</v>
      </c>
      <c r="G2131">
        <v>83.509547056287929</v>
      </c>
      <c r="H2131">
        <v>800</v>
      </c>
      <c r="J2131">
        <v>83.37135685365476</v>
      </c>
      <c r="K2131">
        <v>800</v>
      </c>
      <c r="M2131">
        <v>85.820663276019687</v>
      </c>
      <c r="N2131">
        <v>729</v>
      </c>
      <c r="P2131">
        <v>91.899556502899259</v>
      </c>
      <c r="Q2131">
        <v>446</v>
      </c>
    </row>
    <row r="2132" spans="4:17" x14ac:dyDescent="0.25">
      <c r="D2132">
        <v>82.907331402791399</v>
      </c>
      <c r="E2132">
        <v>778</v>
      </c>
      <c r="G2132">
        <v>83.508660607236123</v>
      </c>
      <c r="H2132">
        <v>800</v>
      </c>
      <c r="J2132">
        <v>83.368965970509322</v>
      </c>
      <c r="K2132">
        <v>800</v>
      </c>
      <c r="M2132">
        <v>85.812204007874413</v>
      </c>
      <c r="N2132">
        <v>729</v>
      </c>
      <c r="P2132">
        <v>91.859722445751984</v>
      </c>
      <c r="Q2132">
        <v>447</v>
      </c>
    </row>
    <row r="2133" spans="4:17" x14ac:dyDescent="0.25">
      <c r="D2133">
        <v>82.906420042632618</v>
      </c>
      <c r="E2133">
        <v>779</v>
      </c>
      <c r="G2133">
        <v>83.508210767418788</v>
      </c>
      <c r="H2133">
        <v>800</v>
      </c>
      <c r="J2133">
        <v>83.36691082840133</v>
      </c>
      <c r="K2133">
        <v>800</v>
      </c>
      <c r="M2133">
        <v>85.80413958534271</v>
      </c>
      <c r="N2133">
        <v>730</v>
      </c>
      <c r="P2133">
        <v>91.819170277288123</v>
      </c>
      <c r="Q2133">
        <v>447</v>
      </c>
    </row>
    <row r="2134" spans="4:17" x14ac:dyDescent="0.25">
      <c r="D2134">
        <v>82.905032598808788</v>
      </c>
      <c r="E2134">
        <v>779</v>
      </c>
      <c r="G2134">
        <v>83.507774158184304</v>
      </c>
      <c r="H2134">
        <v>800</v>
      </c>
      <c r="J2134">
        <v>83.364509771285071</v>
      </c>
      <c r="K2134">
        <v>800</v>
      </c>
      <c r="M2134">
        <v>85.79608712782958</v>
      </c>
      <c r="N2134">
        <v>730</v>
      </c>
      <c r="P2134">
        <v>91.779336220140834</v>
      </c>
      <c r="Q2134">
        <v>447</v>
      </c>
    </row>
    <row r="2135" spans="4:17" x14ac:dyDescent="0.25">
      <c r="D2135">
        <v>82.903658757375382</v>
      </c>
      <c r="E2135">
        <v>779</v>
      </c>
      <c r="G2135">
        <v>83.507324318366997</v>
      </c>
      <c r="H2135">
        <v>800</v>
      </c>
      <c r="J2135">
        <v>83.362108714168798</v>
      </c>
      <c r="K2135">
        <v>800</v>
      </c>
      <c r="M2135">
        <v>85.787627859684321</v>
      </c>
      <c r="N2135">
        <v>731</v>
      </c>
      <c r="P2135">
        <v>91.738805172598063</v>
      </c>
      <c r="Q2135">
        <v>448</v>
      </c>
    </row>
    <row r="2136" spans="4:17" x14ac:dyDescent="0.25">
      <c r="D2136">
        <v>82.902747397216601</v>
      </c>
      <c r="E2136">
        <v>780</v>
      </c>
      <c r="G2136">
        <v>83.507324318366997</v>
      </c>
      <c r="H2136">
        <v>800</v>
      </c>
      <c r="J2136">
        <v>83.359707657052553</v>
      </c>
      <c r="K2136">
        <v>800</v>
      </c>
      <c r="M2136">
        <v>85.779563437152603</v>
      </c>
      <c r="N2136">
        <v>731</v>
      </c>
      <c r="P2136">
        <v>91.698253004134216</v>
      </c>
      <c r="Q2136">
        <v>448</v>
      </c>
    </row>
    <row r="2137" spans="4:17" x14ac:dyDescent="0.25">
      <c r="D2137">
        <v>82.901373555783195</v>
      </c>
      <c r="E2137">
        <v>780</v>
      </c>
      <c r="G2137">
        <v>83.506874478549662</v>
      </c>
      <c r="H2137">
        <v>800</v>
      </c>
      <c r="J2137">
        <v>83.356970858898833</v>
      </c>
      <c r="K2137">
        <v>800</v>
      </c>
      <c r="M2137">
        <v>85.771104169007316</v>
      </c>
      <c r="N2137">
        <v>731</v>
      </c>
      <c r="P2137">
        <v>91.657003845274872</v>
      </c>
      <c r="Q2137">
        <v>448</v>
      </c>
    </row>
    <row r="2138" spans="4:17" x14ac:dyDescent="0.25">
      <c r="D2138">
        <v>82.899999714349775</v>
      </c>
      <c r="E2138">
        <v>781</v>
      </c>
      <c r="G2138">
        <v>83.505988029497857</v>
      </c>
      <c r="H2138">
        <v>800</v>
      </c>
      <c r="J2138">
        <v>83.35456980178256</v>
      </c>
      <c r="K2138">
        <v>800</v>
      </c>
      <c r="M2138">
        <v>85.763039746475613</v>
      </c>
      <c r="N2138">
        <v>732</v>
      </c>
      <c r="P2138">
        <v>91.617169788127597</v>
      </c>
      <c r="Q2138">
        <v>449</v>
      </c>
    </row>
    <row r="2139" spans="4:17" x14ac:dyDescent="0.25">
      <c r="D2139">
        <v>82.898625872916412</v>
      </c>
      <c r="E2139">
        <v>781</v>
      </c>
      <c r="G2139">
        <v>83.505101580446052</v>
      </c>
      <c r="H2139">
        <v>800</v>
      </c>
      <c r="J2139">
        <v>83.352178918637136</v>
      </c>
      <c r="K2139">
        <v>800</v>
      </c>
      <c r="M2139">
        <v>85.75458047833034</v>
      </c>
      <c r="N2139">
        <v>732</v>
      </c>
      <c r="P2139">
        <v>91.577356851901385</v>
      </c>
      <c r="Q2139">
        <v>449</v>
      </c>
    </row>
    <row r="2140" spans="4:17" x14ac:dyDescent="0.25">
      <c r="D2140">
        <v>82.897252031482992</v>
      </c>
      <c r="E2140">
        <v>781</v>
      </c>
      <c r="G2140">
        <v>83.504651740628702</v>
      </c>
      <c r="H2140">
        <v>800</v>
      </c>
      <c r="J2140">
        <v>83.350123776529145</v>
      </c>
      <c r="K2140">
        <v>800</v>
      </c>
      <c r="M2140">
        <v>85.746528020817209</v>
      </c>
      <c r="N2140">
        <v>733</v>
      </c>
      <c r="P2140">
        <v>91.537522794754082</v>
      </c>
      <c r="Q2140">
        <v>449</v>
      </c>
    </row>
    <row r="2141" spans="4:17" x14ac:dyDescent="0.25">
      <c r="D2141">
        <v>82.895878190049601</v>
      </c>
      <c r="E2141">
        <v>782</v>
      </c>
      <c r="G2141">
        <v>83.504201900811381</v>
      </c>
      <c r="H2141">
        <v>800</v>
      </c>
      <c r="J2141">
        <v>83.347722719412886</v>
      </c>
      <c r="K2141">
        <v>800</v>
      </c>
      <c r="M2141">
        <v>85.738056787653349</v>
      </c>
      <c r="N2141">
        <v>733</v>
      </c>
      <c r="P2141">
        <v>91.498406848923324</v>
      </c>
      <c r="Q2141">
        <v>450</v>
      </c>
    </row>
    <row r="2142" spans="4:17" x14ac:dyDescent="0.25">
      <c r="D2142">
        <v>82.894504348616209</v>
      </c>
      <c r="E2142">
        <v>782</v>
      </c>
      <c r="G2142">
        <v>83.503752060994046</v>
      </c>
      <c r="H2142">
        <v>800</v>
      </c>
      <c r="J2142">
        <v>83.345321662296612</v>
      </c>
      <c r="K2142">
        <v>800</v>
      </c>
      <c r="M2142">
        <v>85.730004330140233</v>
      </c>
      <c r="N2142">
        <v>733</v>
      </c>
      <c r="P2142">
        <v>91.458572791776021</v>
      </c>
      <c r="Q2142">
        <v>450</v>
      </c>
    </row>
    <row r="2143" spans="4:17" x14ac:dyDescent="0.25">
      <c r="D2143">
        <v>82.893130507182804</v>
      </c>
      <c r="E2143">
        <v>783</v>
      </c>
      <c r="G2143">
        <v>83.503752060994046</v>
      </c>
      <c r="H2143">
        <v>800</v>
      </c>
      <c r="J2143">
        <v>83.342584864142907</v>
      </c>
      <c r="K2143">
        <v>800</v>
      </c>
      <c r="M2143">
        <v>85.72193990760853</v>
      </c>
      <c r="N2143">
        <v>734</v>
      </c>
      <c r="P2143">
        <v>91.418738734628718</v>
      </c>
      <c r="Q2143">
        <v>450</v>
      </c>
    </row>
    <row r="2144" spans="4:17" x14ac:dyDescent="0.25">
      <c r="D2144">
        <v>82.891756665749412</v>
      </c>
      <c r="E2144">
        <v>783</v>
      </c>
      <c r="G2144">
        <v>83.503315451759562</v>
      </c>
      <c r="H2144">
        <v>800</v>
      </c>
      <c r="J2144">
        <v>83.340183807026619</v>
      </c>
      <c r="K2144">
        <v>800</v>
      </c>
      <c r="M2144">
        <v>85.713480639463242</v>
      </c>
      <c r="N2144">
        <v>734</v>
      </c>
      <c r="P2144">
        <v>91.378904677481415</v>
      </c>
      <c r="Q2144">
        <v>451</v>
      </c>
    </row>
    <row r="2145" spans="4:17" x14ac:dyDescent="0.25">
      <c r="D2145">
        <v>82.890845305590616</v>
      </c>
      <c r="E2145">
        <v>784</v>
      </c>
      <c r="G2145">
        <v>83.502865611942241</v>
      </c>
      <c r="H2145">
        <v>800</v>
      </c>
      <c r="J2145">
        <v>83.337447008872928</v>
      </c>
      <c r="K2145">
        <v>800</v>
      </c>
      <c r="M2145">
        <v>85.705428181950126</v>
      </c>
      <c r="N2145">
        <v>735</v>
      </c>
      <c r="P2145">
        <v>91.340506842967244</v>
      </c>
      <c r="Q2145">
        <v>451</v>
      </c>
    </row>
    <row r="2146" spans="4:17" x14ac:dyDescent="0.25">
      <c r="D2146">
        <v>82.889471464157225</v>
      </c>
      <c r="E2146">
        <v>784</v>
      </c>
      <c r="G2146">
        <v>83.50241577212492</v>
      </c>
      <c r="H2146">
        <v>800</v>
      </c>
      <c r="J2146">
        <v>83.335045951756669</v>
      </c>
      <c r="K2146">
        <v>800</v>
      </c>
      <c r="M2146">
        <v>85.696968913804852</v>
      </c>
      <c r="N2146">
        <v>735</v>
      </c>
      <c r="P2146">
        <v>91.302805998848484</v>
      </c>
      <c r="Q2146">
        <v>451</v>
      </c>
    </row>
    <row r="2147" spans="4:17" x14ac:dyDescent="0.25">
      <c r="D2147">
        <v>82.888097622723834</v>
      </c>
      <c r="E2147">
        <v>784</v>
      </c>
      <c r="G2147">
        <v>83.501979162890436</v>
      </c>
      <c r="H2147">
        <v>800</v>
      </c>
      <c r="J2147">
        <v>83.332644894640381</v>
      </c>
      <c r="K2147">
        <v>800</v>
      </c>
      <c r="M2147">
        <v>85.688904491273121</v>
      </c>
      <c r="N2147">
        <v>736</v>
      </c>
      <c r="P2147">
        <v>91.265105154729739</v>
      </c>
      <c r="Q2147">
        <v>452</v>
      </c>
    </row>
    <row r="2148" spans="4:17" x14ac:dyDescent="0.25">
      <c r="D2148">
        <v>82.886710178900003</v>
      </c>
      <c r="E2148">
        <v>785</v>
      </c>
      <c r="G2148">
        <v>83.501529323073115</v>
      </c>
      <c r="H2148">
        <v>800</v>
      </c>
      <c r="J2148">
        <v>83.330589752532418</v>
      </c>
      <c r="K2148">
        <v>800</v>
      </c>
      <c r="M2148">
        <v>85.680852033760019</v>
      </c>
      <c r="N2148">
        <v>736</v>
      </c>
      <c r="P2148">
        <v>91.22812242192758</v>
      </c>
      <c r="Q2148">
        <v>452</v>
      </c>
    </row>
    <row r="2149" spans="4:17" x14ac:dyDescent="0.25">
      <c r="D2149">
        <v>82.885336337466597</v>
      </c>
      <c r="E2149">
        <v>785</v>
      </c>
      <c r="G2149">
        <v>83.501529323073115</v>
      </c>
      <c r="H2149">
        <v>800</v>
      </c>
      <c r="J2149">
        <v>83.328188695416145</v>
      </c>
      <c r="K2149">
        <v>800</v>
      </c>
      <c r="M2149">
        <v>85.672787611228301</v>
      </c>
      <c r="N2149">
        <v>736</v>
      </c>
      <c r="P2149">
        <v>91.190421577808834</v>
      </c>
      <c r="Q2149">
        <v>452</v>
      </c>
    </row>
    <row r="2150" spans="4:17" x14ac:dyDescent="0.25">
      <c r="D2150">
        <v>82.883962496033206</v>
      </c>
      <c r="E2150">
        <v>786</v>
      </c>
      <c r="G2150">
        <v>83.501079483255779</v>
      </c>
      <c r="H2150">
        <v>800</v>
      </c>
      <c r="J2150">
        <v>83.32545189726244</v>
      </c>
      <c r="K2150">
        <v>800</v>
      </c>
      <c r="M2150">
        <v>85.664328343083014</v>
      </c>
      <c r="N2150">
        <v>737</v>
      </c>
      <c r="P2150">
        <v>91.153438845006633</v>
      </c>
      <c r="Q2150">
        <v>453</v>
      </c>
    </row>
    <row r="2151" spans="4:17" x14ac:dyDescent="0.25">
      <c r="D2151">
        <v>82.882588654599815</v>
      </c>
      <c r="E2151">
        <v>786</v>
      </c>
      <c r="G2151">
        <v>83.501079483255779</v>
      </c>
      <c r="H2151">
        <v>800</v>
      </c>
      <c r="J2151">
        <v>83.322704925137884</v>
      </c>
      <c r="K2151">
        <v>800</v>
      </c>
      <c r="M2151">
        <v>85.656263920551311</v>
      </c>
      <c r="N2151">
        <v>737</v>
      </c>
      <c r="P2151">
        <v>91.11573800088793</v>
      </c>
      <c r="Q2151">
        <v>453</v>
      </c>
    </row>
    <row r="2152" spans="4:17" x14ac:dyDescent="0.25">
      <c r="D2152">
        <v>82.880765934282223</v>
      </c>
      <c r="E2152">
        <v>786</v>
      </c>
      <c r="G2152">
        <v>83.501079483255779</v>
      </c>
      <c r="H2152">
        <v>800</v>
      </c>
      <c r="J2152">
        <v>83.320314041992475</v>
      </c>
      <c r="K2152">
        <v>800</v>
      </c>
      <c r="M2152">
        <v>85.647804652406052</v>
      </c>
      <c r="N2152">
        <v>738</v>
      </c>
      <c r="P2152">
        <v>91.078058277690261</v>
      </c>
      <c r="Q2152">
        <v>453</v>
      </c>
    </row>
    <row r="2153" spans="4:17" x14ac:dyDescent="0.25">
      <c r="D2153">
        <v>82.879392092848846</v>
      </c>
      <c r="E2153">
        <v>787</v>
      </c>
      <c r="G2153">
        <v>83.50064287402131</v>
      </c>
      <c r="H2153">
        <v>800</v>
      </c>
      <c r="J2153">
        <v>83.31756706986792</v>
      </c>
      <c r="K2153">
        <v>800</v>
      </c>
      <c r="M2153">
        <v>85.639752194892921</v>
      </c>
      <c r="N2153">
        <v>738</v>
      </c>
      <c r="P2153">
        <v>91.041054423967012</v>
      </c>
      <c r="Q2153">
        <v>454</v>
      </c>
    </row>
    <row r="2154" spans="4:17" x14ac:dyDescent="0.25">
      <c r="D2154">
        <v>82.878018251415426</v>
      </c>
      <c r="E2154">
        <v>787</v>
      </c>
      <c r="G2154">
        <v>83.50064287402131</v>
      </c>
      <c r="H2154">
        <v>800</v>
      </c>
      <c r="J2154">
        <v>83.315176186722496</v>
      </c>
      <c r="K2154">
        <v>800</v>
      </c>
      <c r="M2154">
        <v>85.631292926747633</v>
      </c>
      <c r="N2154">
        <v>738</v>
      </c>
      <c r="P2154">
        <v>91.004071691164825</v>
      </c>
      <c r="Q2154">
        <v>454</v>
      </c>
    </row>
    <row r="2155" spans="4:17" x14ac:dyDescent="0.25">
      <c r="D2155">
        <v>82.876644409982035</v>
      </c>
      <c r="E2155">
        <v>788</v>
      </c>
      <c r="G2155">
        <v>83.50064287402131</v>
      </c>
      <c r="H2155">
        <v>800</v>
      </c>
      <c r="J2155">
        <v>83.312775129606223</v>
      </c>
      <c r="K2155">
        <v>800</v>
      </c>
      <c r="M2155">
        <v>85.62322850421593</v>
      </c>
      <c r="N2155">
        <v>739</v>
      </c>
      <c r="P2155">
        <v>90.967807069679196</v>
      </c>
      <c r="Q2155">
        <v>454</v>
      </c>
    </row>
    <row r="2156" spans="4:17" x14ac:dyDescent="0.25">
      <c r="D2156">
        <v>82.875270568548629</v>
      </c>
      <c r="E2156">
        <v>788</v>
      </c>
      <c r="G2156">
        <v>83.50064287402131</v>
      </c>
      <c r="H2156">
        <v>800</v>
      </c>
      <c r="J2156">
        <v>83.310374072489964</v>
      </c>
      <c r="K2156">
        <v>800</v>
      </c>
      <c r="M2156">
        <v>85.614769236070657</v>
      </c>
      <c r="N2156">
        <v>739</v>
      </c>
      <c r="P2156">
        <v>90.930824336877009</v>
      </c>
      <c r="Q2156">
        <v>455</v>
      </c>
    </row>
    <row r="2157" spans="4:17" x14ac:dyDescent="0.25">
      <c r="D2157">
        <v>82.873896727115223</v>
      </c>
      <c r="E2157">
        <v>789</v>
      </c>
      <c r="G2157">
        <v>83.50064287402131</v>
      </c>
      <c r="H2157">
        <v>800</v>
      </c>
      <c r="J2157">
        <v>83.308318930381958</v>
      </c>
      <c r="K2157">
        <v>800</v>
      </c>
      <c r="M2157">
        <v>85.60630996792537</v>
      </c>
      <c r="N2157">
        <v>740</v>
      </c>
      <c r="P2157">
        <v>90.893841604074822</v>
      </c>
      <c r="Q2157">
        <v>455</v>
      </c>
    </row>
    <row r="2158" spans="4:17" x14ac:dyDescent="0.25">
      <c r="D2158">
        <v>82.872971764566017</v>
      </c>
      <c r="E2158">
        <v>789</v>
      </c>
      <c r="G2158">
        <v>83.50064287402131</v>
      </c>
      <c r="H2158">
        <v>800</v>
      </c>
      <c r="J2158">
        <v>83.305917873265699</v>
      </c>
      <c r="K2158">
        <v>800</v>
      </c>
      <c r="M2158">
        <v>85.598245545393652</v>
      </c>
      <c r="N2158">
        <v>740</v>
      </c>
      <c r="P2158">
        <v>90.857555861668104</v>
      </c>
      <c r="Q2158">
        <v>455</v>
      </c>
    </row>
    <row r="2159" spans="4:17" x14ac:dyDescent="0.25">
      <c r="D2159">
        <v>82.871597923132626</v>
      </c>
      <c r="E2159">
        <v>789</v>
      </c>
      <c r="G2159">
        <v>83.499743194386639</v>
      </c>
      <c r="H2159">
        <v>800</v>
      </c>
      <c r="J2159">
        <v>83.303526990120261</v>
      </c>
      <c r="K2159">
        <v>800</v>
      </c>
      <c r="M2159">
        <v>85.589786277248393</v>
      </c>
      <c r="N2159">
        <v>741</v>
      </c>
      <c r="P2159">
        <v>90.821291240182461</v>
      </c>
      <c r="Q2159">
        <v>456</v>
      </c>
    </row>
    <row r="2160" spans="4:17" x14ac:dyDescent="0.25">
      <c r="D2160">
        <v>82.870224081699234</v>
      </c>
      <c r="E2160">
        <v>790</v>
      </c>
      <c r="G2160">
        <v>83.49885674533482</v>
      </c>
      <c r="H2160">
        <v>800</v>
      </c>
      <c r="J2160">
        <v>83.301125933003988</v>
      </c>
      <c r="K2160">
        <v>800</v>
      </c>
      <c r="M2160">
        <v>85.581721854716662</v>
      </c>
      <c r="N2160">
        <v>741</v>
      </c>
      <c r="P2160">
        <v>90.785005497775757</v>
      </c>
      <c r="Q2160">
        <v>456</v>
      </c>
    </row>
    <row r="2161" spans="4:17" x14ac:dyDescent="0.25">
      <c r="D2161">
        <v>82.868850240265829</v>
      </c>
      <c r="E2161">
        <v>790</v>
      </c>
      <c r="G2161">
        <v>83.497970296283029</v>
      </c>
      <c r="H2161">
        <v>800</v>
      </c>
      <c r="J2161">
        <v>83.299416705904278</v>
      </c>
      <c r="K2161">
        <v>800</v>
      </c>
      <c r="M2161">
        <v>85.573262586571403</v>
      </c>
      <c r="N2161">
        <v>741</v>
      </c>
      <c r="P2161">
        <v>90.748740876290128</v>
      </c>
      <c r="Q2161">
        <v>456</v>
      </c>
    </row>
    <row r="2162" spans="4:17" x14ac:dyDescent="0.25">
      <c r="D2162">
        <v>82.867938880107033</v>
      </c>
      <c r="E2162">
        <v>791</v>
      </c>
      <c r="G2162">
        <v>83.497520456465693</v>
      </c>
      <c r="H2162">
        <v>800</v>
      </c>
      <c r="J2162">
        <v>83.297697304833747</v>
      </c>
      <c r="K2162">
        <v>800</v>
      </c>
      <c r="M2162">
        <v>85.565210129058272</v>
      </c>
      <c r="N2162">
        <v>742</v>
      </c>
      <c r="P2162">
        <v>90.713173245199968</v>
      </c>
      <c r="Q2162">
        <v>457</v>
      </c>
    </row>
    <row r="2163" spans="4:17" x14ac:dyDescent="0.25">
      <c r="D2163">
        <v>82.866102557399017</v>
      </c>
      <c r="E2163">
        <v>791</v>
      </c>
      <c r="G2163">
        <v>83.498406905517513</v>
      </c>
      <c r="H2163">
        <v>800</v>
      </c>
      <c r="J2163">
        <v>83.295988077734023</v>
      </c>
      <c r="K2163">
        <v>800</v>
      </c>
      <c r="M2163">
        <v>85.556750860912985</v>
      </c>
      <c r="N2163">
        <v>742</v>
      </c>
      <c r="P2163">
        <v>90.677605614109794</v>
      </c>
      <c r="Q2163">
        <v>457</v>
      </c>
    </row>
    <row r="2164" spans="4:17" x14ac:dyDescent="0.25">
      <c r="D2164">
        <v>82.864728715965626</v>
      </c>
      <c r="E2164">
        <v>791</v>
      </c>
      <c r="G2164">
        <v>83.497970296283029</v>
      </c>
      <c r="H2164">
        <v>800</v>
      </c>
      <c r="J2164">
        <v>83.294268676663492</v>
      </c>
      <c r="K2164">
        <v>800</v>
      </c>
      <c r="M2164">
        <v>85.548686438381282</v>
      </c>
      <c r="N2164">
        <v>743</v>
      </c>
      <c r="P2164">
        <v>90.642059103940696</v>
      </c>
      <c r="Q2164">
        <v>457</v>
      </c>
    </row>
    <row r="2165" spans="4:17" x14ac:dyDescent="0.25">
      <c r="D2165">
        <v>82.863354874532234</v>
      </c>
      <c r="E2165">
        <v>792</v>
      </c>
      <c r="G2165">
        <v>83.497070616648358</v>
      </c>
      <c r="H2165">
        <v>800</v>
      </c>
      <c r="J2165">
        <v>83.292559449563768</v>
      </c>
      <c r="K2165">
        <v>800</v>
      </c>
      <c r="M2165">
        <v>85.540227170236022</v>
      </c>
      <c r="N2165">
        <v>743</v>
      </c>
      <c r="P2165">
        <v>90.60720958416708</v>
      </c>
      <c r="Q2165">
        <v>458</v>
      </c>
    </row>
    <row r="2166" spans="4:17" x14ac:dyDescent="0.25">
      <c r="D2166">
        <v>82.861981033098814</v>
      </c>
      <c r="E2166">
        <v>792</v>
      </c>
      <c r="G2166">
        <v>83.496634007413888</v>
      </c>
      <c r="H2166">
        <v>800</v>
      </c>
      <c r="J2166">
        <v>83.290850222464059</v>
      </c>
      <c r="K2166">
        <v>800</v>
      </c>
      <c r="M2166">
        <v>85.532162747704291</v>
      </c>
      <c r="N2166">
        <v>743</v>
      </c>
      <c r="P2166">
        <v>90.573057054788933</v>
      </c>
      <c r="Q2166">
        <v>458</v>
      </c>
    </row>
    <row r="2167" spans="4:17" x14ac:dyDescent="0.25">
      <c r="D2167">
        <v>82.861069672940033</v>
      </c>
      <c r="E2167">
        <v>793</v>
      </c>
      <c r="G2167">
        <v>83.495734327779218</v>
      </c>
      <c r="H2167">
        <v>800</v>
      </c>
      <c r="J2167">
        <v>83.289476736401795</v>
      </c>
      <c r="K2167">
        <v>800</v>
      </c>
      <c r="M2167">
        <v>85.523703479559018</v>
      </c>
      <c r="N2167">
        <v>744</v>
      </c>
      <c r="P2167">
        <v>90.538207535015331</v>
      </c>
      <c r="Q2167">
        <v>458</v>
      </c>
    </row>
    <row r="2168" spans="4:17" x14ac:dyDescent="0.25">
      <c r="D2168">
        <v>82.85969583150667</v>
      </c>
      <c r="E2168">
        <v>793</v>
      </c>
      <c r="G2168">
        <v>83.495297718544762</v>
      </c>
      <c r="H2168">
        <v>800</v>
      </c>
      <c r="J2168">
        <v>83.287767509302071</v>
      </c>
      <c r="K2168">
        <v>800</v>
      </c>
      <c r="M2168">
        <v>85.515651022045901</v>
      </c>
      <c r="N2168">
        <v>744</v>
      </c>
      <c r="P2168">
        <v>90.503358015241687</v>
      </c>
      <c r="Q2168">
        <v>459</v>
      </c>
    </row>
    <row r="2169" spans="4:17" x14ac:dyDescent="0.25">
      <c r="D2169">
        <v>82.858770868957421</v>
      </c>
      <c r="E2169">
        <v>794</v>
      </c>
      <c r="G2169">
        <v>83.494847878727413</v>
      </c>
      <c r="H2169">
        <v>800</v>
      </c>
      <c r="J2169">
        <v>83.286048108231526</v>
      </c>
      <c r="K2169">
        <v>800</v>
      </c>
      <c r="M2169">
        <v>85.507586599514198</v>
      </c>
      <c r="N2169">
        <v>745</v>
      </c>
      <c r="P2169">
        <v>90.468508495468086</v>
      </c>
      <c r="Q2169">
        <v>459</v>
      </c>
    </row>
    <row r="2170" spans="4:17" x14ac:dyDescent="0.25">
      <c r="D2170">
        <v>82.85739702752403</v>
      </c>
      <c r="E2170">
        <v>794</v>
      </c>
      <c r="G2170">
        <v>83.494398038910091</v>
      </c>
      <c r="H2170">
        <v>800</v>
      </c>
      <c r="J2170">
        <v>83.283992966123549</v>
      </c>
      <c r="K2170">
        <v>800</v>
      </c>
      <c r="M2170">
        <v>85.499127331368911</v>
      </c>
      <c r="N2170">
        <v>745</v>
      </c>
      <c r="P2170">
        <v>90.43365897569447</v>
      </c>
      <c r="Q2170">
        <v>459</v>
      </c>
    </row>
    <row r="2171" spans="4:17" x14ac:dyDescent="0.25">
      <c r="D2171">
        <v>82.856485667365234</v>
      </c>
      <c r="E2171">
        <v>794</v>
      </c>
      <c r="G2171">
        <v>83.493961429675622</v>
      </c>
      <c r="H2171">
        <v>800</v>
      </c>
      <c r="J2171">
        <v>83.282283739023825</v>
      </c>
      <c r="K2171">
        <v>800</v>
      </c>
      <c r="M2171">
        <v>85.491074873855794</v>
      </c>
      <c r="N2171">
        <v>746</v>
      </c>
      <c r="P2171">
        <v>90.399506446316309</v>
      </c>
      <c r="Q2171">
        <v>460</v>
      </c>
    </row>
    <row r="2172" spans="4:17" x14ac:dyDescent="0.25">
      <c r="D2172">
        <v>82.855574307206453</v>
      </c>
      <c r="E2172">
        <v>795</v>
      </c>
      <c r="G2172">
        <v>83.493511589858286</v>
      </c>
      <c r="H2172">
        <v>800</v>
      </c>
      <c r="J2172">
        <v>83.279882681907537</v>
      </c>
      <c r="K2172">
        <v>800</v>
      </c>
      <c r="M2172">
        <v>85.483010451324077</v>
      </c>
      <c r="N2172">
        <v>746</v>
      </c>
      <c r="P2172">
        <v>90.364656926542722</v>
      </c>
      <c r="Q2172">
        <v>460</v>
      </c>
    </row>
    <row r="2173" spans="4:17" x14ac:dyDescent="0.25">
      <c r="D2173">
        <v>82.854200465773047</v>
      </c>
      <c r="E2173">
        <v>795</v>
      </c>
      <c r="G2173">
        <v>83.493061750040937</v>
      </c>
      <c r="H2173">
        <v>800</v>
      </c>
      <c r="J2173">
        <v>83.277481624791278</v>
      </c>
      <c r="K2173">
        <v>800</v>
      </c>
      <c r="M2173">
        <v>85.474551183178804</v>
      </c>
      <c r="N2173">
        <v>746</v>
      </c>
      <c r="P2173">
        <v>90.331243629402195</v>
      </c>
      <c r="Q2173">
        <v>460</v>
      </c>
    </row>
    <row r="2174" spans="4:17" x14ac:dyDescent="0.25">
      <c r="D2174">
        <v>82.853275503223827</v>
      </c>
      <c r="E2174">
        <v>796</v>
      </c>
      <c r="G2174">
        <v>83.493061750040937</v>
      </c>
      <c r="H2174">
        <v>800</v>
      </c>
      <c r="J2174">
        <v>83.275090741645855</v>
      </c>
      <c r="K2174">
        <v>800</v>
      </c>
      <c r="M2174">
        <v>85.466486760647101</v>
      </c>
      <c r="N2174">
        <v>747</v>
      </c>
      <c r="P2174">
        <v>90.297809211340592</v>
      </c>
      <c r="Q2174">
        <v>461</v>
      </c>
    </row>
    <row r="2175" spans="4:17" x14ac:dyDescent="0.25">
      <c r="D2175">
        <v>82.852364143065046</v>
      </c>
      <c r="E2175">
        <v>796</v>
      </c>
      <c r="G2175">
        <v>83.493061750040937</v>
      </c>
      <c r="H2175">
        <v>800</v>
      </c>
      <c r="J2175">
        <v>83.272689684529581</v>
      </c>
      <c r="K2175">
        <v>800</v>
      </c>
      <c r="M2175">
        <v>85.458027492501827</v>
      </c>
      <c r="N2175">
        <v>747</v>
      </c>
      <c r="P2175">
        <v>90.264374793278975</v>
      </c>
      <c r="Q2175">
        <v>461</v>
      </c>
    </row>
    <row r="2176" spans="4:17" x14ac:dyDescent="0.25">
      <c r="D2176">
        <v>82.851439180515825</v>
      </c>
      <c r="E2176">
        <v>796</v>
      </c>
      <c r="G2176">
        <v>83.492625140806481</v>
      </c>
      <c r="H2176">
        <v>800</v>
      </c>
      <c r="J2176">
        <v>83.270288627413322</v>
      </c>
      <c r="K2176">
        <v>800</v>
      </c>
      <c r="M2176">
        <v>85.449975034988711</v>
      </c>
      <c r="N2176">
        <v>748</v>
      </c>
      <c r="P2176">
        <v>90.231658486533945</v>
      </c>
      <c r="Q2176">
        <v>461</v>
      </c>
    </row>
    <row r="2177" spans="4:17" x14ac:dyDescent="0.25">
      <c r="D2177">
        <v>82.850527820357044</v>
      </c>
      <c r="E2177">
        <v>797</v>
      </c>
      <c r="G2177">
        <v>83.49217530098916</v>
      </c>
      <c r="H2177">
        <v>800</v>
      </c>
      <c r="J2177">
        <v>83.268233485305331</v>
      </c>
      <c r="K2177">
        <v>800</v>
      </c>
      <c r="M2177">
        <v>85.441910612456994</v>
      </c>
      <c r="N2177">
        <v>748</v>
      </c>
      <c r="P2177">
        <v>90.198942179788887</v>
      </c>
      <c r="Q2177">
        <v>462</v>
      </c>
    </row>
    <row r="2178" spans="4:17" x14ac:dyDescent="0.25">
      <c r="D2178">
        <v>82.849153978923638</v>
      </c>
      <c r="E2178">
        <v>797</v>
      </c>
      <c r="G2178">
        <v>83.49217530098916</v>
      </c>
      <c r="H2178">
        <v>800</v>
      </c>
      <c r="J2178">
        <v>83.265832428189086</v>
      </c>
      <c r="K2178">
        <v>800</v>
      </c>
      <c r="M2178">
        <v>85.433858154943891</v>
      </c>
      <c r="N2178">
        <v>748</v>
      </c>
      <c r="P2178">
        <v>90.165507761727298</v>
      </c>
      <c r="Q2178">
        <v>462</v>
      </c>
    </row>
    <row r="2179" spans="4:17" x14ac:dyDescent="0.25">
      <c r="D2179">
        <v>82.847780137490247</v>
      </c>
      <c r="E2179">
        <v>798</v>
      </c>
      <c r="G2179">
        <v>83.491725461171811</v>
      </c>
      <c r="H2179">
        <v>800</v>
      </c>
      <c r="J2179">
        <v>83.26377728608108</v>
      </c>
      <c r="K2179">
        <v>800</v>
      </c>
      <c r="M2179">
        <v>85.425793732412174</v>
      </c>
      <c r="N2179">
        <v>749</v>
      </c>
      <c r="P2179">
        <v>90.13350956629877</v>
      </c>
      <c r="Q2179">
        <v>462</v>
      </c>
    </row>
    <row r="2180" spans="4:17" x14ac:dyDescent="0.25">
      <c r="D2180">
        <v>82.846868777331466</v>
      </c>
      <c r="E2180">
        <v>798</v>
      </c>
      <c r="G2180">
        <v>83.491725461171811</v>
      </c>
      <c r="H2180">
        <v>800</v>
      </c>
      <c r="J2180">
        <v>83.261386402935628</v>
      </c>
      <c r="K2180">
        <v>800</v>
      </c>
      <c r="M2180">
        <v>85.417741274899058</v>
      </c>
      <c r="N2180">
        <v>749</v>
      </c>
      <c r="P2180">
        <v>90.10079325955374</v>
      </c>
      <c r="Q2180">
        <v>463</v>
      </c>
    </row>
    <row r="2181" spans="4:17" x14ac:dyDescent="0.25">
      <c r="D2181">
        <v>82.845494935898046</v>
      </c>
      <c r="E2181">
        <v>799</v>
      </c>
      <c r="G2181">
        <v>83.491725461171811</v>
      </c>
      <c r="H2181">
        <v>800</v>
      </c>
      <c r="J2181">
        <v>83.258985345819383</v>
      </c>
      <c r="K2181">
        <v>800</v>
      </c>
      <c r="M2181">
        <v>85.40967685236734</v>
      </c>
      <c r="N2181">
        <v>750</v>
      </c>
      <c r="P2181">
        <v>90.06877394320415</v>
      </c>
      <c r="Q2181">
        <v>463</v>
      </c>
    </row>
    <row r="2182" spans="4:17" x14ac:dyDescent="0.25">
      <c r="D2182">
        <v>82.844121094464668</v>
      </c>
      <c r="E2182">
        <v>799</v>
      </c>
      <c r="G2182">
        <v>83.491725461171811</v>
      </c>
      <c r="H2182">
        <v>800</v>
      </c>
      <c r="J2182">
        <v>83.256238373694842</v>
      </c>
      <c r="K2182">
        <v>800</v>
      </c>
      <c r="M2182">
        <v>85.401624394854224</v>
      </c>
      <c r="N2182">
        <v>750</v>
      </c>
      <c r="P2182">
        <v>90.03677574777565</v>
      </c>
      <c r="Q2182">
        <v>463</v>
      </c>
    </row>
    <row r="2183" spans="4:17" x14ac:dyDescent="0.25">
      <c r="D2183">
        <v>82.842747253031263</v>
      </c>
      <c r="E2183">
        <v>799</v>
      </c>
      <c r="G2183">
        <v>83.491725461171811</v>
      </c>
      <c r="H2183">
        <v>800</v>
      </c>
      <c r="J2183">
        <v>83.253501575541137</v>
      </c>
      <c r="K2183">
        <v>800</v>
      </c>
      <c r="M2183">
        <v>85.393153161690364</v>
      </c>
      <c r="N2183">
        <v>751</v>
      </c>
      <c r="P2183">
        <v>90.00477755234715</v>
      </c>
      <c r="Q2183">
        <v>464</v>
      </c>
    </row>
    <row r="2184" spans="4:17" x14ac:dyDescent="0.25">
      <c r="D2184">
        <v>82.841373411597857</v>
      </c>
      <c r="E2184">
        <v>800</v>
      </c>
      <c r="G2184">
        <v>83.49217530098916</v>
      </c>
      <c r="H2184">
        <v>800</v>
      </c>
      <c r="J2184">
        <v>83.251100518424849</v>
      </c>
      <c r="K2184">
        <v>800</v>
      </c>
      <c r="M2184">
        <v>85.385100704177233</v>
      </c>
      <c r="N2184">
        <v>751</v>
      </c>
      <c r="P2184">
        <v>89.973476347314133</v>
      </c>
      <c r="Q2184">
        <v>464</v>
      </c>
    </row>
    <row r="2185" spans="4:17" x14ac:dyDescent="0.25">
      <c r="D2185">
        <v>82.839999570164451</v>
      </c>
      <c r="E2185">
        <v>800</v>
      </c>
      <c r="G2185">
        <v>83.492625140806481</v>
      </c>
      <c r="H2185">
        <v>800</v>
      </c>
      <c r="J2185">
        <v>83.248709635279425</v>
      </c>
      <c r="K2185">
        <v>800</v>
      </c>
      <c r="M2185">
        <v>85.37703628164553</v>
      </c>
      <c r="N2185">
        <v>751</v>
      </c>
      <c r="P2185">
        <v>89.942175142281087</v>
      </c>
      <c r="Q2185">
        <v>464</v>
      </c>
    </row>
    <row r="2186" spans="4:17" x14ac:dyDescent="0.25">
      <c r="D2186">
        <v>82.839074607615231</v>
      </c>
      <c r="E2186">
        <v>800</v>
      </c>
      <c r="G2186">
        <v>83.493061750040937</v>
      </c>
      <c r="H2186">
        <v>800</v>
      </c>
      <c r="J2186">
        <v>83.245962663154899</v>
      </c>
      <c r="K2186">
        <v>800</v>
      </c>
      <c r="M2186">
        <v>85.368983824132414</v>
      </c>
      <c r="N2186">
        <v>752</v>
      </c>
      <c r="P2186">
        <v>89.910873937248056</v>
      </c>
      <c r="Q2186">
        <v>465</v>
      </c>
    </row>
    <row r="2187" spans="4:17" x14ac:dyDescent="0.25">
      <c r="D2187">
        <v>82.83770076618184</v>
      </c>
      <c r="E2187">
        <v>800</v>
      </c>
      <c r="G2187">
        <v>83.493061750040937</v>
      </c>
      <c r="H2187">
        <v>800</v>
      </c>
      <c r="J2187">
        <v>83.243225865001179</v>
      </c>
      <c r="K2187">
        <v>800</v>
      </c>
      <c r="M2187">
        <v>85.360919401600697</v>
      </c>
      <c r="N2187">
        <v>752</v>
      </c>
      <c r="P2187">
        <v>89.880290843531569</v>
      </c>
      <c r="Q2187">
        <v>465</v>
      </c>
    </row>
    <row r="2188" spans="4:17" x14ac:dyDescent="0.25">
      <c r="D2188">
        <v>82.836326924748448</v>
      </c>
      <c r="E2188">
        <v>800</v>
      </c>
      <c r="G2188">
        <v>83.49217530098916</v>
      </c>
      <c r="H2188">
        <v>800</v>
      </c>
      <c r="J2188">
        <v>83.240478892876652</v>
      </c>
      <c r="K2188">
        <v>800</v>
      </c>
      <c r="M2188">
        <v>85.35286694408758</v>
      </c>
      <c r="N2188">
        <v>753</v>
      </c>
      <c r="P2188">
        <v>89.849707749815082</v>
      </c>
      <c r="Q2188">
        <v>465</v>
      </c>
    </row>
    <row r="2189" spans="4:17" x14ac:dyDescent="0.25">
      <c r="D2189">
        <v>82.835415564589667</v>
      </c>
      <c r="E2189">
        <v>800</v>
      </c>
      <c r="G2189">
        <v>83.491725461171811</v>
      </c>
      <c r="H2189">
        <v>800</v>
      </c>
      <c r="J2189">
        <v>83.237742094722918</v>
      </c>
      <c r="K2189">
        <v>800</v>
      </c>
      <c r="M2189">
        <v>85.345209332188048</v>
      </c>
      <c r="N2189">
        <v>753</v>
      </c>
      <c r="P2189">
        <v>89.819124656098609</v>
      </c>
      <c r="Q2189">
        <v>466</v>
      </c>
    </row>
    <row r="2190" spans="4:17" x14ac:dyDescent="0.25">
      <c r="D2190">
        <v>82.834490602040432</v>
      </c>
      <c r="E2190">
        <v>800</v>
      </c>
      <c r="G2190">
        <v>83.49217530098916</v>
      </c>
      <c r="H2190">
        <v>800</v>
      </c>
      <c r="J2190">
        <v>83.234659381560945</v>
      </c>
      <c r="K2190">
        <v>800</v>
      </c>
      <c r="M2190">
        <v>85.337156874674918</v>
      </c>
      <c r="N2190">
        <v>753</v>
      </c>
      <c r="P2190">
        <v>89.788541562382107</v>
      </c>
      <c r="Q2190">
        <v>466</v>
      </c>
    </row>
    <row r="2191" spans="4:17" x14ac:dyDescent="0.25">
      <c r="D2191">
        <v>82.833116760607041</v>
      </c>
      <c r="E2191">
        <v>800</v>
      </c>
      <c r="G2191">
        <v>83.49217530098916</v>
      </c>
      <c r="H2191">
        <v>800</v>
      </c>
      <c r="J2191">
        <v>83.23192258340724</v>
      </c>
      <c r="K2191">
        <v>800</v>
      </c>
      <c r="M2191">
        <v>85.329499262775371</v>
      </c>
      <c r="N2191">
        <v>754</v>
      </c>
      <c r="P2191">
        <v>89.75795846866562</v>
      </c>
      <c r="Q2191">
        <v>466</v>
      </c>
    </row>
    <row r="2192" spans="4:17" x14ac:dyDescent="0.25">
      <c r="D2192">
        <v>82.83220540044826</v>
      </c>
      <c r="E2192">
        <v>800</v>
      </c>
      <c r="G2192">
        <v>83.492625140806481</v>
      </c>
      <c r="H2192">
        <v>800</v>
      </c>
      <c r="J2192">
        <v>83.228829696274417</v>
      </c>
      <c r="K2192">
        <v>800</v>
      </c>
      <c r="M2192">
        <v>85.321434840243668</v>
      </c>
      <c r="N2192">
        <v>754</v>
      </c>
      <c r="P2192">
        <v>89.727375374949148</v>
      </c>
      <c r="Q2192">
        <v>467</v>
      </c>
    </row>
    <row r="2193" spans="4:17" x14ac:dyDescent="0.25">
      <c r="D2193">
        <v>82.830831559014868</v>
      </c>
      <c r="E2193">
        <v>800</v>
      </c>
      <c r="G2193">
        <v>83.492625140806481</v>
      </c>
      <c r="H2193">
        <v>800</v>
      </c>
      <c r="J2193">
        <v>83.226438813128979</v>
      </c>
      <c r="K2193">
        <v>800</v>
      </c>
      <c r="M2193">
        <v>85.313382382730552</v>
      </c>
      <c r="N2193">
        <v>755</v>
      </c>
      <c r="P2193">
        <v>89.696792281232646</v>
      </c>
      <c r="Q2193">
        <v>467</v>
      </c>
    </row>
    <row r="2194" spans="4:17" x14ac:dyDescent="0.25">
      <c r="D2194">
        <v>82.828995236306852</v>
      </c>
      <c r="E2194">
        <v>800</v>
      </c>
      <c r="G2194">
        <v>83.493061750040937</v>
      </c>
      <c r="H2194">
        <v>800</v>
      </c>
      <c r="J2194">
        <v>83.223691841004438</v>
      </c>
      <c r="K2194">
        <v>800</v>
      </c>
      <c r="M2194">
        <v>85.305317960198835</v>
      </c>
      <c r="N2194">
        <v>755</v>
      </c>
      <c r="P2194">
        <v>89.666927298832732</v>
      </c>
      <c r="Q2194">
        <v>467</v>
      </c>
    </row>
    <row r="2195" spans="4:17" x14ac:dyDescent="0.25">
      <c r="D2195">
        <v>82.827621394873461</v>
      </c>
      <c r="E2195">
        <v>800</v>
      </c>
      <c r="G2195">
        <v>83.493061750040937</v>
      </c>
      <c r="H2195">
        <v>800</v>
      </c>
      <c r="J2195">
        <v>83.221300957859015</v>
      </c>
      <c r="K2195">
        <v>800</v>
      </c>
      <c r="M2195">
        <v>85.297660348299303</v>
      </c>
      <c r="N2195">
        <v>756</v>
      </c>
      <c r="P2195">
        <v>89.637062316432775</v>
      </c>
      <c r="Q2195">
        <v>468</v>
      </c>
    </row>
    <row r="2196" spans="4:17" x14ac:dyDescent="0.25">
      <c r="D2196">
        <v>82.826247553440055</v>
      </c>
      <c r="E2196">
        <v>800</v>
      </c>
      <c r="G2196">
        <v>83.493061750040937</v>
      </c>
      <c r="H2196">
        <v>800</v>
      </c>
      <c r="J2196">
        <v>83.218553985734474</v>
      </c>
      <c r="K2196">
        <v>800</v>
      </c>
      <c r="M2196">
        <v>85.290014701418343</v>
      </c>
      <c r="N2196">
        <v>756</v>
      </c>
      <c r="P2196">
        <v>89.607894324428344</v>
      </c>
      <c r="Q2196">
        <v>468</v>
      </c>
    </row>
    <row r="2197" spans="4:17" x14ac:dyDescent="0.25">
      <c r="D2197">
        <v>82.825336193281245</v>
      </c>
      <c r="E2197">
        <v>800</v>
      </c>
      <c r="G2197">
        <v>83.493511589858286</v>
      </c>
      <c r="H2197">
        <v>800</v>
      </c>
      <c r="J2197">
        <v>83.216498843626482</v>
      </c>
      <c r="K2197">
        <v>800</v>
      </c>
      <c r="M2197">
        <v>85.28195027888664</v>
      </c>
      <c r="N2197">
        <v>756</v>
      </c>
      <c r="P2197">
        <v>89.578726332423869</v>
      </c>
      <c r="Q2197">
        <v>468</v>
      </c>
    </row>
    <row r="2198" spans="4:17" x14ac:dyDescent="0.25">
      <c r="D2198">
        <v>82.824424833122492</v>
      </c>
      <c r="E2198">
        <v>800</v>
      </c>
      <c r="G2198">
        <v>83.493511589858286</v>
      </c>
      <c r="H2198">
        <v>800</v>
      </c>
      <c r="J2198">
        <v>83.214789616526772</v>
      </c>
      <c r="K2198">
        <v>800</v>
      </c>
      <c r="M2198">
        <v>85.274292666987066</v>
      </c>
      <c r="N2198">
        <v>757</v>
      </c>
      <c r="P2198">
        <v>89.548861350023927</v>
      </c>
      <c r="Q2198">
        <v>469</v>
      </c>
    </row>
    <row r="2199" spans="4:17" x14ac:dyDescent="0.25">
      <c r="D2199">
        <v>82.823962351847882</v>
      </c>
      <c r="E2199">
        <v>800</v>
      </c>
      <c r="G2199">
        <v>83.493511589858286</v>
      </c>
      <c r="H2199">
        <v>800</v>
      </c>
      <c r="J2199">
        <v>83.213416130464495</v>
      </c>
      <c r="K2199">
        <v>800</v>
      </c>
      <c r="M2199">
        <v>85.266240209473963</v>
      </c>
      <c r="N2199">
        <v>757</v>
      </c>
      <c r="P2199">
        <v>89.519693358019467</v>
      </c>
      <c r="Q2199">
        <v>469</v>
      </c>
    </row>
    <row r="2200" spans="4:17" x14ac:dyDescent="0.25">
      <c r="D2200">
        <v>82.823050991689072</v>
      </c>
      <c r="E2200">
        <v>800</v>
      </c>
      <c r="G2200">
        <v>83.493961429675622</v>
      </c>
      <c r="H2200">
        <v>800</v>
      </c>
      <c r="J2200">
        <v>83.212388559410513</v>
      </c>
      <c r="K2200">
        <v>800</v>
      </c>
      <c r="M2200">
        <v>85.258582597574431</v>
      </c>
      <c r="N2200">
        <v>758</v>
      </c>
      <c r="P2200">
        <v>89.490525366015007</v>
      </c>
      <c r="Q2200">
        <v>469</v>
      </c>
    </row>
    <row r="2201" spans="4:17" x14ac:dyDescent="0.25">
      <c r="D2201">
        <v>82.822588510414462</v>
      </c>
      <c r="E2201">
        <v>800</v>
      </c>
      <c r="G2201">
        <v>83.493961429675622</v>
      </c>
      <c r="H2201">
        <v>800</v>
      </c>
      <c r="J2201">
        <v>83.211360988356518</v>
      </c>
      <c r="K2201">
        <v>800</v>
      </c>
      <c r="M2201">
        <v>85.250924985674885</v>
      </c>
      <c r="N2201">
        <v>758</v>
      </c>
      <c r="P2201">
        <v>89.461378494931594</v>
      </c>
      <c r="Q2201">
        <v>470</v>
      </c>
    </row>
    <row r="2202" spans="4:17" x14ac:dyDescent="0.25">
      <c r="D2202">
        <v>82.822126029139852</v>
      </c>
      <c r="E2202">
        <v>800</v>
      </c>
      <c r="G2202">
        <v>83.494398038910091</v>
      </c>
      <c r="H2202">
        <v>800</v>
      </c>
      <c r="J2202">
        <v>83.210679332310789</v>
      </c>
      <c r="K2202">
        <v>800</v>
      </c>
      <c r="M2202">
        <v>85.243267373775339</v>
      </c>
      <c r="N2202">
        <v>758</v>
      </c>
      <c r="P2202">
        <v>89.432928614243693</v>
      </c>
      <c r="Q2202">
        <v>470</v>
      </c>
    </row>
    <row r="2203" spans="4:17" x14ac:dyDescent="0.25">
      <c r="D2203">
        <v>82.821677150255667</v>
      </c>
      <c r="E2203">
        <v>800</v>
      </c>
      <c r="G2203">
        <v>83.494398038910091</v>
      </c>
      <c r="H2203">
        <v>800</v>
      </c>
      <c r="J2203">
        <v>83.209651761256794</v>
      </c>
      <c r="K2203">
        <v>800</v>
      </c>
      <c r="M2203">
        <v>85.235609761875793</v>
      </c>
      <c r="N2203">
        <v>759</v>
      </c>
      <c r="P2203">
        <v>89.404478733555763</v>
      </c>
      <c r="Q2203">
        <v>470</v>
      </c>
    </row>
    <row r="2204" spans="4:17" x14ac:dyDescent="0.25">
      <c r="D2204">
        <v>82.821214668981071</v>
      </c>
      <c r="E2204">
        <v>800</v>
      </c>
      <c r="G2204">
        <v>83.494847878727413</v>
      </c>
      <c r="H2204">
        <v>800</v>
      </c>
      <c r="J2204">
        <v>83.207932360186248</v>
      </c>
      <c r="K2204">
        <v>800</v>
      </c>
      <c r="M2204">
        <v>85.227964114994847</v>
      </c>
      <c r="N2204">
        <v>759</v>
      </c>
      <c r="P2204">
        <v>89.376028852867847</v>
      </c>
      <c r="Q2204">
        <v>471</v>
      </c>
    </row>
    <row r="2205" spans="4:17" x14ac:dyDescent="0.25">
      <c r="D2205">
        <v>82.820752187706461</v>
      </c>
      <c r="E2205">
        <v>800</v>
      </c>
      <c r="G2205">
        <v>83.494847878727413</v>
      </c>
      <c r="H2205">
        <v>800</v>
      </c>
      <c r="J2205">
        <v>83.206223133086539</v>
      </c>
      <c r="K2205">
        <v>800</v>
      </c>
      <c r="M2205">
        <v>85.219899692463116</v>
      </c>
      <c r="N2205">
        <v>760</v>
      </c>
      <c r="P2205">
        <v>89.347578972179932</v>
      </c>
      <c r="Q2205">
        <v>471</v>
      </c>
    </row>
    <row r="2206" spans="4:17" x14ac:dyDescent="0.25">
      <c r="D2206">
        <v>82.819840827547679</v>
      </c>
      <c r="E2206">
        <v>800</v>
      </c>
      <c r="G2206">
        <v>83.494847878727413</v>
      </c>
      <c r="H2206">
        <v>800</v>
      </c>
      <c r="J2206">
        <v>83.204513905986815</v>
      </c>
      <c r="K2206">
        <v>800</v>
      </c>
      <c r="M2206">
        <v>85.212242080563584</v>
      </c>
      <c r="N2206">
        <v>760</v>
      </c>
      <c r="P2206">
        <v>89.319826081887499</v>
      </c>
      <c r="Q2206">
        <v>471</v>
      </c>
    </row>
    <row r="2207" spans="4:17" x14ac:dyDescent="0.25">
      <c r="D2207">
        <v>82.818929467388884</v>
      </c>
      <c r="E2207">
        <v>800</v>
      </c>
      <c r="G2207">
        <v>83.494847878727413</v>
      </c>
      <c r="H2207">
        <v>800</v>
      </c>
      <c r="J2207">
        <v>83.203140419924551</v>
      </c>
      <c r="K2207">
        <v>800</v>
      </c>
      <c r="M2207">
        <v>85.204584468664024</v>
      </c>
      <c r="N2207">
        <v>761</v>
      </c>
      <c r="P2207">
        <v>89.292812423832672</v>
      </c>
      <c r="Q2207">
        <v>472</v>
      </c>
    </row>
    <row r="2208" spans="4:17" x14ac:dyDescent="0.25">
      <c r="D2208">
        <v>82.817555625955492</v>
      </c>
      <c r="E2208">
        <v>800</v>
      </c>
      <c r="G2208">
        <v>83.495297718544762</v>
      </c>
      <c r="H2208">
        <v>800</v>
      </c>
      <c r="J2208">
        <v>83.201766933862288</v>
      </c>
      <c r="K2208">
        <v>800</v>
      </c>
      <c r="M2208">
        <v>85.196532011150921</v>
      </c>
      <c r="N2208">
        <v>761</v>
      </c>
      <c r="P2208">
        <v>89.265059533540239</v>
      </c>
      <c r="Q2208">
        <v>472</v>
      </c>
    </row>
    <row r="2209" spans="4:17" x14ac:dyDescent="0.25">
      <c r="D2209">
        <v>82.815719303247477</v>
      </c>
      <c r="E2209">
        <v>800</v>
      </c>
      <c r="G2209">
        <v>83.495297718544762</v>
      </c>
      <c r="H2209">
        <v>800</v>
      </c>
      <c r="J2209">
        <v>83.200393447799996</v>
      </c>
      <c r="K2209">
        <v>800</v>
      </c>
      <c r="M2209">
        <v>85.188874399251361</v>
      </c>
      <c r="N2209">
        <v>761</v>
      </c>
      <c r="P2209">
        <v>89.237327764168867</v>
      </c>
      <c r="Q2209">
        <v>472</v>
      </c>
    </row>
    <row r="2210" spans="4:17" x14ac:dyDescent="0.25">
      <c r="D2210">
        <v>82.812971620380679</v>
      </c>
      <c r="E2210">
        <v>800</v>
      </c>
      <c r="G2210">
        <v>83.495297718544762</v>
      </c>
      <c r="H2210">
        <v>800</v>
      </c>
      <c r="J2210">
        <v>83.198684220700287</v>
      </c>
      <c r="K2210">
        <v>800</v>
      </c>
      <c r="M2210">
        <v>85.181216787351829</v>
      </c>
      <c r="N2210">
        <v>762</v>
      </c>
      <c r="P2210">
        <v>89.210292985192979</v>
      </c>
      <c r="Q2210">
        <v>473</v>
      </c>
    </row>
    <row r="2211" spans="4:17" x14ac:dyDescent="0.25">
      <c r="D2211">
        <v>82.809761456239258</v>
      </c>
      <c r="E2211">
        <v>800</v>
      </c>
      <c r="G2211">
        <v>83.495297718544762</v>
      </c>
      <c r="H2211">
        <v>800</v>
      </c>
      <c r="J2211">
        <v>83.196629078592295</v>
      </c>
      <c r="K2211">
        <v>800</v>
      </c>
      <c r="M2211">
        <v>85.173559175452269</v>
      </c>
      <c r="N2211">
        <v>762</v>
      </c>
      <c r="P2211">
        <v>89.182561215821593</v>
      </c>
      <c r="Q2211">
        <v>473</v>
      </c>
    </row>
    <row r="2212" spans="4:17" x14ac:dyDescent="0.25">
      <c r="D2212">
        <v>82.806102413213694</v>
      </c>
      <c r="E2212">
        <v>800</v>
      </c>
      <c r="G2212">
        <v>83.495297718544762</v>
      </c>
      <c r="H2212">
        <v>800</v>
      </c>
      <c r="J2212">
        <v>83.194573936484332</v>
      </c>
      <c r="K2212">
        <v>800</v>
      </c>
      <c r="M2212">
        <v>85.165506717939166</v>
      </c>
      <c r="N2212">
        <v>763</v>
      </c>
      <c r="P2212">
        <v>89.155526436845705</v>
      </c>
      <c r="Q2212">
        <v>473</v>
      </c>
    </row>
    <row r="2213" spans="4:17" x14ac:dyDescent="0.25">
      <c r="D2213">
        <v>82.80105592636427</v>
      </c>
      <c r="E2213">
        <v>800</v>
      </c>
      <c r="G2213">
        <v>83.495297718544762</v>
      </c>
      <c r="H2213">
        <v>800</v>
      </c>
      <c r="J2213">
        <v>83.19251879437634</v>
      </c>
      <c r="K2213">
        <v>800</v>
      </c>
      <c r="M2213">
        <v>85.15784910603962</v>
      </c>
      <c r="N2213">
        <v>763</v>
      </c>
      <c r="P2213">
        <v>89.128512778790864</v>
      </c>
      <c r="Q2213">
        <v>474</v>
      </c>
    </row>
    <row r="2214" spans="4:17" x14ac:dyDescent="0.25">
      <c r="D2214">
        <v>82.79509807935608</v>
      </c>
      <c r="E2214">
        <v>800</v>
      </c>
      <c r="G2214">
        <v>83.495297718544762</v>
      </c>
      <c r="H2214">
        <v>800</v>
      </c>
      <c r="J2214">
        <v>83.189771822251785</v>
      </c>
      <c r="K2214">
        <v>800</v>
      </c>
      <c r="M2214">
        <v>85.150191494140074</v>
      </c>
      <c r="N2214">
        <v>763</v>
      </c>
      <c r="P2214">
        <v>89.102196111131533</v>
      </c>
      <c r="Q2214">
        <v>474</v>
      </c>
    </row>
    <row r="2215" spans="4:17" x14ac:dyDescent="0.25">
      <c r="D2215">
        <v>82.78822887218908</v>
      </c>
      <c r="E2215">
        <v>800</v>
      </c>
      <c r="G2215">
        <v>83.495297718544762</v>
      </c>
      <c r="H2215">
        <v>800</v>
      </c>
      <c r="J2215">
        <v>83.187380939106347</v>
      </c>
      <c r="K2215">
        <v>800</v>
      </c>
      <c r="M2215">
        <v>85.142139036626958</v>
      </c>
      <c r="N2215">
        <v>764</v>
      </c>
      <c r="P2215">
        <v>89.075161332155645</v>
      </c>
      <c r="Q2215">
        <v>474</v>
      </c>
    </row>
    <row r="2216" spans="4:17" x14ac:dyDescent="0.25">
      <c r="D2216">
        <v>82.780448304863313</v>
      </c>
      <c r="E2216">
        <v>800</v>
      </c>
      <c r="G2216">
        <v>83.495297718544762</v>
      </c>
      <c r="H2216">
        <v>800</v>
      </c>
      <c r="J2216">
        <v>83.184633966981806</v>
      </c>
      <c r="K2216">
        <v>800</v>
      </c>
      <c r="M2216">
        <v>85.134481424727397</v>
      </c>
      <c r="N2216">
        <v>764</v>
      </c>
      <c r="P2216">
        <v>89.048126553179713</v>
      </c>
      <c r="Q2216">
        <v>475</v>
      </c>
    </row>
    <row r="2217" spans="4:17" x14ac:dyDescent="0.25">
      <c r="D2217">
        <v>82.771280293713716</v>
      </c>
      <c r="E2217">
        <v>800</v>
      </c>
      <c r="G2217">
        <v>83.495734327779218</v>
      </c>
      <c r="H2217">
        <v>800</v>
      </c>
      <c r="J2217">
        <v>83.182243083836383</v>
      </c>
      <c r="K2217">
        <v>800</v>
      </c>
      <c r="M2217">
        <v>85.126823812827851</v>
      </c>
      <c r="N2217">
        <v>765</v>
      </c>
      <c r="P2217">
        <v>89.021809885520398</v>
      </c>
      <c r="Q2217">
        <v>475</v>
      </c>
    </row>
    <row r="2218" spans="4:17" x14ac:dyDescent="0.25">
      <c r="D2218">
        <v>82.761663403679918</v>
      </c>
      <c r="E2218">
        <v>800</v>
      </c>
      <c r="G2218">
        <v>83.495297718544762</v>
      </c>
      <c r="H2218">
        <v>800</v>
      </c>
      <c r="J2218">
        <v>83.179496111711828</v>
      </c>
      <c r="K2218">
        <v>800</v>
      </c>
      <c r="M2218">
        <v>85.119166200928319</v>
      </c>
      <c r="N2218">
        <v>765</v>
      </c>
      <c r="P2218">
        <v>88.995493217861039</v>
      </c>
      <c r="Q2218">
        <v>475</v>
      </c>
    </row>
    <row r="2219" spans="4:17" x14ac:dyDescent="0.25">
      <c r="D2219">
        <v>82.750210190938105</v>
      </c>
      <c r="E2219">
        <v>800</v>
      </c>
      <c r="G2219">
        <v>83.495297718544762</v>
      </c>
      <c r="H2219">
        <v>800</v>
      </c>
      <c r="J2219">
        <v>83.177095054595569</v>
      </c>
      <c r="K2219">
        <v>800</v>
      </c>
      <c r="M2219">
        <v>85.111113743415203</v>
      </c>
      <c r="N2219">
        <v>766</v>
      </c>
      <c r="P2219">
        <v>88.968479559806212</v>
      </c>
      <c r="Q2219">
        <v>476</v>
      </c>
    </row>
    <row r="2220" spans="4:17" x14ac:dyDescent="0.25">
      <c r="D2220">
        <v>82.736934257878744</v>
      </c>
      <c r="E2220">
        <v>800</v>
      </c>
      <c r="G2220">
        <v>83.495297718544762</v>
      </c>
      <c r="H2220">
        <v>800</v>
      </c>
      <c r="J2220">
        <v>83.174704171450145</v>
      </c>
      <c r="K2220">
        <v>800</v>
      </c>
      <c r="M2220">
        <v>85.1030493208835</v>
      </c>
      <c r="N2220">
        <v>766</v>
      </c>
      <c r="P2220">
        <v>88.942162892146854</v>
      </c>
      <c r="Q2220">
        <v>476</v>
      </c>
    </row>
    <row r="2221" spans="4:17" x14ac:dyDescent="0.25">
      <c r="D2221">
        <v>82.722270880995552</v>
      </c>
      <c r="E2221">
        <v>800</v>
      </c>
      <c r="G2221">
        <v>83.495297718544762</v>
      </c>
      <c r="H2221">
        <v>800</v>
      </c>
      <c r="J2221">
        <v>83.172303114333872</v>
      </c>
      <c r="K2221">
        <v>800</v>
      </c>
      <c r="M2221">
        <v>85.095391708983939</v>
      </c>
      <c r="N2221">
        <v>766</v>
      </c>
      <c r="P2221">
        <v>88.915128113170965</v>
      </c>
      <c r="Q2221">
        <v>476</v>
      </c>
    </row>
    <row r="2222" spans="4:17" x14ac:dyDescent="0.25">
      <c r="D2222">
        <v>82.705784783794755</v>
      </c>
      <c r="E2222">
        <v>800</v>
      </c>
      <c r="G2222">
        <v>83.495297718544762</v>
      </c>
      <c r="H2222">
        <v>800</v>
      </c>
      <c r="J2222">
        <v>83.169902057217598</v>
      </c>
      <c r="K2222">
        <v>800</v>
      </c>
      <c r="M2222">
        <v>85.087339251470823</v>
      </c>
      <c r="N2222">
        <v>767</v>
      </c>
      <c r="P2222">
        <v>88.888811445511635</v>
      </c>
      <c r="Q2222">
        <v>477</v>
      </c>
    </row>
    <row r="2223" spans="4:17" x14ac:dyDescent="0.25">
      <c r="D2223">
        <v>82.687911242770156</v>
      </c>
      <c r="E2223">
        <v>800</v>
      </c>
      <c r="G2223">
        <v>83.494847878727413</v>
      </c>
      <c r="H2223">
        <v>800</v>
      </c>
      <c r="J2223">
        <v>83.167165259063907</v>
      </c>
      <c r="K2223">
        <v>800</v>
      </c>
      <c r="M2223">
        <v>85.079681639571277</v>
      </c>
      <c r="N2223">
        <v>767</v>
      </c>
      <c r="P2223">
        <v>88.861776666535718</v>
      </c>
      <c r="Q2223">
        <v>477</v>
      </c>
    </row>
    <row r="2224" spans="4:17" x14ac:dyDescent="0.25">
      <c r="D2224">
        <v>82.669139943977186</v>
      </c>
      <c r="E2224">
        <v>800</v>
      </c>
      <c r="G2224">
        <v>83.494847878727413</v>
      </c>
      <c r="H2224">
        <v>800</v>
      </c>
      <c r="J2224">
        <v>83.164428460910187</v>
      </c>
      <c r="K2224">
        <v>800</v>
      </c>
      <c r="M2224">
        <v>85.072024027671745</v>
      </c>
      <c r="N2224">
        <v>768</v>
      </c>
      <c r="P2224">
        <v>88.83545999887636</v>
      </c>
      <c r="Q2224">
        <v>477</v>
      </c>
    </row>
    <row r="2225" spans="4:17" x14ac:dyDescent="0.25">
      <c r="D2225">
        <v>82.64944368263501</v>
      </c>
      <c r="E2225">
        <v>800</v>
      </c>
      <c r="G2225">
        <v>83.494847878727413</v>
      </c>
      <c r="H2225">
        <v>800</v>
      </c>
      <c r="J2225">
        <v>83.161335573777379</v>
      </c>
      <c r="K2225">
        <v>800</v>
      </c>
      <c r="M2225">
        <v>85.063971570158628</v>
      </c>
      <c r="N2225">
        <v>768</v>
      </c>
      <c r="P2225">
        <v>88.80986144253356</v>
      </c>
      <c r="Q2225">
        <v>478</v>
      </c>
    </row>
    <row r="2226" spans="4:17" x14ac:dyDescent="0.25">
      <c r="D2226">
        <v>82.630196300177005</v>
      </c>
      <c r="E2226">
        <v>800</v>
      </c>
      <c r="G2226">
        <v>83.494847878727413</v>
      </c>
      <c r="H2226">
        <v>800</v>
      </c>
      <c r="J2226">
        <v>83.158252860615391</v>
      </c>
      <c r="K2226">
        <v>800</v>
      </c>
      <c r="M2226">
        <v>85.056313958259082</v>
      </c>
      <c r="N2226">
        <v>768</v>
      </c>
      <c r="P2226">
        <v>88.784980997507304</v>
      </c>
      <c r="Q2226">
        <v>478</v>
      </c>
    </row>
    <row r="2227" spans="4:17" x14ac:dyDescent="0.25">
      <c r="D2227">
        <v>82.610962520109439</v>
      </c>
      <c r="E2227">
        <v>800</v>
      </c>
      <c r="G2227">
        <v>83.494847878727413</v>
      </c>
      <c r="H2227">
        <v>800</v>
      </c>
      <c r="J2227">
        <v>83.155516062461672</v>
      </c>
      <c r="K2227">
        <v>800</v>
      </c>
      <c r="M2227">
        <v>85.048656346359522</v>
      </c>
      <c r="N2227">
        <v>769</v>
      </c>
      <c r="P2227">
        <v>88.760079431559973</v>
      </c>
      <c r="Q2227">
        <v>478</v>
      </c>
    </row>
    <row r="2228" spans="4:17" x14ac:dyDescent="0.25">
      <c r="D2228">
        <v>82.591266258767249</v>
      </c>
      <c r="E2228">
        <v>800</v>
      </c>
      <c r="G2228">
        <v>83.494398038910091</v>
      </c>
      <c r="H2228">
        <v>800</v>
      </c>
      <c r="J2228">
        <v>83.152779264307966</v>
      </c>
      <c r="K2228">
        <v>800</v>
      </c>
      <c r="M2228">
        <v>85.040603888846405</v>
      </c>
      <c r="N2228">
        <v>769</v>
      </c>
      <c r="P2228">
        <v>88.734480875217187</v>
      </c>
      <c r="Q2228">
        <v>479</v>
      </c>
    </row>
    <row r="2229" spans="4:17" x14ac:dyDescent="0.25">
      <c r="D2229">
        <v>82.572032478699683</v>
      </c>
      <c r="E2229">
        <v>800</v>
      </c>
      <c r="G2229">
        <v>83.494398038910091</v>
      </c>
      <c r="H2229">
        <v>800</v>
      </c>
      <c r="J2229">
        <v>83.150713948229154</v>
      </c>
      <c r="K2229">
        <v>800</v>
      </c>
      <c r="M2229">
        <v>85.032946276946859</v>
      </c>
      <c r="N2229">
        <v>770</v>
      </c>
      <c r="P2229">
        <v>88.7102974205864</v>
      </c>
      <c r="Q2229">
        <v>479</v>
      </c>
    </row>
    <row r="2230" spans="4:17" x14ac:dyDescent="0.25">
      <c r="D2230">
        <v>82.553247577516288</v>
      </c>
      <c r="E2230">
        <v>800</v>
      </c>
      <c r="G2230">
        <v>83.493961429675622</v>
      </c>
      <c r="H2230">
        <v>800</v>
      </c>
      <c r="J2230">
        <v>83.148658806121148</v>
      </c>
      <c r="K2230">
        <v>800</v>
      </c>
      <c r="M2230">
        <v>85.025288665047327</v>
      </c>
      <c r="N2230">
        <v>770</v>
      </c>
      <c r="P2230">
        <v>88.685395854639054</v>
      </c>
      <c r="Q2230">
        <v>479</v>
      </c>
    </row>
    <row r="2231" spans="4:17" x14ac:dyDescent="0.25">
      <c r="D2231">
        <v>82.535387638882099</v>
      </c>
      <c r="E2231">
        <v>800</v>
      </c>
      <c r="G2231">
        <v>83.493511589858286</v>
      </c>
      <c r="H2231">
        <v>800</v>
      </c>
      <c r="J2231">
        <v>83.14660366401317</v>
      </c>
      <c r="K2231">
        <v>800</v>
      </c>
      <c r="M2231">
        <v>85.017631053147753</v>
      </c>
      <c r="N2231">
        <v>771</v>
      </c>
      <c r="P2231">
        <v>88.660494288691737</v>
      </c>
      <c r="Q2231">
        <v>480</v>
      </c>
    </row>
    <row r="2232" spans="4:17" x14ac:dyDescent="0.25">
      <c r="D2232">
        <v>82.51797657913211</v>
      </c>
      <c r="E2232">
        <v>800</v>
      </c>
      <c r="G2232">
        <v>83.493061750040937</v>
      </c>
      <c r="H2232">
        <v>800</v>
      </c>
      <c r="J2232">
        <v>83.144212780867733</v>
      </c>
      <c r="K2232">
        <v>800</v>
      </c>
      <c r="M2232">
        <v>85.00957859563465</v>
      </c>
      <c r="N2232">
        <v>771</v>
      </c>
      <c r="P2232">
        <v>88.635613843665482</v>
      </c>
      <c r="Q2232">
        <v>480</v>
      </c>
    </row>
    <row r="2233" spans="4:17" x14ac:dyDescent="0.25">
      <c r="D2233">
        <v>82.501028000656731</v>
      </c>
      <c r="E2233">
        <v>800</v>
      </c>
      <c r="G2233">
        <v>83.492625140806481</v>
      </c>
      <c r="H2233">
        <v>800</v>
      </c>
      <c r="J2233">
        <v>83.141811723751474</v>
      </c>
      <c r="K2233">
        <v>800</v>
      </c>
      <c r="M2233">
        <v>85.001920983735104</v>
      </c>
      <c r="N2233">
        <v>771</v>
      </c>
      <c r="P2233">
        <v>88.61071227771815</v>
      </c>
      <c r="Q2233">
        <v>480</v>
      </c>
    </row>
    <row r="2234" spans="4:17" x14ac:dyDescent="0.25">
      <c r="D2234">
        <v>82.484079422181338</v>
      </c>
      <c r="E2234">
        <v>800</v>
      </c>
      <c r="G2234">
        <v>83.49217530098916</v>
      </c>
      <c r="H2234">
        <v>800</v>
      </c>
      <c r="J2234">
        <v>83.13907492559774</v>
      </c>
      <c r="K2234">
        <v>800</v>
      </c>
      <c r="M2234">
        <v>84.994263371835572</v>
      </c>
      <c r="N2234">
        <v>772</v>
      </c>
      <c r="P2234">
        <v>88.585810711770819</v>
      </c>
      <c r="Q2234">
        <v>481</v>
      </c>
    </row>
    <row r="2235" spans="4:17" x14ac:dyDescent="0.25">
      <c r="D2235">
        <v>82.467593324980569</v>
      </c>
      <c r="E2235">
        <v>800</v>
      </c>
      <c r="G2235">
        <v>83.49217530098916</v>
      </c>
      <c r="H2235">
        <v>800</v>
      </c>
      <c r="J2235">
        <v>83.136673868481495</v>
      </c>
      <c r="K2235">
        <v>800</v>
      </c>
      <c r="M2235">
        <v>84.986605759936012</v>
      </c>
      <c r="N2235">
        <v>772</v>
      </c>
      <c r="P2235">
        <v>88.561627257140017</v>
      </c>
      <c r="Q2235">
        <v>481</v>
      </c>
    </row>
    <row r="2236" spans="4:17" x14ac:dyDescent="0.25">
      <c r="D2236">
        <v>82.451093625389362</v>
      </c>
      <c r="E2236">
        <v>800</v>
      </c>
      <c r="G2236">
        <v>83.491725461171811</v>
      </c>
      <c r="H2236">
        <v>800</v>
      </c>
      <c r="J2236">
        <v>83.134272811365236</v>
      </c>
      <c r="K2236">
        <v>800</v>
      </c>
      <c r="M2236">
        <v>84.978948148036466</v>
      </c>
      <c r="N2236">
        <v>773</v>
      </c>
      <c r="P2236">
        <v>88.537464923430335</v>
      </c>
      <c r="Q2236">
        <v>481</v>
      </c>
    </row>
    <row r="2237" spans="4:17" x14ac:dyDescent="0.25">
      <c r="D2237">
        <v>82.43551888834736</v>
      </c>
      <c r="E2237">
        <v>800</v>
      </c>
      <c r="G2237">
        <v>83.491725461171811</v>
      </c>
      <c r="H2237">
        <v>800</v>
      </c>
      <c r="J2237">
        <v>83.13221766925723</v>
      </c>
      <c r="K2237">
        <v>800</v>
      </c>
      <c r="M2237">
        <v>84.970895690523363</v>
      </c>
      <c r="N2237">
        <v>773</v>
      </c>
      <c r="P2237">
        <v>88.513281468799548</v>
      </c>
      <c r="Q2237">
        <v>482</v>
      </c>
    </row>
    <row r="2238" spans="4:17" x14ac:dyDescent="0.25">
      <c r="D2238">
        <v>82.420869113854593</v>
      </c>
      <c r="E2238">
        <v>800</v>
      </c>
      <c r="G2238">
        <v>83.491288851937341</v>
      </c>
      <c r="H2238">
        <v>800</v>
      </c>
      <c r="J2238">
        <v>83.129816612140971</v>
      </c>
      <c r="K2238">
        <v>800</v>
      </c>
      <c r="M2238">
        <v>84.963238078623803</v>
      </c>
      <c r="N2238">
        <v>773</v>
      </c>
      <c r="P2238">
        <v>88.489098014168761</v>
      </c>
      <c r="Q2238">
        <v>482</v>
      </c>
    </row>
    <row r="2239" spans="4:17" x14ac:dyDescent="0.25">
      <c r="D2239">
        <v>82.406668218245997</v>
      </c>
      <c r="E2239">
        <v>800</v>
      </c>
      <c r="G2239">
        <v>83.490839012120006</v>
      </c>
      <c r="H2239">
        <v>800</v>
      </c>
      <c r="J2239">
        <v>83.128107385041261</v>
      </c>
      <c r="K2239">
        <v>800</v>
      </c>
      <c r="M2239">
        <v>84.9551736560921</v>
      </c>
      <c r="N2239">
        <v>774</v>
      </c>
      <c r="P2239">
        <v>88.464196448221415</v>
      </c>
      <c r="Q2239">
        <v>482</v>
      </c>
    </row>
    <row r="2240" spans="4:17" x14ac:dyDescent="0.25">
      <c r="D2240">
        <v>82.393841164070807</v>
      </c>
      <c r="E2240">
        <v>800</v>
      </c>
      <c r="G2240">
        <v>83.490839012120006</v>
      </c>
      <c r="H2240">
        <v>800</v>
      </c>
      <c r="J2240">
        <v>83.126398157941537</v>
      </c>
      <c r="K2240">
        <v>800</v>
      </c>
      <c r="M2240">
        <v>84.947528009211155</v>
      </c>
      <c r="N2240">
        <v>774</v>
      </c>
      <c r="P2240">
        <v>88.440012993590642</v>
      </c>
      <c r="Q2240">
        <v>483</v>
      </c>
    </row>
    <row r="2241" spans="4:17" x14ac:dyDescent="0.25">
      <c r="D2241">
        <v>82.381476591170227</v>
      </c>
      <c r="E2241">
        <v>800</v>
      </c>
      <c r="G2241">
        <v>83.490389172302699</v>
      </c>
      <c r="H2241">
        <v>800</v>
      </c>
      <c r="J2241">
        <v>83.125024671879288</v>
      </c>
      <c r="K2241">
        <v>800</v>
      </c>
      <c r="M2241">
        <v>84.939870397311594</v>
      </c>
      <c r="N2241">
        <v>775</v>
      </c>
      <c r="P2241">
        <v>88.417244640671882</v>
      </c>
      <c r="Q2241">
        <v>483</v>
      </c>
    </row>
    <row r="2242" spans="4:17" x14ac:dyDescent="0.25">
      <c r="D2242">
        <v>82.370023378428442</v>
      </c>
      <c r="E2242">
        <v>800</v>
      </c>
      <c r="G2242">
        <v>83.490389172302699</v>
      </c>
      <c r="H2242">
        <v>800</v>
      </c>
      <c r="J2242">
        <v>83.123305270808729</v>
      </c>
      <c r="K2242">
        <v>800</v>
      </c>
      <c r="M2242">
        <v>84.931805974779891</v>
      </c>
      <c r="N2242">
        <v>775</v>
      </c>
      <c r="P2242">
        <v>88.394497408674198</v>
      </c>
      <c r="Q2242">
        <v>483</v>
      </c>
    </row>
    <row r="2243" spans="4:17" x14ac:dyDescent="0.25">
      <c r="D2243">
        <v>82.359481525845439</v>
      </c>
      <c r="E2243">
        <v>800</v>
      </c>
      <c r="G2243">
        <v>83.490389172302699</v>
      </c>
      <c r="H2243">
        <v>800</v>
      </c>
      <c r="J2243">
        <v>83.121596043709019</v>
      </c>
      <c r="K2243">
        <v>800</v>
      </c>
      <c r="M2243">
        <v>84.924148362880345</v>
      </c>
      <c r="N2243">
        <v>776</v>
      </c>
      <c r="P2243">
        <v>88.371729055755424</v>
      </c>
      <c r="Q2243">
        <v>484</v>
      </c>
    </row>
    <row r="2244" spans="4:17" x14ac:dyDescent="0.25">
      <c r="D2244">
        <v>82.34895327565286</v>
      </c>
      <c r="E2244">
        <v>800</v>
      </c>
      <c r="G2244">
        <v>83.490389172302699</v>
      </c>
      <c r="H2244">
        <v>800</v>
      </c>
      <c r="J2244">
        <v>83.11919498659276</v>
      </c>
      <c r="K2244">
        <v>800</v>
      </c>
      <c r="M2244">
        <v>84.916502715999385</v>
      </c>
      <c r="N2244">
        <v>776</v>
      </c>
      <c r="P2244">
        <v>88.34898182375774</v>
      </c>
      <c r="Q2244">
        <v>484</v>
      </c>
    </row>
    <row r="2245" spans="4:17" x14ac:dyDescent="0.25">
      <c r="D2245">
        <v>82.339336385619049</v>
      </c>
      <c r="E2245">
        <v>800</v>
      </c>
      <c r="G2245">
        <v>83.489952563068215</v>
      </c>
      <c r="H2245">
        <v>800</v>
      </c>
      <c r="J2245">
        <v>83.117139844484754</v>
      </c>
      <c r="K2245">
        <v>800</v>
      </c>
      <c r="M2245">
        <v>84.908845104099854</v>
      </c>
      <c r="N2245">
        <v>776</v>
      </c>
      <c r="P2245">
        <v>88.326213470838979</v>
      </c>
      <c r="Q2245">
        <v>484</v>
      </c>
    </row>
    <row r="2246" spans="4:17" x14ac:dyDescent="0.25">
      <c r="D2246">
        <v>82.330168374469466</v>
      </c>
      <c r="E2246">
        <v>800</v>
      </c>
      <c r="G2246">
        <v>83.489952563068215</v>
      </c>
      <c r="H2246">
        <v>800</v>
      </c>
      <c r="J2246">
        <v>83.11474896133933</v>
      </c>
      <c r="K2246">
        <v>800</v>
      </c>
      <c r="M2246">
        <v>84.901594302832464</v>
      </c>
      <c r="N2246">
        <v>777</v>
      </c>
      <c r="P2246">
        <v>88.30416322923675</v>
      </c>
      <c r="Q2246">
        <v>485</v>
      </c>
    </row>
    <row r="2247" spans="4:17" x14ac:dyDescent="0.25">
      <c r="D2247">
        <v>82.321462844594478</v>
      </c>
      <c r="E2247">
        <v>800</v>
      </c>
      <c r="G2247">
        <v>83.489952563068215</v>
      </c>
      <c r="H2247">
        <v>800</v>
      </c>
      <c r="J2247">
        <v>83.112001989214775</v>
      </c>
      <c r="K2247">
        <v>800</v>
      </c>
      <c r="M2247">
        <v>84.894331536546488</v>
      </c>
      <c r="N2247">
        <v>777</v>
      </c>
      <c r="P2247">
        <v>88.282112987634548</v>
      </c>
      <c r="Q2247">
        <v>485</v>
      </c>
    </row>
    <row r="2248" spans="4:17" x14ac:dyDescent="0.25">
      <c r="D2248">
        <v>82.312757314719462</v>
      </c>
      <c r="E2248">
        <v>800</v>
      </c>
      <c r="G2248">
        <v>83.489952563068215</v>
      </c>
      <c r="H2248">
        <v>800</v>
      </c>
      <c r="J2248">
        <v>83.109600932098516</v>
      </c>
      <c r="K2248">
        <v>800</v>
      </c>
      <c r="M2248">
        <v>84.886685889665543</v>
      </c>
      <c r="N2248">
        <v>778</v>
      </c>
      <c r="P2248">
        <v>88.260062746032318</v>
      </c>
      <c r="Q2248">
        <v>485</v>
      </c>
    </row>
    <row r="2249" spans="4:17" x14ac:dyDescent="0.25">
      <c r="D2249">
        <v>82.304976747393681</v>
      </c>
      <c r="E2249">
        <v>800</v>
      </c>
      <c r="G2249">
        <v>83.48950272325088</v>
      </c>
      <c r="H2249">
        <v>800</v>
      </c>
      <c r="J2249">
        <v>83.107545789990539</v>
      </c>
      <c r="K2249">
        <v>800</v>
      </c>
      <c r="M2249">
        <v>84.879423123379567</v>
      </c>
      <c r="N2249">
        <v>778</v>
      </c>
      <c r="P2249">
        <v>88.237315514034648</v>
      </c>
      <c r="Q2249">
        <v>486</v>
      </c>
    </row>
    <row r="2250" spans="4:17" x14ac:dyDescent="0.25">
      <c r="D2250">
        <v>82.297645058952071</v>
      </c>
      <c r="E2250">
        <v>800</v>
      </c>
      <c r="G2250">
        <v>83.48950272325088</v>
      </c>
      <c r="H2250">
        <v>800</v>
      </c>
      <c r="J2250">
        <v>83.105490647882547</v>
      </c>
      <c r="K2250">
        <v>800</v>
      </c>
      <c r="M2250">
        <v>84.872172322112178</v>
      </c>
      <c r="N2250">
        <v>778</v>
      </c>
      <c r="P2250">
        <v>88.214547161115874</v>
      </c>
      <c r="Q2250">
        <v>486</v>
      </c>
    </row>
    <row r="2251" spans="4:17" x14ac:dyDescent="0.25">
      <c r="D2251">
        <v>82.290313370510475</v>
      </c>
      <c r="E2251">
        <v>800</v>
      </c>
      <c r="G2251">
        <v>83.48950272325088</v>
      </c>
      <c r="H2251">
        <v>800</v>
      </c>
      <c r="J2251">
        <v>83.103781420782823</v>
      </c>
      <c r="K2251">
        <v>800</v>
      </c>
      <c r="M2251">
        <v>84.864921520844788</v>
      </c>
      <c r="N2251">
        <v>779</v>
      </c>
      <c r="P2251">
        <v>88.1917788081971</v>
      </c>
      <c r="Q2251">
        <v>486</v>
      </c>
    </row>
    <row r="2252" spans="4:17" x14ac:dyDescent="0.25">
      <c r="D2252">
        <v>82.282981682068879</v>
      </c>
      <c r="E2252">
        <v>800</v>
      </c>
      <c r="G2252">
        <v>83.48950272325088</v>
      </c>
      <c r="H2252">
        <v>800</v>
      </c>
      <c r="J2252">
        <v>83.101726278674832</v>
      </c>
      <c r="K2252">
        <v>800</v>
      </c>
      <c r="M2252">
        <v>84.857670719577399</v>
      </c>
      <c r="N2252">
        <v>779</v>
      </c>
      <c r="P2252">
        <v>88.168313464882885</v>
      </c>
      <c r="Q2252">
        <v>487</v>
      </c>
    </row>
    <row r="2253" spans="4:17" x14ac:dyDescent="0.25">
      <c r="D2253">
        <v>82.276112474901893</v>
      </c>
      <c r="E2253">
        <v>800</v>
      </c>
      <c r="G2253">
        <v>83.48950272325088</v>
      </c>
      <c r="H2253">
        <v>800</v>
      </c>
      <c r="J2253">
        <v>83.099325221558573</v>
      </c>
      <c r="K2253">
        <v>800</v>
      </c>
      <c r="M2253">
        <v>84.850419918310038</v>
      </c>
      <c r="N2253">
        <v>780</v>
      </c>
      <c r="P2253">
        <v>88.146263223280656</v>
      </c>
      <c r="Q2253">
        <v>487</v>
      </c>
    </row>
    <row r="2254" spans="4:17" x14ac:dyDescent="0.25">
      <c r="D2254">
        <v>82.269705749009532</v>
      </c>
      <c r="E2254">
        <v>800</v>
      </c>
      <c r="G2254">
        <v>83.48950272325088</v>
      </c>
      <c r="H2254">
        <v>800</v>
      </c>
      <c r="J2254">
        <v>83.096588423404853</v>
      </c>
      <c r="K2254">
        <v>800</v>
      </c>
      <c r="M2254">
        <v>84.843169117042649</v>
      </c>
      <c r="N2254">
        <v>780</v>
      </c>
      <c r="P2254">
        <v>88.123515991282972</v>
      </c>
      <c r="Q2254">
        <v>487</v>
      </c>
    </row>
    <row r="2255" spans="4:17" x14ac:dyDescent="0.25">
      <c r="D2255">
        <v>82.263747902001299</v>
      </c>
      <c r="E2255">
        <v>800</v>
      </c>
      <c r="G2255">
        <v>83.48950272325088</v>
      </c>
      <c r="H2255">
        <v>800</v>
      </c>
      <c r="J2255">
        <v>83.093841451280326</v>
      </c>
      <c r="K2255">
        <v>800</v>
      </c>
      <c r="M2255">
        <v>84.835511505143117</v>
      </c>
      <c r="N2255">
        <v>781</v>
      </c>
      <c r="P2255">
        <v>88.101465749680756</v>
      </c>
      <c r="Q2255">
        <v>488</v>
      </c>
    </row>
    <row r="2256" spans="4:17" x14ac:dyDescent="0.25">
      <c r="D2256">
        <v>82.257790054993109</v>
      </c>
      <c r="E2256">
        <v>800</v>
      </c>
      <c r="G2256">
        <v>83.48950272325088</v>
      </c>
      <c r="H2256">
        <v>800</v>
      </c>
      <c r="J2256">
        <v>83.091450568134888</v>
      </c>
      <c r="K2256">
        <v>800</v>
      </c>
      <c r="M2256">
        <v>84.828260703875728</v>
      </c>
      <c r="N2256">
        <v>781</v>
      </c>
      <c r="P2256">
        <v>88.079415508078554</v>
      </c>
      <c r="Q2256">
        <v>488</v>
      </c>
    </row>
    <row r="2257" spans="4:17" x14ac:dyDescent="0.25">
      <c r="D2257">
        <v>82.2522946892595</v>
      </c>
      <c r="E2257">
        <v>800</v>
      </c>
      <c r="G2257">
        <v>83.489952563068215</v>
      </c>
      <c r="H2257">
        <v>800</v>
      </c>
      <c r="J2257">
        <v>83.089049511018629</v>
      </c>
      <c r="K2257">
        <v>800</v>
      </c>
      <c r="M2257">
        <v>84.821009902608324</v>
      </c>
      <c r="N2257">
        <v>781</v>
      </c>
      <c r="P2257">
        <v>88.057365266476339</v>
      </c>
      <c r="Q2257">
        <v>488</v>
      </c>
    </row>
    <row r="2258" spans="4:17" x14ac:dyDescent="0.25">
      <c r="D2258">
        <v>82.24679932352592</v>
      </c>
      <c r="E2258">
        <v>800</v>
      </c>
      <c r="G2258">
        <v>83.489952563068215</v>
      </c>
      <c r="H2258">
        <v>800</v>
      </c>
      <c r="J2258">
        <v>83.086648453902342</v>
      </c>
      <c r="K2258">
        <v>800</v>
      </c>
      <c r="M2258">
        <v>84.813747136322363</v>
      </c>
      <c r="N2258">
        <v>782</v>
      </c>
      <c r="P2258">
        <v>88.035315024874095</v>
      </c>
      <c r="Q2258">
        <v>489</v>
      </c>
    </row>
    <row r="2259" spans="4:17" x14ac:dyDescent="0.25">
      <c r="D2259">
        <v>82.24176643906695</v>
      </c>
      <c r="E2259">
        <v>800</v>
      </c>
      <c r="G2259">
        <v>83.490389172302699</v>
      </c>
      <c r="H2259">
        <v>800</v>
      </c>
      <c r="J2259">
        <v>83.084247396786097</v>
      </c>
      <c r="K2259">
        <v>800</v>
      </c>
      <c r="M2259">
        <v>84.806496335054987</v>
      </c>
      <c r="N2259">
        <v>782</v>
      </c>
      <c r="P2259">
        <v>88.013264783271893</v>
      </c>
      <c r="Q2259">
        <v>489</v>
      </c>
    </row>
    <row r="2260" spans="4:17" x14ac:dyDescent="0.25">
      <c r="D2260">
        <v>82.237182433492123</v>
      </c>
      <c r="E2260">
        <v>800</v>
      </c>
      <c r="G2260">
        <v>83.490389172302699</v>
      </c>
      <c r="H2260">
        <v>800</v>
      </c>
      <c r="J2260">
        <v>83.082192254678105</v>
      </c>
      <c r="K2260">
        <v>800</v>
      </c>
      <c r="M2260">
        <v>84.799245533787584</v>
      </c>
      <c r="N2260">
        <v>783</v>
      </c>
      <c r="P2260">
        <v>87.991932652986222</v>
      </c>
      <c r="Q2260">
        <v>489</v>
      </c>
    </row>
    <row r="2261" spans="4:17" x14ac:dyDescent="0.25">
      <c r="D2261">
        <v>82.233060909191934</v>
      </c>
      <c r="E2261">
        <v>800</v>
      </c>
      <c r="G2261">
        <v>83.490839012120006</v>
      </c>
      <c r="H2261">
        <v>800</v>
      </c>
      <c r="J2261">
        <v>83.079801371532682</v>
      </c>
      <c r="K2261">
        <v>800</v>
      </c>
      <c r="M2261">
        <v>84.791994732520209</v>
      </c>
      <c r="N2261">
        <v>783</v>
      </c>
      <c r="P2261">
        <v>87.970579401779474</v>
      </c>
      <c r="Q2261">
        <v>490</v>
      </c>
    </row>
    <row r="2262" spans="4:17" x14ac:dyDescent="0.25">
      <c r="D2262">
        <v>82.229388263775917</v>
      </c>
      <c r="E2262">
        <v>800</v>
      </c>
      <c r="G2262">
        <v>83.490839012120006</v>
      </c>
      <c r="H2262">
        <v>800</v>
      </c>
      <c r="J2262">
        <v>83.077746229424676</v>
      </c>
      <c r="K2262">
        <v>800</v>
      </c>
      <c r="M2262">
        <v>84.784743931252819</v>
      </c>
      <c r="N2262">
        <v>783</v>
      </c>
      <c r="P2262">
        <v>87.949247271493803</v>
      </c>
      <c r="Q2262">
        <v>490</v>
      </c>
    </row>
    <row r="2263" spans="4:17" x14ac:dyDescent="0.25">
      <c r="D2263">
        <v>82.226191702024948</v>
      </c>
      <c r="E2263">
        <v>800</v>
      </c>
      <c r="G2263">
        <v>83.490839012120006</v>
      </c>
      <c r="H2263">
        <v>800</v>
      </c>
      <c r="J2263">
        <v>83.076026828354145</v>
      </c>
      <c r="K2263">
        <v>800</v>
      </c>
      <c r="M2263">
        <v>84.777493129985459</v>
      </c>
      <c r="N2263">
        <v>784</v>
      </c>
      <c r="P2263">
        <v>87.927915141208132</v>
      </c>
      <c r="Q2263">
        <v>490</v>
      </c>
    </row>
    <row r="2264" spans="4:17" x14ac:dyDescent="0.25">
      <c r="D2264">
        <v>82.222519056608945</v>
      </c>
      <c r="E2264">
        <v>800</v>
      </c>
      <c r="G2264">
        <v>83.490839012120006</v>
      </c>
      <c r="H2264">
        <v>800</v>
      </c>
      <c r="J2264">
        <v>83.073635945208707</v>
      </c>
      <c r="K2264">
        <v>800</v>
      </c>
      <c r="M2264">
        <v>84.770230363699454</v>
      </c>
      <c r="N2264">
        <v>784</v>
      </c>
      <c r="P2264">
        <v>87.907280001317929</v>
      </c>
      <c r="Q2264">
        <v>491</v>
      </c>
    </row>
    <row r="2265" spans="4:17" x14ac:dyDescent="0.25">
      <c r="D2265">
        <v>82.218860013583367</v>
      </c>
      <c r="E2265">
        <v>800</v>
      </c>
      <c r="G2265">
        <v>83.490839012120006</v>
      </c>
      <c r="H2265">
        <v>800</v>
      </c>
      <c r="J2265">
        <v>83.071580803100701</v>
      </c>
      <c r="K2265">
        <v>800</v>
      </c>
      <c r="M2265">
        <v>84.762979562432093</v>
      </c>
      <c r="N2265">
        <v>785</v>
      </c>
      <c r="P2265">
        <v>87.885947871032272</v>
      </c>
      <c r="Q2265">
        <v>491</v>
      </c>
    </row>
    <row r="2266" spans="4:17" x14ac:dyDescent="0.25">
      <c r="D2266">
        <v>82.21473848928315</v>
      </c>
      <c r="E2266">
        <v>800</v>
      </c>
      <c r="G2266">
        <v>83.490839012120006</v>
      </c>
      <c r="H2266">
        <v>800</v>
      </c>
      <c r="J2266">
        <v>83.069515487021889</v>
      </c>
      <c r="K2266">
        <v>800</v>
      </c>
      <c r="M2266">
        <v>84.755728761164718</v>
      </c>
      <c r="N2266">
        <v>785</v>
      </c>
      <c r="P2266">
        <v>87.865312731142083</v>
      </c>
      <c r="Q2266">
        <v>491</v>
      </c>
    </row>
    <row r="2267" spans="4:17" x14ac:dyDescent="0.25">
      <c r="D2267">
        <v>82.211065843867132</v>
      </c>
      <c r="E2267">
        <v>800</v>
      </c>
      <c r="G2267">
        <v>83.490839012120006</v>
      </c>
      <c r="H2267">
        <v>800</v>
      </c>
      <c r="J2267">
        <v>83.067460344913897</v>
      </c>
      <c r="K2267">
        <v>800</v>
      </c>
      <c r="M2267">
        <v>84.748477959897301</v>
      </c>
      <c r="N2267">
        <v>786</v>
      </c>
      <c r="P2267">
        <v>87.843980600856426</v>
      </c>
      <c r="Q2267">
        <v>492</v>
      </c>
    </row>
    <row r="2268" spans="4:17" x14ac:dyDescent="0.25">
      <c r="D2268">
        <v>82.207406800841554</v>
      </c>
      <c r="E2268">
        <v>800</v>
      </c>
      <c r="G2268">
        <v>83.490839012120006</v>
      </c>
      <c r="H2268">
        <v>800</v>
      </c>
      <c r="J2268">
        <v>83.066097032822455</v>
      </c>
      <c r="K2268">
        <v>800</v>
      </c>
      <c r="M2268">
        <v>84.74122715862994</v>
      </c>
      <c r="N2268">
        <v>786</v>
      </c>
      <c r="P2268">
        <v>87.822648470570755</v>
      </c>
      <c r="Q2268">
        <v>492</v>
      </c>
    </row>
    <row r="2269" spans="4:17" x14ac:dyDescent="0.25">
      <c r="D2269">
        <v>82.204196636700161</v>
      </c>
      <c r="E2269">
        <v>800</v>
      </c>
      <c r="G2269">
        <v>83.490839012120006</v>
      </c>
      <c r="H2269">
        <v>800</v>
      </c>
      <c r="J2269">
        <v>83.06437763175191</v>
      </c>
      <c r="K2269">
        <v>800</v>
      </c>
      <c r="M2269">
        <v>84.73397635736255</v>
      </c>
      <c r="N2269">
        <v>786</v>
      </c>
      <c r="P2269">
        <v>87.802013330680523</v>
      </c>
      <c r="Q2269">
        <v>492</v>
      </c>
    </row>
    <row r="2270" spans="4:17" x14ac:dyDescent="0.25">
      <c r="D2270">
        <v>82.201000074949178</v>
      </c>
      <c r="E2270">
        <v>800</v>
      </c>
      <c r="G2270">
        <v>83.490839012120006</v>
      </c>
      <c r="H2270">
        <v>800</v>
      </c>
      <c r="J2270">
        <v>83.0626684046522</v>
      </c>
      <c r="K2270">
        <v>800</v>
      </c>
      <c r="M2270">
        <v>84.726725556095175</v>
      </c>
      <c r="N2270">
        <v>787</v>
      </c>
      <c r="P2270">
        <v>87.780681200394866</v>
      </c>
      <c r="Q2270">
        <v>493</v>
      </c>
    </row>
    <row r="2271" spans="4:17" x14ac:dyDescent="0.25">
      <c r="D2271">
        <v>82.198252392082367</v>
      </c>
      <c r="E2271">
        <v>800</v>
      </c>
      <c r="G2271">
        <v>83.490839012120006</v>
      </c>
      <c r="H2271">
        <v>800</v>
      </c>
      <c r="J2271">
        <v>83.06095917755249</v>
      </c>
      <c r="K2271">
        <v>800</v>
      </c>
      <c r="M2271">
        <v>84.719869600441356</v>
      </c>
      <c r="N2271">
        <v>787</v>
      </c>
      <c r="P2271">
        <v>87.760046060504678</v>
      </c>
      <c r="Q2271">
        <v>493</v>
      </c>
    </row>
    <row r="2272" spans="4:17" x14ac:dyDescent="0.25">
      <c r="D2272">
        <v>82.195953588099755</v>
      </c>
      <c r="E2272">
        <v>800</v>
      </c>
      <c r="G2272">
        <v>83.490839012120006</v>
      </c>
      <c r="H2272">
        <v>800</v>
      </c>
      <c r="J2272">
        <v>83.059585691490213</v>
      </c>
      <c r="K2272">
        <v>800</v>
      </c>
      <c r="M2272">
        <v>84.712618799173967</v>
      </c>
      <c r="N2272">
        <v>788</v>
      </c>
      <c r="P2272">
        <v>87.739432041535565</v>
      </c>
      <c r="Q2272">
        <v>493</v>
      </c>
    </row>
    <row r="2273" spans="4:17" x14ac:dyDescent="0.25">
      <c r="D2273">
        <v>82.193668386507568</v>
      </c>
      <c r="E2273">
        <v>800</v>
      </c>
      <c r="G2273">
        <v>83.490839012120006</v>
      </c>
      <c r="H2273">
        <v>800</v>
      </c>
      <c r="J2273">
        <v>83.058212205427949</v>
      </c>
      <c r="K2273">
        <v>800</v>
      </c>
      <c r="M2273">
        <v>84.705367997906606</v>
      </c>
      <c r="N2273">
        <v>788</v>
      </c>
      <c r="P2273">
        <v>87.718796901645362</v>
      </c>
      <c r="Q2273">
        <v>494</v>
      </c>
    </row>
    <row r="2274" spans="4:17" x14ac:dyDescent="0.25">
      <c r="D2274">
        <v>82.191369582524956</v>
      </c>
      <c r="E2274">
        <v>800</v>
      </c>
      <c r="G2274">
        <v>83.490839012120006</v>
      </c>
      <c r="H2274">
        <v>800</v>
      </c>
      <c r="J2274">
        <v>83.056502978328211</v>
      </c>
      <c r="K2274">
        <v>800</v>
      </c>
      <c r="M2274">
        <v>84.698512042252787</v>
      </c>
      <c r="N2274">
        <v>788</v>
      </c>
      <c r="P2274">
        <v>87.698879873071718</v>
      </c>
      <c r="Q2274">
        <v>494</v>
      </c>
    </row>
    <row r="2275" spans="4:17" x14ac:dyDescent="0.25">
      <c r="D2275">
        <v>82.189084380932769</v>
      </c>
      <c r="E2275">
        <v>800</v>
      </c>
      <c r="G2275">
        <v>83.490839012120006</v>
      </c>
      <c r="H2275">
        <v>800</v>
      </c>
      <c r="J2275">
        <v>83.054447836220248</v>
      </c>
      <c r="K2275">
        <v>800</v>
      </c>
      <c r="M2275">
        <v>84.691261240985412</v>
      </c>
      <c r="N2275">
        <v>789</v>
      </c>
      <c r="P2275">
        <v>87.678962844498059</v>
      </c>
      <c r="Q2275">
        <v>494</v>
      </c>
    </row>
    <row r="2276" spans="4:17" x14ac:dyDescent="0.25">
      <c r="D2276">
        <v>82.186799179340568</v>
      </c>
      <c r="E2276">
        <v>800</v>
      </c>
      <c r="G2276">
        <v>83.490839012120006</v>
      </c>
      <c r="H2276">
        <v>800</v>
      </c>
      <c r="J2276">
        <v>83.052392694112257</v>
      </c>
      <c r="K2276">
        <v>800</v>
      </c>
      <c r="M2276">
        <v>84.684010439718023</v>
      </c>
      <c r="N2276">
        <v>789</v>
      </c>
      <c r="P2276">
        <v>87.659066936845491</v>
      </c>
      <c r="Q2276">
        <v>495</v>
      </c>
    </row>
    <row r="2277" spans="4:17" x14ac:dyDescent="0.25">
      <c r="D2277">
        <v>82.18450037535797</v>
      </c>
      <c r="E2277">
        <v>800</v>
      </c>
      <c r="G2277">
        <v>83.490839012120006</v>
      </c>
      <c r="H2277">
        <v>800</v>
      </c>
      <c r="J2277">
        <v>83.049991636995983</v>
      </c>
      <c r="K2277">
        <v>800</v>
      </c>
      <c r="M2277">
        <v>84.676759638450633</v>
      </c>
      <c r="N2277">
        <v>790</v>
      </c>
      <c r="P2277">
        <v>87.639149908271847</v>
      </c>
      <c r="Q2277">
        <v>495</v>
      </c>
    </row>
    <row r="2278" spans="4:17" x14ac:dyDescent="0.25">
      <c r="D2278">
        <v>82.182215173765769</v>
      </c>
      <c r="E2278">
        <v>800</v>
      </c>
      <c r="G2278">
        <v>83.490389172302699</v>
      </c>
      <c r="H2278">
        <v>800</v>
      </c>
      <c r="J2278">
        <v>83.04759057987971</v>
      </c>
      <c r="K2278">
        <v>800</v>
      </c>
      <c r="M2278">
        <v>84.669903682796829</v>
      </c>
      <c r="N2278">
        <v>790</v>
      </c>
      <c r="P2278">
        <v>87.618514768381644</v>
      </c>
      <c r="Q2278">
        <v>495</v>
      </c>
    </row>
    <row r="2279" spans="4:17" x14ac:dyDescent="0.25">
      <c r="D2279">
        <v>82.180378851057768</v>
      </c>
      <c r="E2279">
        <v>800</v>
      </c>
      <c r="G2279">
        <v>83.490389172302699</v>
      </c>
      <c r="H2279">
        <v>800</v>
      </c>
      <c r="J2279">
        <v>83.045535437771733</v>
      </c>
      <c r="K2279">
        <v>800</v>
      </c>
      <c r="M2279">
        <v>84.662652881529425</v>
      </c>
      <c r="N2279">
        <v>791</v>
      </c>
      <c r="P2279">
        <v>87.598597739808</v>
      </c>
      <c r="Q2279">
        <v>496</v>
      </c>
    </row>
    <row r="2280" spans="4:17" x14ac:dyDescent="0.25">
      <c r="D2280">
        <v>82.178093649465595</v>
      </c>
      <c r="E2280">
        <v>800</v>
      </c>
      <c r="G2280">
        <v>83.490389172302699</v>
      </c>
      <c r="H2280">
        <v>800</v>
      </c>
      <c r="J2280">
        <v>83.043480295663741</v>
      </c>
      <c r="K2280">
        <v>800</v>
      </c>
      <c r="M2280">
        <v>84.655808890894207</v>
      </c>
      <c r="N2280">
        <v>791</v>
      </c>
      <c r="P2280">
        <v>87.578680711234341</v>
      </c>
      <c r="Q2280">
        <v>496</v>
      </c>
    </row>
    <row r="2281" spans="4:17" x14ac:dyDescent="0.25">
      <c r="D2281">
        <v>82.176257326757579</v>
      </c>
      <c r="E2281">
        <v>800</v>
      </c>
      <c r="G2281">
        <v>83.490389172302699</v>
      </c>
      <c r="H2281">
        <v>800</v>
      </c>
      <c r="J2281">
        <v>83.041771068564032</v>
      </c>
      <c r="K2281">
        <v>800</v>
      </c>
      <c r="M2281">
        <v>84.648558089626832</v>
      </c>
      <c r="N2281">
        <v>791</v>
      </c>
      <c r="P2281">
        <v>87.558763682660697</v>
      </c>
      <c r="Q2281">
        <v>496</v>
      </c>
    </row>
    <row r="2282" spans="4:17" x14ac:dyDescent="0.25">
      <c r="D2282">
        <v>82.174421004049563</v>
      </c>
      <c r="E2282">
        <v>800</v>
      </c>
      <c r="G2282">
        <v>83.489952563068215</v>
      </c>
      <c r="H2282">
        <v>800</v>
      </c>
      <c r="J2282">
        <v>83.03971592645604</v>
      </c>
      <c r="K2282">
        <v>800</v>
      </c>
      <c r="M2282">
        <v>84.641702133973041</v>
      </c>
      <c r="N2282">
        <v>792</v>
      </c>
      <c r="P2282">
        <v>87.539564765403583</v>
      </c>
      <c r="Q2282">
        <v>497</v>
      </c>
    </row>
    <row r="2283" spans="4:17" x14ac:dyDescent="0.25">
      <c r="D2283">
        <v>82.172598283731986</v>
      </c>
      <c r="E2283">
        <v>800</v>
      </c>
      <c r="G2283">
        <v>83.489952563068215</v>
      </c>
      <c r="H2283">
        <v>800</v>
      </c>
      <c r="J2283">
        <v>83.037660784348049</v>
      </c>
      <c r="K2283">
        <v>800</v>
      </c>
      <c r="M2283">
        <v>84.634451332705652</v>
      </c>
      <c r="N2283">
        <v>792</v>
      </c>
      <c r="P2283">
        <v>87.520365848146483</v>
      </c>
      <c r="Q2283">
        <v>497</v>
      </c>
    </row>
    <row r="2284" spans="4:17" x14ac:dyDescent="0.25">
      <c r="D2284">
        <v>82.170761961023985</v>
      </c>
      <c r="E2284">
        <v>800</v>
      </c>
      <c r="G2284">
        <v>83.489952563068215</v>
      </c>
      <c r="H2284">
        <v>800</v>
      </c>
      <c r="J2284">
        <v>83.035941383277503</v>
      </c>
      <c r="K2284">
        <v>800</v>
      </c>
      <c r="M2284">
        <v>84.627595377051833</v>
      </c>
      <c r="N2284">
        <v>793</v>
      </c>
      <c r="P2284">
        <v>87.501166930889369</v>
      </c>
      <c r="Q2284">
        <v>497</v>
      </c>
    </row>
    <row r="2285" spans="4:17" x14ac:dyDescent="0.25">
      <c r="D2285">
        <v>82.168925638315983</v>
      </c>
      <c r="E2285">
        <v>800</v>
      </c>
      <c r="G2285">
        <v>83.489952563068215</v>
      </c>
      <c r="H2285">
        <v>800</v>
      </c>
      <c r="J2285">
        <v>83.034232156177779</v>
      </c>
      <c r="K2285">
        <v>800</v>
      </c>
      <c r="M2285">
        <v>84.620344575784458</v>
      </c>
      <c r="N2285">
        <v>793</v>
      </c>
      <c r="P2285">
        <v>87.481946892711207</v>
      </c>
      <c r="Q2285">
        <v>498</v>
      </c>
    </row>
    <row r="2286" spans="4:17" x14ac:dyDescent="0.25">
      <c r="D2286">
        <v>82.167102917998392</v>
      </c>
      <c r="E2286">
        <v>800</v>
      </c>
      <c r="G2286">
        <v>83.48950272325088</v>
      </c>
      <c r="H2286">
        <v>800</v>
      </c>
      <c r="J2286">
        <v>83.032858670115502</v>
      </c>
      <c r="K2286">
        <v>800</v>
      </c>
      <c r="M2286">
        <v>84.613500585149239</v>
      </c>
      <c r="N2286">
        <v>793</v>
      </c>
      <c r="P2286">
        <v>87.462747975454107</v>
      </c>
      <c r="Q2286">
        <v>498</v>
      </c>
    </row>
    <row r="2287" spans="4:17" x14ac:dyDescent="0.25">
      <c r="D2287">
        <v>82.165729076565</v>
      </c>
      <c r="E2287">
        <v>800</v>
      </c>
      <c r="G2287">
        <v>83.48905288343353</v>
      </c>
      <c r="H2287">
        <v>800</v>
      </c>
      <c r="J2287">
        <v>83.03149535802406</v>
      </c>
      <c r="K2287">
        <v>800</v>
      </c>
      <c r="M2287">
        <v>84.606249783881836</v>
      </c>
      <c r="N2287">
        <v>794</v>
      </c>
      <c r="P2287">
        <v>87.443549058197007</v>
      </c>
      <c r="Q2287">
        <v>498</v>
      </c>
    </row>
    <row r="2288" spans="4:17" x14ac:dyDescent="0.25">
      <c r="D2288">
        <v>82.163892753856999</v>
      </c>
      <c r="E2288">
        <v>800</v>
      </c>
      <c r="G2288">
        <v>83.48905288343353</v>
      </c>
      <c r="H2288">
        <v>800</v>
      </c>
      <c r="J2288">
        <v>83.030121871961825</v>
      </c>
      <c r="K2288">
        <v>800</v>
      </c>
      <c r="M2288">
        <v>84.599393828228031</v>
      </c>
      <c r="N2288">
        <v>794</v>
      </c>
      <c r="P2288">
        <v>87.424350140939907</v>
      </c>
      <c r="Q2288">
        <v>499</v>
      </c>
    </row>
    <row r="2289" spans="4:17" x14ac:dyDescent="0.25">
      <c r="D2289">
        <v>82.162518912423593</v>
      </c>
      <c r="E2289">
        <v>800</v>
      </c>
      <c r="G2289">
        <v>83.48905288343353</v>
      </c>
      <c r="H2289">
        <v>800</v>
      </c>
      <c r="J2289">
        <v>83.028402470891265</v>
      </c>
      <c r="K2289">
        <v>800</v>
      </c>
      <c r="M2289">
        <v>84.59214302696067</v>
      </c>
      <c r="N2289">
        <v>795</v>
      </c>
      <c r="P2289">
        <v>87.405151223682807</v>
      </c>
      <c r="Q2289">
        <v>499</v>
      </c>
    </row>
    <row r="2290" spans="4:17" x14ac:dyDescent="0.25">
      <c r="D2290">
        <v>82.161145070990202</v>
      </c>
      <c r="E2290">
        <v>800</v>
      </c>
      <c r="G2290">
        <v>83.48905288343353</v>
      </c>
      <c r="H2290">
        <v>800</v>
      </c>
      <c r="J2290">
        <v>83.026693243791556</v>
      </c>
      <c r="K2290">
        <v>800</v>
      </c>
      <c r="M2290">
        <v>84.585299036325438</v>
      </c>
      <c r="N2290">
        <v>795</v>
      </c>
      <c r="P2290">
        <v>87.386649296821162</v>
      </c>
      <c r="Q2290">
        <v>499</v>
      </c>
    </row>
    <row r="2291" spans="4:17" x14ac:dyDescent="0.25">
      <c r="D2291">
        <v>82.160220108440967</v>
      </c>
      <c r="E2291">
        <v>800</v>
      </c>
      <c r="G2291">
        <v>83.48905288343353</v>
      </c>
      <c r="H2291">
        <v>800</v>
      </c>
      <c r="J2291">
        <v>83.024984016691832</v>
      </c>
      <c r="K2291">
        <v>800</v>
      </c>
      <c r="M2291">
        <v>84.578443080671619</v>
      </c>
      <c r="N2291">
        <v>796</v>
      </c>
      <c r="P2291">
        <v>87.368147369959544</v>
      </c>
      <c r="Q2291">
        <v>500</v>
      </c>
    </row>
    <row r="2292" spans="4:17" x14ac:dyDescent="0.25">
      <c r="D2292">
        <v>82.158846267007576</v>
      </c>
      <c r="E2292">
        <v>800</v>
      </c>
      <c r="G2292">
        <v>83.48905288343353</v>
      </c>
      <c r="H2292">
        <v>800</v>
      </c>
      <c r="J2292">
        <v>83.022582959575558</v>
      </c>
      <c r="K2292">
        <v>800</v>
      </c>
      <c r="M2292">
        <v>84.571599090036415</v>
      </c>
      <c r="N2292">
        <v>796</v>
      </c>
      <c r="P2292">
        <v>87.34894845270243</v>
      </c>
      <c r="Q2292">
        <v>500</v>
      </c>
    </row>
    <row r="2293" spans="4:17" x14ac:dyDescent="0.25">
      <c r="D2293">
        <v>82.157472425574184</v>
      </c>
      <c r="E2293">
        <v>800</v>
      </c>
      <c r="G2293">
        <v>83.48905288343353</v>
      </c>
      <c r="H2293">
        <v>800</v>
      </c>
      <c r="J2293">
        <v>83.020181902459299</v>
      </c>
      <c r="K2293">
        <v>800</v>
      </c>
      <c r="M2293">
        <v>84.564743134382596</v>
      </c>
      <c r="N2293">
        <v>796</v>
      </c>
      <c r="P2293">
        <v>87.330467646761889</v>
      </c>
      <c r="Q2293">
        <v>500</v>
      </c>
    </row>
    <row r="2294" spans="4:17" x14ac:dyDescent="0.25">
      <c r="D2294">
        <v>82.156098584140778</v>
      </c>
      <c r="E2294">
        <v>800</v>
      </c>
      <c r="G2294">
        <v>83.48905288343353</v>
      </c>
      <c r="H2294">
        <v>800</v>
      </c>
      <c r="J2294">
        <v>83.018126760351322</v>
      </c>
      <c r="K2294">
        <v>800</v>
      </c>
      <c r="M2294">
        <v>84.557899143747377</v>
      </c>
      <c r="N2294">
        <v>797</v>
      </c>
      <c r="P2294">
        <v>87.311965719900272</v>
      </c>
      <c r="Q2294">
        <v>501</v>
      </c>
    </row>
    <row r="2295" spans="4:17" x14ac:dyDescent="0.25">
      <c r="D2295">
        <v>82.155187223981997</v>
      </c>
      <c r="E2295">
        <v>800</v>
      </c>
      <c r="G2295">
        <v>83.488616274199074</v>
      </c>
      <c r="H2295">
        <v>800</v>
      </c>
      <c r="J2295">
        <v>83.015725703235049</v>
      </c>
      <c r="K2295">
        <v>800</v>
      </c>
      <c r="M2295">
        <v>84.551449998725715</v>
      </c>
      <c r="N2295">
        <v>797</v>
      </c>
      <c r="P2295">
        <v>87.29346379303864</v>
      </c>
      <c r="Q2295">
        <v>501</v>
      </c>
    </row>
    <row r="2296" spans="4:17" x14ac:dyDescent="0.25">
      <c r="D2296">
        <v>82.153813382548606</v>
      </c>
      <c r="E2296">
        <v>800</v>
      </c>
      <c r="G2296">
        <v>83.488616274199074</v>
      </c>
      <c r="H2296">
        <v>800</v>
      </c>
      <c r="J2296">
        <v>83.013670561127057</v>
      </c>
      <c r="K2296">
        <v>800</v>
      </c>
      <c r="M2296">
        <v>84.544594043071925</v>
      </c>
      <c r="N2296">
        <v>798</v>
      </c>
      <c r="P2296">
        <v>87.274982987098085</v>
      </c>
      <c r="Q2296">
        <v>501</v>
      </c>
    </row>
    <row r="2297" spans="4:17" x14ac:dyDescent="0.25">
      <c r="D2297">
        <v>82.152439541115186</v>
      </c>
      <c r="E2297">
        <v>800</v>
      </c>
      <c r="G2297">
        <v>83.488616274199074</v>
      </c>
      <c r="H2297">
        <v>800</v>
      </c>
      <c r="J2297">
        <v>83.011615419019051</v>
      </c>
      <c r="K2297">
        <v>800</v>
      </c>
      <c r="M2297">
        <v>84.537750052436678</v>
      </c>
      <c r="N2297">
        <v>798</v>
      </c>
      <c r="P2297">
        <v>87.256481060236439</v>
      </c>
      <c r="Q2297">
        <v>502</v>
      </c>
    </row>
    <row r="2298" spans="4:17" x14ac:dyDescent="0.25">
      <c r="D2298">
        <v>82.150603218407184</v>
      </c>
      <c r="E2298">
        <v>800</v>
      </c>
      <c r="G2298">
        <v>83.488616274199074</v>
      </c>
      <c r="H2298">
        <v>800</v>
      </c>
      <c r="J2298">
        <v>83.00956027691106</v>
      </c>
      <c r="K2298">
        <v>800</v>
      </c>
      <c r="M2298">
        <v>84.530894096782859</v>
      </c>
      <c r="N2298">
        <v>798</v>
      </c>
      <c r="P2298">
        <v>87.237282142979339</v>
      </c>
      <c r="Q2298">
        <v>502</v>
      </c>
    </row>
    <row r="2299" spans="4:17" x14ac:dyDescent="0.25">
      <c r="D2299">
        <v>82.149691858248403</v>
      </c>
      <c r="E2299">
        <v>800</v>
      </c>
      <c r="G2299">
        <v>83.488166434381739</v>
      </c>
      <c r="H2299">
        <v>800</v>
      </c>
      <c r="J2299">
        <v>83.007169393765651</v>
      </c>
      <c r="K2299">
        <v>800</v>
      </c>
      <c r="M2299">
        <v>84.524050106147669</v>
      </c>
      <c r="N2299">
        <v>799</v>
      </c>
      <c r="P2299">
        <v>87.218801337038784</v>
      </c>
      <c r="Q2299">
        <v>502</v>
      </c>
    </row>
    <row r="2300" spans="4:17" x14ac:dyDescent="0.25">
      <c r="D2300">
        <v>82.148318016814997</v>
      </c>
      <c r="E2300">
        <v>800</v>
      </c>
      <c r="G2300">
        <v>83.487716594564404</v>
      </c>
      <c r="H2300">
        <v>800</v>
      </c>
      <c r="J2300">
        <v>83.005114251657659</v>
      </c>
      <c r="K2300">
        <v>800</v>
      </c>
      <c r="M2300">
        <v>84.51679930488028</v>
      </c>
      <c r="N2300">
        <v>799</v>
      </c>
      <c r="P2300">
        <v>87.200299410177166</v>
      </c>
      <c r="Q2300">
        <v>503</v>
      </c>
    </row>
    <row r="2301" spans="4:17" x14ac:dyDescent="0.25">
      <c r="D2301">
        <v>82.147406656656216</v>
      </c>
      <c r="E2301">
        <v>800</v>
      </c>
      <c r="J2301">
        <v>83.0027131945414</v>
      </c>
      <c r="K2301">
        <v>800</v>
      </c>
      <c r="M2301">
        <v>84.509943349226475</v>
      </c>
      <c r="N2301">
        <v>800</v>
      </c>
      <c r="P2301">
        <v>87.181797483315535</v>
      </c>
      <c r="Q2301">
        <v>503</v>
      </c>
    </row>
    <row r="2302" spans="4:17" x14ac:dyDescent="0.25">
      <c r="D2302">
        <v>82.146481694106981</v>
      </c>
      <c r="E2302">
        <v>800</v>
      </c>
      <c r="M2302">
        <v>84.503099358591243</v>
      </c>
      <c r="N2302">
        <v>800</v>
      </c>
      <c r="P2302">
        <v>87.163316677374979</v>
      </c>
      <c r="Q2302">
        <v>503</v>
      </c>
    </row>
    <row r="2303" spans="4:17" x14ac:dyDescent="0.25">
      <c r="D2303">
        <v>82.145570333948214</v>
      </c>
      <c r="E2303">
        <v>800</v>
      </c>
      <c r="M2303">
        <v>84.496243402937438</v>
      </c>
      <c r="N2303">
        <v>800</v>
      </c>
      <c r="P2303">
        <v>87.145532861829892</v>
      </c>
      <c r="Q2303">
        <v>504</v>
      </c>
    </row>
    <row r="2304" spans="4:17" x14ac:dyDescent="0.25">
      <c r="D2304">
        <v>82.144658973789419</v>
      </c>
      <c r="E2304">
        <v>800</v>
      </c>
      <c r="M2304">
        <v>84.48939941230222</v>
      </c>
      <c r="N2304">
        <v>800</v>
      </c>
      <c r="P2304">
        <v>87.127030934968261</v>
      </c>
      <c r="Q2304">
        <v>504</v>
      </c>
    </row>
    <row r="2305" spans="4:17" x14ac:dyDescent="0.25">
      <c r="D2305">
        <v>82.143734011240198</v>
      </c>
      <c r="E2305">
        <v>800</v>
      </c>
      <c r="M2305">
        <v>84.482543456648401</v>
      </c>
      <c r="N2305">
        <v>800</v>
      </c>
      <c r="P2305">
        <v>87.109268240344235</v>
      </c>
      <c r="Q2305">
        <v>504</v>
      </c>
    </row>
    <row r="2306" spans="4:17" x14ac:dyDescent="0.25">
      <c r="D2306">
        <v>82.142822651081417</v>
      </c>
      <c r="E2306">
        <v>800</v>
      </c>
      <c r="M2306">
        <v>84.475699466013182</v>
      </c>
      <c r="N2306">
        <v>800</v>
      </c>
      <c r="P2306">
        <v>87.090766313482618</v>
      </c>
      <c r="Q2306">
        <v>505</v>
      </c>
    </row>
    <row r="2307" spans="4:17" x14ac:dyDescent="0.25">
      <c r="D2307">
        <v>82.141897688532183</v>
      </c>
      <c r="E2307">
        <v>800</v>
      </c>
      <c r="M2307">
        <v>84.468843510359363</v>
      </c>
      <c r="N2307">
        <v>800</v>
      </c>
      <c r="P2307">
        <v>87.072982497937545</v>
      </c>
      <c r="Q2307">
        <v>505</v>
      </c>
    </row>
    <row r="2308" spans="4:17" x14ac:dyDescent="0.25">
      <c r="D2308">
        <v>82.140986328373415</v>
      </c>
      <c r="E2308">
        <v>800</v>
      </c>
      <c r="M2308">
        <v>84.462406330356316</v>
      </c>
      <c r="N2308">
        <v>800</v>
      </c>
      <c r="P2308">
        <v>87.055198682392458</v>
      </c>
      <c r="Q2308">
        <v>505</v>
      </c>
    </row>
    <row r="2309" spans="4:17" x14ac:dyDescent="0.25">
      <c r="D2309">
        <v>82.14007496821462</v>
      </c>
      <c r="E2309">
        <v>800</v>
      </c>
      <c r="M2309">
        <v>84.455957185334668</v>
      </c>
      <c r="N2309">
        <v>800</v>
      </c>
      <c r="P2309">
        <v>87.037414866847385</v>
      </c>
      <c r="Q2309">
        <v>506</v>
      </c>
    </row>
    <row r="2310" spans="4:17" x14ac:dyDescent="0.25">
      <c r="D2310">
        <v>82.13961248694001</v>
      </c>
      <c r="E2310">
        <v>800</v>
      </c>
      <c r="M2310">
        <v>84.449101229680849</v>
      </c>
      <c r="N2310">
        <v>800</v>
      </c>
      <c r="P2310">
        <v>87.01893406090683</v>
      </c>
      <c r="Q2310">
        <v>506</v>
      </c>
    </row>
    <row r="2311" spans="4:17" x14ac:dyDescent="0.25">
      <c r="D2311">
        <v>82.138701126781228</v>
      </c>
      <c r="E2311">
        <v>800</v>
      </c>
      <c r="M2311">
        <v>84.442652084659215</v>
      </c>
      <c r="N2311">
        <v>800</v>
      </c>
      <c r="P2311">
        <v>87.001150245361742</v>
      </c>
      <c r="Q2311">
        <v>506</v>
      </c>
    </row>
    <row r="2312" spans="4:17" x14ac:dyDescent="0.25">
      <c r="D2312">
        <v>82.137776164232008</v>
      </c>
      <c r="E2312">
        <v>800</v>
      </c>
      <c r="M2312">
        <v>84.43660975026971</v>
      </c>
      <c r="N2312">
        <v>800</v>
      </c>
      <c r="P2312">
        <v>86.983366429816641</v>
      </c>
      <c r="Q2312">
        <v>507</v>
      </c>
    </row>
    <row r="2313" spans="4:17" x14ac:dyDescent="0.25">
      <c r="D2313">
        <v>82.137327285347823</v>
      </c>
      <c r="E2313">
        <v>800</v>
      </c>
      <c r="M2313">
        <v>84.430172570266663</v>
      </c>
      <c r="N2313">
        <v>800</v>
      </c>
      <c r="P2313">
        <v>86.966300725588113</v>
      </c>
      <c r="Q2313">
        <v>507</v>
      </c>
    </row>
    <row r="2314" spans="4:17" x14ac:dyDescent="0.25">
      <c r="D2314">
        <v>82.136402322798602</v>
      </c>
      <c r="E2314">
        <v>800</v>
      </c>
      <c r="M2314">
        <v>84.423723425245029</v>
      </c>
      <c r="N2314">
        <v>800</v>
      </c>
      <c r="P2314">
        <v>86.94851691004304</v>
      </c>
      <c r="Q2314">
        <v>507</v>
      </c>
    </row>
    <row r="2315" spans="4:17" x14ac:dyDescent="0.25">
      <c r="D2315">
        <v>82.135953443914417</v>
      </c>
      <c r="E2315">
        <v>800</v>
      </c>
      <c r="M2315">
        <v>84.417274280223367</v>
      </c>
      <c r="N2315">
        <v>800</v>
      </c>
      <c r="P2315">
        <v>86.931451205814497</v>
      </c>
      <c r="Q2315">
        <v>508</v>
      </c>
    </row>
    <row r="2316" spans="4:17" x14ac:dyDescent="0.25">
      <c r="D2316">
        <v>82.135490962639807</v>
      </c>
      <c r="E2316">
        <v>800</v>
      </c>
      <c r="M2316">
        <v>84.410418324569548</v>
      </c>
      <c r="N2316">
        <v>800</v>
      </c>
      <c r="P2316">
        <v>86.914385501585969</v>
      </c>
      <c r="Q2316">
        <v>508</v>
      </c>
    </row>
    <row r="2317" spans="4:17" x14ac:dyDescent="0.25">
      <c r="D2317">
        <v>82.135028481365197</v>
      </c>
      <c r="E2317">
        <v>800</v>
      </c>
      <c r="M2317">
        <v>84.40357433393433</v>
      </c>
      <c r="N2317">
        <v>800</v>
      </c>
      <c r="P2317">
        <v>86.897298676436378</v>
      </c>
      <c r="Q2317">
        <v>508</v>
      </c>
    </row>
    <row r="2318" spans="4:17" x14ac:dyDescent="0.25">
      <c r="D2318">
        <v>82.134579602481011</v>
      </c>
      <c r="E2318">
        <v>800</v>
      </c>
      <c r="M2318">
        <v>84.396718378280511</v>
      </c>
      <c r="N2318">
        <v>800</v>
      </c>
      <c r="P2318">
        <v>86.88095108352438</v>
      </c>
      <c r="Q2318">
        <v>509</v>
      </c>
    </row>
    <row r="2319" spans="4:17" x14ac:dyDescent="0.25">
      <c r="D2319">
        <v>82.133654639931805</v>
      </c>
      <c r="E2319">
        <v>800</v>
      </c>
      <c r="M2319">
        <v>84.38907273139958</v>
      </c>
      <c r="N2319">
        <v>800</v>
      </c>
      <c r="P2319">
        <v>86.864582369691306</v>
      </c>
      <c r="Q2319">
        <v>509</v>
      </c>
    </row>
    <row r="2320" spans="4:17" x14ac:dyDescent="0.25">
      <c r="D2320">
        <v>82.13320576104762</v>
      </c>
      <c r="E2320">
        <v>800</v>
      </c>
      <c r="M2320">
        <v>84.381008308867862</v>
      </c>
      <c r="N2320">
        <v>800</v>
      </c>
      <c r="P2320">
        <v>86.848234776779321</v>
      </c>
      <c r="Q2320">
        <v>509</v>
      </c>
    </row>
    <row r="2321" spans="4:17" x14ac:dyDescent="0.25">
      <c r="D2321">
        <v>82.132743279773024</v>
      </c>
      <c r="E2321">
        <v>800</v>
      </c>
      <c r="M2321">
        <v>84.372549040722575</v>
      </c>
      <c r="N2321">
        <v>800</v>
      </c>
      <c r="P2321">
        <v>86.83258417426282</v>
      </c>
      <c r="Q2321">
        <v>510</v>
      </c>
    </row>
    <row r="2322" spans="4:17" x14ac:dyDescent="0.25">
      <c r="D2322">
        <v>82.132280798498414</v>
      </c>
      <c r="E2322">
        <v>800</v>
      </c>
      <c r="M2322">
        <v>84.362881305699418</v>
      </c>
      <c r="N2322">
        <v>800</v>
      </c>
      <c r="P2322">
        <v>86.816215460429746</v>
      </c>
      <c r="Q2322">
        <v>510</v>
      </c>
    </row>
    <row r="2323" spans="4:17" x14ac:dyDescent="0.25">
      <c r="D2323">
        <v>82.131831919614214</v>
      </c>
      <c r="E2323">
        <v>800</v>
      </c>
      <c r="M2323">
        <v>84.352399949411904</v>
      </c>
      <c r="N2323">
        <v>800</v>
      </c>
      <c r="P2323">
        <v>86.800585978834306</v>
      </c>
      <c r="Q2323">
        <v>510</v>
      </c>
    </row>
    <row r="2324" spans="4:17" x14ac:dyDescent="0.25">
      <c r="D2324">
        <v>82.131369438339604</v>
      </c>
      <c r="E2324">
        <v>800</v>
      </c>
      <c r="M2324">
        <v>84.340315280632922</v>
      </c>
      <c r="N2324">
        <v>800</v>
      </c>
      <c r="P2324">
        <v>86.784217265001232</v>
      </c>
      <c r="Q2324">
        <v>511</v>
      </c>
    </row>
    <row r="2325" spans="4:17" x14ac:dyDescent="0.25">
      <c r="D2325">
        <v>82.130906957064994</v>
      </c>
      <c r="E2325">
        <v>800</v>
      </c>
      <c r="M2325">
        <v>84.32741699058964</v>
      </c>
      <c r="N2325">
        <v>800</v>
      </c>
      <c r="P2325">
        <v>86.76856666248473</v>
      </c>
      <c r="Q2325">
        <v>511</v>
      </c>
    </row>
    <row r="2326" spans="4:17" x14ac:dyDescent="0.25">
      <c r="D2326">
        <v>82.130458078180823</v>
      </c>
      <c r="E2326">
        <v>800</v>
      </c>
      <c r="M2326">
        <v>84.312508577422705</v>
      </c>
      <c r="N2326">
        <v>800</v>
      </c>
      <c r="P2326">
        <v>86.752219069572732</v>
      </c>
      <c r="Q2326">
        <v>511</v>
      </c>
    </row>
    <row r="2327" spans="4:17" x14ac:dyDescent="0.25">
      <c r="D2327">
        <v>82.129995596906241</v>
      </c>
      <c r="E2327">
        <v>800</v>
      </c>
      <c r="M2327">
        <v>84.295996851764315</v>
      </c>
      <c r="N2327">
        <v>800</v>
      </c>
      <c r="P2327">
        <v>86.735850355739657</v>
      </c>
      <c r="Q2327">
        <v>512</v>
      </c>
    </row>
    <row r="2328" spans="4:17" x14ac:dyDescent="0.25">
      <c r="D2328">
        <v>82.129533115631602</v>
      </c>
      <c r="E2328">
        <v>800</v>
      </c>
      <c r="M2328">
        <v>84.277463037963699</v>
      </c>
      <c r="N2328">
        <v>800</v>
      </c>
      <c r="P2328">
        <v>86.719502762827673</v>
      </c>
      <c r="Q2328">
        <v>512</v>
      </c>
    </row>
    <row r="2329" spans="4:17" x14ac:dyDescent="0.25">
      <c r="D2329">
        <v>82.128621755472821</v>
      </c>
      <c r="E2329">
        <v>800</v>
      </c>
      <c r="M2329">
        <v>84.257313946652999</v>
      </c>
      <c r="N2329">
        <v>800</v>
      </c>
      <c r="P2329">
        <v>86.703852160311172</v>
      </c>
      <c r="Q2329">
        <v>512</v>
      </c>
    </row>
    <row r="2330" spans="4:17" x14ac:dyDescent="0.25">
      <c r="D2330">
        <v>82.128159274198211</v>
      </c>
      <c r="E2330">
        <v>800</v>
      </c>
      <c r="M2330">
        <v>84.235154732218703</v>
      </c>
      <c r="N2330">
        <v>800</v>
      </c>
      <c r="P2330">
        <v>86.687483446478097</v>
      </c>
      <c r="Q2330">
        <v>513</v>
      </c>
    </row>
    <row r="2331" spans="4:17" x14ac:dyDescent="0.25">
      <c r="D2331">
        <v>82.12724791403943</v>
      </c>
      <c r="E2331">
        <v>800</v>
      </c>
      <c r="M2331">
        <v>84.210973429642152</v>
      </c>
      <c r="N2331">
        <v>800</v>
      </c>
      <c r="P2331">
        <v>86.67183284396161</v>
      </c>
      <c r="Q2331">
        <v>513</v>
      </c>
    </row>
    <row r="2332" spans="4:17" x14ac:dyDescent="0.25">
      <c r="D2332">
        <v>82.126785432764805</v>
      </c>
      <c r="E2332">
        <v>800</v>
      </c>
      <c r="M2332">
        <v>84.185188814574147</v>
      </c>
      <c r="N2332">
        <v>800</v>
      </c>
      <c r="P2332">
        <v>86.654767139733053</v>
      </c>
      <c r="Q2332">
        <v>513</v>
      </c>
    </row>
    <row r="2333" spans="4:17" x14ac:dyDescent="0.25">
      <c r="D2333">
        <v>82.125874072606024</v>
      </c>
      <c r="E2333">
        <v>800</v>
      </c>
      <c r="M2333">
        <v>84.158195732628243</v>
      </c>
      <c r="N2333">
        <v>800</v>
      </c>
      <c r="P2333">
        <v>86.638419546821083</v>
      </c>
      <c r="Q2333">
        <v>514</v>
      </c>
    </row>
    <row r="2334" spans="4:17" x14ac:dyDescent="0.25">
      <c r="D2334">
        <v>82.124949110056804</v>
      </c>
      <c r="E2334">
        <v>800</v>
      </c>
      <c r="M2334">
        <v>84.129982218785869</v>
      </c>
      <c r="N2334">
        <v>800</v>
      </c>
      <c r="P2334">
        <v>86.622050832988023</v>
      </c>
      <c r="Q2334">
        <v>514</v>
      </c>
    </row>
    <row r="2335" spans="4:17" x14ac:dyDescent="0.25">
      <c r="D2335">
        <v>82.124500231172632</v>
      </c>
      <c r="E2335">
        <v>800</v>
      </c>
      <c r="M2335">
        <v>84.100979013716341</v>
      </c>
      <c r="N2335">
        <v>800</v>
      </c>
      <c r="P2335">
        <v>86.604985128759481</v>
      </c>
      <c r="Q2335">
        <v>514</v>
      </c>
    </row>
    <row r="2336" spans="4:17" x14ac:dyDescent="0.25">
      <c r="D2336">
        <v>82.124037749898022</v>
      </c>
      <c r="E2336">
        <v>800</v>
      </c>
      <c r="M2336">
        <v>84.071568998014641</v>
      </c>
      <c r="N2336">
        <v>800</v>
      </c>
      <c r="P2336">
        <v>86.588616414926406</v>
      </c>
      <c r="Q2336">
        <v>515</v>
      </c>
    </row>
    <row r="2337" spans="4:17" x14ac:dyDescent="0.25">
      <c r="D2337">
        <v>82.124037749898022</v>
      </c>
      <c r="E2337">
        <v>800</v>
      </c>
      <c r="M2337">
        <v>84.042553827926525</v>
      </c>
      <c r="N2337">
        <v>800</v>
      </c>
      <c r="P2337">
        <v>86.572268822014422</v>
      </c>
      <c r="Q2337">
        <v>515</v>
      </c>
    </row>
    <row r="2338" spans="4:17" x14ac:dyDescent="0.25">
      <c r="D2338">
        <v>82.123575268623412</v>
      </c>
      <c r="E2338">
        <v>800</v>
      </c>
      <c r="M2338">
        <v>84.013945468470553</v>
      </c>
      <c r="N2338">
        <v>800</v>
      </c>
      <c r="P2338">
        <v>86.555900108181376</v>
      </c>
      <c r="Q2338">
        <v>515</v>
      </c>
    </row>
    <row r="2339" spans="4:17" x14ac:dyDescent="0.25">
      <c r="D2339">
        <v>82.123126389739227</v>
      </c>
      <c r="E2339">
        <v>800</v>
      </c>
      <c r="M2339">
        <v>83.986138765260336</v>
      </c>
      <c r="N2339">
        <v>800</v>
      </c>
      <c r="P2339">
        <v>86.539552515269364</v>
      </c>
      <c r="Q2339">
        <v>516</v>
      </c>
    </row>
    <row r="2340" spans="4:17" x14ac:dyDescent="0.25">
      <c r="D2340">
        <v>82.122663908464617</v>
      </c>
      <c r="E2340">
        <v>800</v>
      </c>
      <c r="M2340">
        <v>83.959552493946603</v>
      </c>
      <c r="N2340">
        <v>800</v>
      </c>
      <c r="P2340">
        <v>86.523183801436303</v>
      </c>
      <c r="Q2340">
        <v>516</v>
      </c>
    </row>
    <row r="2341" spans="4:17" x14ac:dyDescent="0.25">
      <c r="D2341">
        <v>82.121752548305821</v>
      </c>
      <c r="E2341">
        <v>800</v>
      </c>
      <c r="M2341">
        <v>83.934976345756482</v>
      </c>
      <c r="N2341">
        <v>800</v>
      </c>
      <c r="P2341">
        <v>86.506836208524334</v>
      </c>
      <c r="Q2341">
        <v>516</v>
      </c>
    </row>
    <row r="2342" spans="4:17" x14ac:dyDescent="0.25">
      <c r="D2342">
        <v>82.121290067031225</v>
      </c>
      <c r="E2342">
        <v>800</v>
      </c>
      <c r="M2342">
        <v>83.912003510057858</v>
      </c>
      <c r="N2342">
        <v>800</v>
      </c>
      <c r="P2342">
        <v>86.490467494691259</v>
      </c>
      <c r="Q2342">
        <v>517</v>
      </c>
    </row>
    <row r="2343" spans="4:17" x14ac:dyDescent="0.25">
      <c r="D2343">
        <v>82.12037870687243</v>
      </c>
      <c r="E2343">
        <v>800</v>
      </c>
      <c r="M2343">
        <v>83.890645951869274</v>
      </c>
      <c r="N2343">
        <v>800</v>
      </c>
      <c r="P2343">
        <v>86.474816892174758</v>
      </c>
      <c r="Q2343">
        <v>517</v>
      </c>
    </row>
    <row r="2344" spans="4:17" x14ac:dyDescent="0.25">
      <c r="D2344">
        <v>82.119916225597819</v>
      </c>
      <c r="E2344">
        <v>800</v>
      </c>
      <c r="M2344">
        <v>83.87090367119076</v>
      </c>
      <c r="N2344">
        <v>800</v>
      </c>
      <c r="P2344">
        <v>86.457751187946201</v>
      </c>
      <c r="Q2344">
        <v>517</v>
      </c>
    </row>
    <row r="2345" spans="4:17" x14ac:dyDescent="0.25">
      <c r="D2345">
        <v>82.119453744323209</v>
      </c>
      <c r="E2345">
        <v>800</v>
      </c>
      <c r="M2345">
        <v>83.852776668022301</v>
      </c>
      <c r="N2345">
        <v>800</v>
      </c>
      <c r="P2345">
        <v>86.441403595034231</v>
      </c>
      <c r="Q2345">
        <v>518</v>
      </c>
    </row>
    <row r="2346" spans="4:17" x14ac:dyDescent="0.25">
      <c r="D2346">
        <v>82.118542384164428</v>
      </c>
      <c r="E2346">
        <v>800</v>
      </c>
      <c r="M2346">
        <v>83.836659787977482</v>
      </c>
      <c r="N2346">
        <v>800</v>
      </c>
      <c r="P2346">
        <v>86.425034881201157</v>
      </c>
      <c r="Q2346">
        <v>518</v>
      </c>
    </row>
    <row r="2347" spans="4:17" x14ac:dyDescent="0.25">
      <c r="D2347">
        <v>82.118079902889818</v>
      </c>
      <c r="E2347">
        <v>800</v>
      </c>
      <c r="M2347">
        <v>83.821344564178375</v>
      </c>
      <c r="N2347">
        <v>800</v>
      </c>
      <c r="P2347">
        <v>86.409384278684627</v>
      </c>
      <c r="Q2347">
        <v>518</v>
      </c>
    </row>
    <row r="2348" spans="4:17" x14ac:dyDescent="0.25">
      <c r="D2348">
        <v>82.117168542731008</v>
      </c>
      <c r="E2348">
        <v>800</v>
      </c>
      <c r="M2348">
        <v>83.807249772275782</v>
      </c>
      <c r="N2348">
        <v>800</v>
      </c>
      <c r="P2348">
        <v>86.393036685772657</v>
      </c>
      <c r="Q2348">
        <v>519</v>
      </c>
    </row>
    <row r="2349" spans="4:17" x14ac:dyDescent="0.25">
      <c r="D2349">
        <v>82.116706061456426</v>
      </c>
      <c r="E2349">
        <v>800</v>
      </c>
      <c r="M2349">
        <v>83.794351482232486</v>
      </c>
      <c r="N2349">
        <v>800</v>
      </c>
      <c r="P2349">
        <v>86.377386083256141</v>
      </c>
      <c r="Q2349">
        <v>519</v>
      </c>
    </row>
    <row r="2350" spans="4:17" x14ac:dyDescent="0.25">
      <c r="D2350">
        <v>82.116257182572227</v>
      </c>
      <c r="E2350">
        <v>800</v>
      </c>
      <c r="M2350">
        <v>83.782266813453504</v>
      </c>
      <c r="N2350">
        <v>800</v>
      </c>
      <c r="P2350">
        <v>86.361735480739611</v>
      </c>
      <c r="Q2350">
        <v>519</v>
      </c>
    </row>
    <row r="2351" spans="4:17" x14ac:dyDescent="0.25">
      <c r="D2351">
        <v>82.115794701297617</v>
      </c>
      <c r="E2351">
        <v>800</v>
      </c>
      <c r="M2351">
        <v>83.770983800920277</v>
      </c>
      <c r="N2351">
        <v>800</v>
      </c>
      <c r="P2351">
        <v>86.34608487822311</v>
      </c>
      <c r="Q2351">
        <v>520</v>
      </c>
    </row>
    <row r="2352" spans="4:17" x14ac:dyDescent="0.25">
      <c r="D2352">
        <v>82.115794701297617</v>
      </c>
      <c r="E2352">
        <v>800</v>
      </c>
      <c r="M2352">
        <v>83.760107599019207</v>
      </c>
      <c r="N2352">
        <v>800</v>
      </c>
      <c r="P2352">
        <v>86.330434275706594</v>
      </c>
      <c r="Q2352">
        <v>520</v>
      </c>
    </row>
    <row r="2353" spans="4:17" x14ac:dyDescent="0.25">
      <c r="D2353">
        <v>82.115332220023035</v>
      </c>
      <c r="E2353">
        <v>800</v>
      </c>
      <c r="M2353">
        <v>83.750033053363865</v>
      </c>
      <c r="N2353">
        <v>800</v>
      </c>
      <c r="P2353">
        <v>86.315501784506623</v>
      </c>
      <c r="Q2353">
        <v>520</v>
      </c>
    </row>
    <row r="2354" spans="4:17" x14ac:dyDescent="0.25">
      <c r="D2354">
        <v>82.114883341138835</v>
      </c>
      <c r="E2354">
        <v>800</v>
      </c>
      <c r="M2354">
        <v>83.740760163954249</v>
      </c>
      <c r="N2354">
        <v>800</v>
      </c>
      <c r="P2354">
        <v>86.299851181990107</v>
      </c>
      <c r="Q2354">
        <v>521</v>
      </c>
    </row>
    <row r="2355" spans="4:17" x14ac:dyDescent="0.25">
      <c r="D2355">
        <v>82.114883341138835</v>
      </c>
      <c r="E2355">
        <v>800</v>
      </c>
      <c r="M2355">
        <v>83.732300895808962</v>
      </c>
      <c r="N2355">
        <v>800</v>
      </c>
      <c r="P2355">
        <v>86.284200579473591</v>
      </c>
      <c r="Q2355">
        <v>521</v>
      </c>
    </row>
    <row r="2356" spans="4:17" x14ac:dyDescent="0.25">
      <c r="D2356">
        <v>82.114883341138835</v>
      </c>
      <c r="E2356">
        <v>800</v>
      </c>
      <c r="M2356">
        <v>83.724236473277259</v>
      </c>
      <c r="N2356">
        <v>800</v>
      </c>
      <c r="P2356">
        <v>86.26854997695709</v>
      </c>
      <c r="Q2356">
        <v>521</v>
      </c>
    </row>
    <row r="2357" spans="4:17" x14ac:dyDescent="0.25">
      <c r="D2357">
        <v>82.114883341138835</v>
      </c>
      <c r="E2357">
        <v>800</v>
      </c>
      <c r="M2357">
        <v>83.71739248264204</v>
      </c>
      <c r="N2357">
        <v>800</v>
      </c>
      <c r="P2357">
        <v>86.253617485757118</v>
      </c>
      <c r="Q2357">
        <v>522</v>
      </c>
    </row>
    <row r="2358" spans="4:17" x14ac:dyDescent="0.25">
      <c r="D2358">
        <v>82.114420859864225</v>
      </c>
      <c r="E2358">
        <v>800</v>
      </c>
      <c r="M2358">
        <v>83.710943337620392</v>
      </c>
      <c r="N2358">
        <v>800</v>
      </c>
      <c r="P2358">
        <v>86.237966883240617</v>
      </c>
      <c r="Q2358">
        <v>522</v>
      </c>
    </row>
    <row r="2359" spans="4:17" x14ac:dyDescent="0.25">
      <c r="D2359">
        <v>82.114420859864225</v>
      </c>
      <c r="E2359">
        <v>800</v>
      </c>
      <c r="M2359">
        <v>83.705307813863072</v>
      </c>
      <c r="N2359">
        <v>800</v>
      </c>
      <c r="P2359">
        <v>86.223752503357161</v>
      </c>
      <c r="Q2359">
        <v>522</v>
      </c>
    </row>
    <row r="2360" spans="4:17" x14ac:dyDescent="0.25">
      <c r="D2360">
        <v>82.114420859864225</v>
      </c>
      <c r="E2360">
        <v>800</v>
      </c>
      <c r="M2360">
        <v>83.70047394635148</v>
      </c>
      <c r="N2360">
        <v>800</v>
      </c>
      <c r="P2360">
        <v>86.208820012157219</v>
      </c>
      <c r="Q2360">
        <v>523</v>
      </c>
    </row>
    <row r="2361" spans="4:17" x14ac:dyDescent="0.25">
      <c r="D2361">
        <v>82.113958378589629</v>
      </c>
      <c r="E2361">
        <v>800</v>
      </c>
      <c r="M2361">
        <v>83.696034924453471</v>
      </c>
      <c r="N2361">
        <v>800</v>
      </c>
      <c r="P2361">
        <v>86.193887520957233</v>
      </c>
      <c r="Q2361">
        <v>523</v>
      </c>
    </row>
    <row r="2362" spans="4:17" x14ac:dyDescent="0.25">
      <c r="D2362">
        <v>82.113509499705444</v>
      </c>
      <c r="E2362">
        <v>800</v>
      </c>
      <c r="M2362">
        <v>83.692409523819776</v>
      </c>
      <c r="N2362">
        <v>800</v>
      </c>
      <c r="P2362">
        <v>86.17965202015273</v>
      </c>
      <c r="Q2362">
        <v>523</v>
      </c>
    </row>
    <row r="2363" spans="4:17" x14ac:dyDescent="0.25">
      <c r="D2363">
        <v>82.113047018430834</v>
      </c>
      <c r="E2363">
        <v>800</v>
      </c>
      <c r="M2363">
        <v>83.689190933818253</v>
      </c>
      <c r="N2363">
        <v>800</v>
      </c>
      <c r="P2363">
        <v>86.164719528952773</v>
      </c>
      <c r="Q2363">
        <v>524</v>
      </c>
    </row>
    <row r="2364" spans="4:17" x14ac:dyDescent="0.25">
      <c r="D2364">
        <v>82.113047018430834</v>
      </c>
      <c r="E2364">
        <v>800</v>
      </c>
      <c r="M2364">
        <v>83.686367189430285</v>
      </c>
      <c r="N2364">
        <v>800</v>
      </c>
      <c r="P2364">
        <v>86.15048402814827</v>
      </c>
      <c r="Q2364">
        <v>524</v>
      </c>
    </row>
    <row r="2365" spans="4:17" x14ac:dyDescent="0.25">
      <c r="D2365">
        <v>82.112135658272052</v>
      </c>
      <c r="E2365">
        <v>800</v>
      </c>
      <c r="M2365">
        <v>83.683950255674503</v>
      </c>
      <c r="N2365">
        <v>800</v>
      </c>
      <c r="P2365">
        <v>86.136269648264843</v>
      </c>
      <c r="Q2365">
        <v>524</v>
      </c>
    </row>
    <row r="2366" spans="4:17" x14ac:dyDescent="0.25">
      <c r="D2366">
        <v>82.111673176997428</v>
      </c>
      <c r="E2366">
        <v>800</v>
      </c>
      <c r="M2366">
        <v>83.681940132550864</v>
      </c>
      <c r="N2366">
        <v>800</v>
      </c>
      <c r="P2366">
        <v>86.12203414746034</v>
      </c>
      <c r="Q2366">
        <v>525</v>
      </c>
    </row>
    <row r="2367" spans="4:17" x14ac:dyDescent="0.25">
      <c r="D2367">
        <v>82.111210695722818</v>
      </c>
      <c r="E2367">
        <v>800</v>
      </c>
      <c r="M2367">
        <v>83.679918044408637</v>
      </c>
      <c r="N2367">
        <v>800</v>
      </c>
      <c r="P2367">
        <v>86.107819767576927</v>
      </c>
      <c r="Q2367">
        <v>525</v>
      </c>
    </row>
    <row r="2368" spans="4:17" x14ac:dyDescent="0.25">
      <c r="D2368">
        <v>82.111210695722818</v>
      </c>
      <c r="E2368">
        <v>800</v>
      </c>
      <c r="M2368">
        <v>83.677907921285012</v>
      </c>
      <c r="N2368">
        <v>800</v>
      </c>
      <c r="P2368">
        <v>86.093584266772439</v>
      </c>
      <c r="Q2368">
        <v>525</v>
      </c>
    </row>
    <row r="2369" spans="4:17" x14ac:dyDescent="0.25">
      <c r="D2369">
        <v>82.110761816838647</v>
      </c>
      <c r="E2369">
        <v>800</v>
      </c>
      <c r="M2369">
        <v>83.676292643774957</v>
      </c>
      <c r="N2369">
        <v>800</v>
      </c>
      <c r="P2369">
        <v>86.079369886889012</v>
      </c>
      <c r="Q2369">
        <v>526</v>
      </c>
    </row>
    <row r="2370" spans="4:17" x14ac:dyDescent="0.25">
      <c r="D2370">
        <v>82.110299335564036</v>
      </c>
      <c r="E2370">
        <v>800</v>
      </c>
      <c r="M2370">
        <v>83.674677366264888</v>
      </c>
      <c r="N2370">
        <v>800</v>
      </c>
      <c r="P2370">
        <v>86.065134386084509</v>
      </c>
      <c r="Q2370">
        <v>526</v>
      </c>
    </row>
    <row r="2371" spans="4:17" x14ac:dyDescent="0.25">
      <c r="D2371">
        <v>82.110299335564036</v>
      </c>
      <c r="E2371">
        <v>800</v>
      </c>
      <c r="M2371">
        <v>83.67346889938699</v>
      </c>
      <c r="N2371">
        <v>800</v>
      </c>
      <c r="P2371">
        <v>86.050201894884566</v>
      </c>
      <c r="Q2371">
        <v>526</v>
      </c>
    </row>
    <row r="2372" spans="4:17" x14ac:dyDescent="0.25">
      <c r="D2372">
        <v>82.109836854289426</v>
      </c>
      <c r="E2372">
        <v>800</v>
      </c>
      <c r="M2372">
        <v>83.672260432509105</v>
      </c>
      <c r="N2372">
        <v>800</v>
      </c>
      <c r="P2372">
        <v>86.035269403684595</v>
      </c>
      <c r="Q2372">
        <v>527</v>
      </c>
    </row>
    <row r="2373" spans="4:17" x14ac:dyDescent="0.25">
      <c r="D2373">
        <v>82.109387975405241</v>
      </c>
      <c r="E2373">
        <v>800</v>
      </c>
      <c r="M2373">
        <v>83.671458776263364</v>
      </c>
      <c r="N2373">
        <v>800</v>
      </c>
      <c r="P2373">
        <v>86.020336912484609</v>
      </c>
      <c r="Q2373">
        <v>527</v>
      </c>
    </row>
    <row r="2374" spans="4:17" x14ac:dyDescent="0.25">
      <c r="D2374">
        <v>82.109387975405241</v>
      </c>
      <c r="E2374">
        <v>800</v>
      </c>
      <c r="M2374">
        <v>83.670657120017623</v>
      </c>
      <c r="N2374">
        <v>800</v>
      </c>
      <c r="P2374">
        <v>86.005404421284652</v>
      </c>
      <c r="Q2374">
        <v>527</v>
      </c>
    </row>
    <row r="2375" spans="4:17" x14ac:dyDescent="0.25">
      <c r="D2375">
        <v>82.108925494130631</v>
      </c>
      <c r="E2375">
        <v>800</v>
      </c>
      <c r="M2375">
        <v>83.669448653139739</v>
      </c>
      <c r="N2375">
        <v>800</v>
      </c>
      <c r="P2375">
        <v>85.990450809163605</v>
      </c>
      <c r="Q2375">
        <v>528</v>
      </c>
    </row>
    <row r="2376" spans="4:17" x14ac:dyDescent="0.25">
      <c r="D2376">
        <v>82.108925494130631</v>
      </c>
      <c r="E2376">
        <v>800</v>
      </c>
      <c r="M2376">
        <v>83.669041842507568</v>
      </c>
      <c r="N2376">
        <v>800</v>
      </c>
      <c r="P2376">
        <v>85.975518317963633</v>
      </c>
      <c r="Q2376">
        <v>528</v>
      </c>
    </row>
    <row r="2377" spans="4:17" x14ac:dyDescent="0.25">
      <c r="D2377">
        <v>82.108463012856021</v>
      </c>
      <c r="E2377">
        <v>800</v>
      </c>
      <c r="M2377">
        <v>83.668240186261826</v>
      </c>
      <c r="N2377">
        <v>800</v>
      </c>
      <c r="P2377">
        <v>85.961303938080221</v>
      </c>
      <c r="Q2377">
        <v>528</v>
      </c>
    </row>
    <row r="2378" spans="4:17" x14ac:dyDescent="0.25">
      <c r="D2378">
        <v>82.108463012856021</v>
      </c>
      <c r="E2378">
        <v>800</v>
      </c>
      <c r="M2378">
        <v>83.667426564997513</v>
      </c>
      <c r="N2378">
        <v>800</v>
      </c>
      <c r="P2378">
        <v>85.946371446880249</v>
      </c>
      <c r="Q2378">
        <v>529</v>
      </c>
    </row>
    <row r="2379" spans="4:17" x14ac:dyDescent="0.25">
      <c r="D2379">
        <v>82.108014133971835</v>
      </c>
      <c r="E2379">
        <v>800</v>
      </c>
      <c r="M2379">
        <v>83.667031719383942</v>
      </c>
      <c r="N2379">
        <v>800</v>
      </c>
      <c r="P2379">
        <v>85.931417834759202</v>
      </c>
      <c r="Q2379">
        <v>529</v>
      </c>
    </row>
    <row r="2380" spans="4:17" x14ac:dyDescent="0.25">
      <c r="D2380">
        <v>82.107551652697239</v>
      </c>
      <c r="E2380">
        <v>800</v>
      </c>
      <c r="M2380">
        <v>83.666624908751771</v>
      </c>
      <c r="N2380">
        <v>800</v>
      </c>
      <c r="P2380">
        <v>85.917203454875789</v>
      </c>
      <c r="Q2380">
        <v>529</v>
      </c>
    </row>
    <row r="2381" spans="4:17" x14ac:dyDescent="0.25">
      <c r="D2381">
        <v>82.106626690148019</v>
      </c>
      <c r="E2381">
        <v>800</v>
      </c>
      <c r="M2381">
        <v>83.666218098119614</v>
      </c>
      <c r="N2381">
        <v>800</v>
      </c>
      <c r="P2381">
        <v>85.902270963675818</v>
      </c>
      <c r="Q2381">
        <v>530</v>
      </c>
    </row>
    <row r="2382" spans="4:17" x14ac:dyDescent="0.25">
      <c r="D2382">
        <v>82.106177811263848</v>
      </c>
      <c r="E2382">
        <v>800</v>
      </c>
      <c r="M2382">
        <v>83.665416441873887</v>
      </c>
      <c r="N2382">
        <v>800</v>
      </c>
      <c r="P2382">
        <v>85.887317351554771</v>
      </c>
      <c r="Q2382">
        <v>530</v>
      </c>
    </row>
    <row r="2383" spans="4:17" x14ac:dyDescent="0.25">
      <c r="D2383">
        <v>82.106177811263848</v>
      </c>
      <c r="E2383">
        <v>800</v>
      </c>
      <c r="M2383">
        <v>83.665009631241702</v>
      </c>
      <c r="N2383">
        <v>800</v>
      </c>
      <c r="P2383">
        <v>85.873102971671358</v>
      </c>
      <c r="Q2383">
        <v>530</v>
      </c>
    </row>
    <row r="2384" spans="4:17" x14ac:dyDescent="0.25">
      <c r="D2384">
        <v>82.105715329989238</v>
      </c>
      <c r="E2384">
        <v>800</v>
      </c>
      <c r="M2384">
        <v>83.664614785628146</v>
      </c>
      <c r="N2384">
        <v>800</v>
      </c>
      <c r="P2384">
        <v>85.858170480471372</v>
      </c>
      <c r="Q2384">
        <v>531</v>
      </c>
    </row>
    <row r="2385" spans="4:17" x14ac:dyDescent="0.25">
      <c r="D2385">
        <v>82.105715329989238</v>
      </c>
      <c r="E2385">
        <v>800</v>
      </c>
      <c r="M2385">
        <v>83.664207974995989</v>
      </c>
      <c r="N2385">
        <v>800</v>
      </c>
      <c r="P2385">
        <v>85.843934979666898</v>
      </c>
      <c r="Q2385">
        <v>531</v>
      </c>
    </row>
    <row r="2386" spans="4:17" x14ac:dyDescent="0.25">
      <c r="D2386">
        <v>82.105715329989238</v>
      </c>
      <c r="E2386">
        <v>800</v>
      </c>
      <c r="M2386">
        <v>83.663394353731661</v>
      </c>
      <c r="N2386">
        <v>800</v>
      </c>
      <c r="P2386">
        <v>85.829720599783457</v>
      </c>
      <c r="Q2386">
        <v>531</v>
      </c>
    </row>
    <row r="2387" spans="4:17" x14ac:dyDescent="0.25">
      <c r="D2387">
        <v>82.105715329989238</v>
      </c>
      <c r="E2387">
        <v>800</v>
      </c>
      <c r="M2387">
        <v>83.662999508118091</v>
      </c>
      <c r="N2387">
        <v>800</v>
      </c>
      <c r="P2387">
        <v>85.815485098978968</v>
      </c>
      <c r="Q2387">
        <v>532</v>
      </c>
    </row>
    <row r="2388" spans="4:17" x14ac:dyDescent="0.25">
      <c r="D2388">
        <v>82.105252848714613</v>
      </c>
      <c r="E2388">
        <v>800</v>
      </c>
      <c r="M2388">
        <v>83.66259269748592</v>
      </c>
      <c r="N2388">
        <v>800</v>
      </c>
      <c r="P2388">
        <v>85.801270719095541</v>
      </c>
      <c r="Q2388">
        <v>532</v>
      </c>
    </row>
    <row r="2389" spans="4:17" x14ac:dyDescent="0.25">
      <c r="D2389">
        <v>82.104803969830442</v>
      </c>
      <c r="E2389">
        <v>800</v>
      </c>
      <c r="M2389">
        <v>83.662185886853763</v>
      </c>
      <c r="N2389">
        <v>800</v>
      </c>
      <c r="P2389">
        <v>85.787035218291038</v>
      </c>
      <c r="Q2389">
        <v>532</v>
      </c>
    </row>
    <row r="2390" spans="4:17" x14ac:dyDescent="0.25">
      <c r="D2390">
        <v>82.104803969830442</v>
      </c>
      <c r="E2390">
        <v>800</v>
      </c>
      <c r="M2390">
        <v>83.661791041240193</v>
      </c>
      <c r="N2390">
        <v>800</v>
      </c>
      <c r="P2390">
        <v>85.772102727091095</v>
      </c>
      <c r="Q2390">
        <v>533</v>
      </c>
    </row>
    <row r="2391" spans="4:17" x14ac:dyDescent="0.25">
      <c r="D2391">
        <v>82.104803969830442</v>
      </c>
      <c r="E2391">
        <v>800</v>
      </c>
      <c r="M2391">
        <v>83.661791041240193</v>
      </c>
      <c r="N2391">
        <v>800</v>
      </c>
      <c r="P2391">
        <v>85.757888347207668</v>
      </c>
      <c r="Q2391">
        <v>533</v>
      </c>
    </row>
    <row r="2392" spans="4:17" x14ac:dyDescent="0.25">
      <c r="D2392">
        <v>82.104803969830442</v>
      </c>
      <c r="E2392">
        <v>800</v>
      </c>
      <c r="M2392">
        <v>83.661384230608022</v>
      </c>
      <c r="N2392">
        <v>800</v>
      </c>
      <c r="P2392">
        <v>85.74365284640318</v>
      </c>
      <c r="Q2392">
        <v>533</v>
      </c>
    </row>
    <row r="2393" spans="4:17" x14ac:dyDescent="0.25">
      <c r="D2393">
        <v>82.104803969830442</v>
      </c>
      <c r="E2393">
        <v>800</v>
      </c>
      <c r="M2393">
        <v>83.661384230608022</v>
      </c>
      <c r="N2393">
        <v>800</v>
      </c>
      <c r="P2393">
        <v>85.729438466519753</v>
      </c>
      <c r="Q2393">
        <v>534</v>
      </c>
    </row>
    <row r="2394" spans="4:17" x14ac:dyDescent="0.25">
      <c r="D2394">
        <v>82.104341488555832</v>
      </c>
      <c r="E2394">
        <v>800</v>
      </c>
      <c r="M2394">
        <v>83.661384230608022</v>
      </c>
      <c r="N2394">
        <v>800</v>
      </c>
      <c r="P2394">
        <v>85.715921077031794</v>
      </c>
      <c r="Q2394">
        <v>534</v>
      </c>
    </row>
    <row r="2395" spans="4:17" x14ac:dyDescent="0.25">
      <c r="D2395">
        <v>82.104341488555832</v>
      </c>
      <c r="E2395">
        <v>800</v>
      </c>
      <c r="M2395">
        <v>83.66097741997585</v>
      </c>
      <c r="N2395">
        <v>800</v>
      </c>
      <c r="P2395">
        <v>85.701685576227305</v>
      </c>
      <c r="Q2395">
        <v>534</v>
      </c>
    </row>
    <row r="2396" spans="4:17" x14ac:dyDescent="0.25">
      <c r="D2396">
        <v>82.103879007281222</v>
      </c>
      <c r="E2396">
        <v>800</v>
      </c>
      <c r="M2396">
        <v>83.66097741997585</v>
      </c>
      <c r="N2396">
        <v>800</v>
      </c>
      <c r="P2396">
        <v>85.688168186739361</v>
      </c>
      <c r="Q2396">
        <v>535</v>
      </c>
    </row>
    <row r="2397" spans="4:17" x14ac:dyDescent="0.25">
      <c r="D2397">
        <v>82.103879007281222</v>
      </c>
      <c r="E2397">
        <v>800</v>
      </c>
      <c r="M2397">
        <v>83.660582574362294</v>
      </c>
      <c r="N2397">
        <v>800</v>
      </c>
      <c r="P2397">
        <v>85.674671918172493</v>
      </c>
      <c r="Q2397">
        <v>535</v>
      </c>
    </row>
    <row r="2398" spans="4:17" x14ac:dyDescent="0.25">
      <c r="D2398">
        <v>82.103879007281222</v>
      </c>
      <c r="E2398">
        <v>800</v>
      </c>
      <c r="M2398">
        <v>83.660582574362294</v>
      </c>
      <c r="N2398">
        <v>800</v>
      </c>
      <c r="P2398">
        <v>85.66115452868452</v>
      </c>
      <c r="Q2398">
        <v>535</v>
      </c>
    </row>
    <row r="2399" spans="4:17" x14ac:dyDescent="0.25">
      <c r="D2399">
        <v>82.103430128397051</v>
      </c>
      <c r="E2399">
        <v>800</v>
      </c>
      <c r="M2399">
        <v>83.660582574362294</v>
      </c>
      <c r="N2399">
        <v>800</v>
      </c>
      <c r="P2399">
        <v>85.647637139196576</v>
      </c>
      <c r="Q2399">
        <v>536</v>
      </c>
    </row>
    <row r="2400" spans="4:17" x14ac:dyDescent="0.25">
      <c r="D2400">
        <v>82.103430128397051</v>
      </c>
      <c r="E2400">
        <v>800</v>
      </c>
      <c r="M2400">
        <v>83.660175763730123</v>
      </c>
      <c r="N2400">
        <v>800</v>
      </c>
      <c r="P2400">
        <v>85.634119749708645</v>
      </c>
      <c r="Q2400">
        <v>536</v>
      </c>
    </row>
    <row r="2401" spans="4:17" x14ac:dyDescent="0.25">
      <c r="D2401">
        <v>82.103430128397051</v>
      </c>
      <c r="E2401">
        <v>800</v>
      </c>
      <c r="M2401">
        <v>83.660175763730123</v>
      </c>
      <c r="N2401">
        <v>800</v>
      </c>
      <c r="P2401">
        <v>85.620602360220701</v>
      </c>
      <c r="Q2401">
        <v>536</v>
      </c>
    </row>
    <row r="2402" spans="4:17" x14ac:dyDescent="0.25">
      <c r="D2402">
        <v>82.103430128397051</v>
      </c>
      <c r="E2402">
        <v>800</v>
      </c>
      <c r="M2402">
        <v>83.660175763730123</v>
      </c>
      <c r="N2402">
        <v>800</v>
      </c>
      <c r="P2402">
        <v>85.606387980337288</v>
      </c>
      <c r="Q2402">
        <v>537</v>
      </c>
    </row>
    <row r="2403" spans="4:17" x14ac:dyDescent="0.25">
      <c r="D2403">
        <v>82.103430128397051</v>
      </c>
      <c r="E2403">
        <v>800</v>
      </c>
      <c r="M2403">
        <v>83.660175763730123</v>
      </c>
      <c r="N2403">
        <v>800</v>
      </c>
      <c r="P2403">
        <v>85.592870590849316</v>
      </c>
      <c r="Q2403">
        <v>537</v>
      </c>
    </row>
    <row r="2404" spans="4:17" x14ac:dyDescent="0.25">
      <c r="D2404">
        <v>82.103430128397051</v>
      </c>
      <c r="E2404">
        <v>800</v>
      </c>
      <c r="M2404">
        <v>83.659768953097952</v>
      </c>
      <c r="N2404">
        <v>800</v>
      </c>
      <c r="P2404">
        <v>85.58007131267793</v>
      </c>
      <c r="Q2404">
        <v>537</v>
      </c>
    </row>
    <row r="2405" spans="4:17" x14ac:dyDescent="0.25">
      <c r="D2405">
        <v>82.103430128397051</v>
      </c>
      <c r="E2405">
        <v>800</v>
      </c>
      <c r="M2405">
        <v>83.659768953097952</v>
      </c>
      <c r="N2405">
        <v>800</v>
      </c>
      <c r="P2405">
        <v>85.566553923189971</v>
      </c>
      <c r="Q2405">
        <v>538</v>
      </c>
    </row>
    <row r="2406" spans="4:17" x14ac:dyDescent="0.25">
      <c r="D2406">
        <v>82.103430128397051</v>
      </c>
      <c r="E2406">
        <v>800</v>
      </c>
      <c r="M2406">
        <v>83.659768953097952</v>
      </c>
      <c r="N2406">
        <v>800</v>
      </c>
      <c r="P2406">
        <v>85.553036533702013</v>
      </c>
      <c r="Q2406">
        <v>538</v>
      </c>
    </row>
    <row r="2407" spans="4:17" x14ac:dyDescent="0.25">
      <c r="D2407">
        <v>82.103430128397051</v>
      </c>
      <c r="E2407">
        <v>800</v>
      </c>
      <c r="M2407">
        <v>83.659768953097952</v>
      </c>
      <c r="N2407">
        <v>800</v>
      </c>
      <c r="P2407">
        <v>85.539519144214069</v>
      </c>
      <c r="Q2407">
        <v>538</v>
      </c>
    </row>
    <row r="2408" spans="4:17" x14ac:dyDescent="0.25">
      <c r="D2408">
        <v>82.103430128397051</v>
      </c>
      <c r="E2408">
        <v>800</v>
      </c>
      <c r="M2408">
        <v>83.659374107484382</v>
      </c>
      <c r="N2408">
        <v>800</v>
      </c>
      <c r="P2408">
        <v>85.526719866042669</v>
      </c>
      <c r="Q2408">
        <v>539</v>
      </c>
    </row>
    <row r="2409" spans="4:17" x14ac:dyDescent="0.25">
      <c r="D2409">
        <v>82.102967647122441</v>
      </c>
      <c r="E2409">
        <v>800</v>
      </c>
      <c r="M2409">
        <v>83.659374107484382</v>
      </c>
      <c r="N2409">
        <v>800</v>
      </c>
      <c r="P2409">
        <v>85.513202476554724</v>
      </c>
      <c r="Q2409">
        <v>539</v>
      </c>
    </row>
    <row r="2410" spans="4:17" x14ac:dyDescent="0.25">
      <c r="D2410">
        <v>82.10250516584783</v>
      </c>
      <c r="E2410">
        <v>800</v>
      </c>
      <c r="M2410">
        <v>83.659374107484382</v>
      </c>
      <c r="N2410">
        <v>800</v>
      </c>
      <c r="P2410">
        <v>85.50040319838331</v>
      </c>
      <c r="Q2410">
        <v>539</v>
      </c>
    </row>
    <row r="2411" spans="4:17" x14ac:dyDescent="0.25">
      <c r="D2411">
        <v>82.102056286963659</v>
      </c>
      <c r="E2411">
        <v>800</v>
      </c>
      <c r="M2411">
        <v>83.658967296852225</v>
      </c>
      <c r="N2411">
        <v>800</v>
      </c>
      <c r="P2411">
        <v>85.48688580889538</v>
      </c>
      <c r="Q2411">
        <v>540</v>
      </c>
    </row>
    <row r="2412" spans="4:17" x14ac:dyDescent="0.25">
      <c r="D2412">
        <v>82.101593805689049</v>
      </c>
      <c r="E2412">
        <v>800</v>
      </c>
      <c r="M2412">
        <v>83.658967296852225</v>
      </c>
      <c r="N2412">
        <v>800</v>
      </c>
      <c r="P2412">
        <v>85.473368419407421</v>
      </c>
      <c r="Q2412">
        <v>540</v>
      </c>
    </row>
    <row r="2413" spans="4:17" x14ac:dyDescent="0.25">
      <c r="D2413">
        <v>82.101131324414439</v>
      </c>
      <c r="E2413">
        <v>800</v>
      </c>
      <c r="M2413">
        <v>83.658560486220068</v>
      </c>
      <c r="N2413">
        <v>800</v>
      </c>
      <c r="P2413">
        <v>85.460569141236036</v>
      </c>
      <c r="Q2413">
        <v>540</v>
      </c>
    </row>
    <row r="2414" spans="4:17" x14ac:dyDescent="0.25">
      <c r="D2414">
        <v>82.100682445530239</v>
      </c>
      <c r="E2414">
        <v>800</v>
      </c>
      <c r="M2414">
        <v>83.658560486220068</v>
      </c>
      <c r="N2414">
        <v>800</v>
      </c>
      <c r="P2414">
        <v>85.447051751748077</v>
      </c>
      <c r="Q2414">
        <v>541</v>
      </c>
    </row>
    <row r="2415" spans="4:17" x14ac:dyDescent="0.25">
      <c r="D2415">
        <v>82.100219964255643</v>
      </c>
      <c r="E2415">
        <v>800</v>
      </c>
      <c r="M2415">
        <v>83.658165640606484</v>
      </c>
      <c r="N2415">
        <v>800</v>
      </c>
      <c r="P2415">
        <v>85.433555483181195</v>
      </c>
      <c r="Q2415">
        <v>541</v>
      </c>
    </row>
    <row r="2416" spans="4:17" x14ac:dyDescent="0.25">
      <c r="D2416">
        <v>82.099757482981033</v>
      </c>
      <c r="E2416">
        <v>800</v>
      </c>
      <c r="M2416">
        <v>83.658165640606484</v>
      </c>
      <c r="N2416">
        <v>800</v>
      </c>
      <c r="P2416">
        <v>85.420038093693236</v>
      </c>
      <c r="Q2416">
        <v>541</v>
      </c>
    </row>
    <row r="2417" spans="4:17" x14ac:dyDescent="0.25">
      <c r="D2417">
        <v>82.098846122822238</v>
      </c>
      <c r="E2417">
        <v>800</v>
      </c>
      <c r="M2417">
        <v>83.657758829974327</v>
      </c>
      <c r="N2417">
        <v>800</v>
      </c>
      <c r="P2417">
        <v>85.40652070420532</v>
      </c>
      <c r="Q2417">
        <v>542</v>
      </c>
    </row>
    <row r="2418" spans="4:17" x14ac:dyDescent="0.25">
      <c r="D2418">
        <v>82.098383641547628</v>
      </c>
      <c r="E2418">
        <v>800</v>
      </c>
      <c r="M2418">
        <v>83.657352019342184</v>
      </c>
      <c r="N2418">
        <v>800</v>
      </c>
      <c r="P2418">
        <v>85.393721426033892</v>
      </c>
      <c r="Q2418">
        <v>542</v>
      </c>
    </row>
    <row r="2419" spans="4:17" x14ac:dyDescent="0.25">
      <c r="D2419">
        <v>82.097934762663442</v>
      </c>
      <c r="E2419">
        <v>800</v>
      </c>
      <c r="M2419">
        <v>83.657352019342184</v>
      </c>
      <c r="N2419">
        <v>800</v>
      </c>
      <c r="P2419">
        <v>85.380204036545962</v>
      </c>
      <c r="Q2419">
        <v>542</v>
      </c>
    </row>
    <row r="2420" spans="4:17" x14ac:dyDescent="0.25">
      <c r="D2420">
        <v>82.097472281388832</v>
      </c>
      <c r="E2420">
        <v>800</v>
      </c>
      <c r="M2420">
        <v>83.657352019342184</v>
      </c>
      <c r="N2420">
        <v>800</v>
      </c>
      <c r="P2420">
        <v>85.366686647058003</v>
      </c>
      <c r="Q2420">
        <v>543</v>
      </c>
    </row>
    <row r="2421" spans="4:17" x14ac:dyDescent="0.25">
      <c r="D2421">
        <v>82.097472281388832</v>
      </c>
      <c r="E2421">
        <v>800</v>
      </c>
      <c r="M2421">
        <v>83.656957173728586</v>
      </c>
      <c r="N2421">
        <v>800</v>
      </c>
      <c r="P2421">
        <v>85.353887368886603</v>
      </c>
      <c r="Q2421">
        <v>543</v>
      </c>
    </row>
    <row r="2422" spans="4:17" x14ac:dyDescent="0.25">
      <c r="D2422">
        <v>82.097472281388832</v>
      </c>
      <c r="E2422">
        <v>800</v>
      </c>
      <c r="M2422">
        <v>83.656957173728586</v>
      </c>
      <c r="N2422">
        <v>800</v>
      </c>
      <c r="P2422">
        <v>85.340369979398659</v>
      </c>
      <c r="Q2422">
        <v>543</v>
      </c>
    </row>
    <row r="2423" spans="4:17" x14ac:dyDescent="0.25">
      <c r="D2423">
        <v>82.097472281388832</v>
      </c>
      <c r="E2423">
        <v>800</v>
      </c>
      <c r="M2423">
        <v>83.656957173728586</v>
      </c>
      <c r="N2423">
        <v>800</v>
      </c>
      <c r="P2423">
        <v>85.3268525899107</v>
      </c>
      <c r="Q2423">
        <v>544</v>
      </c>
    </row>
    <row r="2424" spans="4:17" x14ac:dyDescent="0.25">
      <c r="D2424">
        <v>82.097472281388832</v>
      </c>
      <c r="E2424">
        <v>800</v>
      </c>
      <c r="M2424">
        <v>83.656550363096443</v>
      </c>
      <c r="N2424">
        <v>800</v>
      </c>
      <c r="P2424">
        <v>85.313356321343832</v>
      </c>
      <c r="Q2424">
        <v>544</v>
      </c>
    </row>
    <row r="2425" spans="4:17" x14ac:dyDescent="0.25">
      <c r="D2425">
        <v>82.097472281388832</v>
      </c>
      <c r="E2425">
        <v>800</v>
      </c>
      <c r="M2425">
        <v>83.656550363096443</v>
      </c>
      <c r="N2425">
        <v>800</v>
      </c>
      <c r="P2425">
        <v>85.299838931855874</v>
      </c>
      <c r="Q2425">
        <v>544</v>
      </c>
    </row>
    <row r="2426" spans="4:17" x14ac:dyDescent="0.25">
      <c r="D2426">
        <v>82.097009800114236</v>
      </c>
      <c r="E2426">
        <v>800</v>
      </c>
      <c r="M2426">
        <v>83.656143552464272</v>
      </c>
      <c r="N2426">
        <v>800</v>
      </c>
      <c r="P2426">
        <v>85.287039653684488</v>
      </c>
      <c r="Q2426">
        <v>545</v>
      </c>
    </row>
    <row r="2427" spans="4:17" x14ac:dyDescent="0.25">
      <c r="D2427">
        <v>82.096560921230051</v>
      </c>
      <c r="E2427">
        <v>800</v>
      </c>
      <c r="M2427">
        <v>83.655748706850702</v>
      </c>
      <c r="N2427">
        <v>800</v>
      </c>
      <c r="P2427">
        <v>85.274219254592026</v>
      </c>
      <c r="Q2427">
        <v>545</v>
      </c>
    </row>
    <row r="2428" spans="4:17" x14ac:dyDescent="0.25">
      <c r="D2428">
        <v>82.096560921230051</v>
      </c>
      <c r="E2428">
        <v>800</v>
      </c>
      <c r="M2428">
        <v>83.655748706850702</v>
      </c>
      <c r="N2428">
        <v>800</v>
      </c>
      <c r="P2428">
        <v>85.261419976420598</v>
      </c>
      <c r="Q2428">
        <v>545</v>
      </c>
    </row>
    <row r="2429" spans="4:17" x14ac:dyDescent="0.25">
      <c r="D2429">
        <v>82.096560921230051</v>
      </c>
      <c r="E2429">
        <v>800</v>
      </c>
      <c r="M2429">
        <v>83.655341896218545</v>
      </c>
      <c r="N2429">
        <v>800</v>
      </c>
      <c r="P2429">
        <v>85.248620698249184</v>
      </c>
      <c r="Q2429">
        <v>546</v>
      </c>
    </row>
    <row r="2430" spans="4:17" x14ac:dyDescent="0.25">
      <c r="D2430">
        <v>82.096560921230051</v>
      </c>
      <c r="E2430">
        <v>800</v>
      </c>
      <c r="M2430">
        <v>83.655341896218545</v>
      </c>
      <c r="N2430">
        <v>800</v>
      </c>
      <c r="P2430">
        <v>85.235821420077812</v>
      </c>
      <c r="Q2430">
        <v>546</v>
      </c>
    </row>
    <row r="2431" spans="4:17" x14ac:dyDescent="0.25">
      <c r="D2431">
        <v>82.096560921230051</v>
      </c>
      <c r="E2431">
        <v>800</v>
      </c>
      <c r="M2431">
        <v>83.654935085586374</v>
      </c>
      <c r="N2431">
        <v>800</v>
      </c>
      <c r="P2431">
        <v>85.223022141906398</v>
      </c>
      <c r="Q2431">
        <v>546</v>
      </c>
    </row>
    <row r="2432" spans="4:17" x14ac:dyDescent="0.25">
      <c r="D2432">
        <v>82.096560921230051</v>
      </c>
      <c r="E2432">
        <v>800</v>
      </c>
      <c r="M2432">
        <v>83.654935085586374</v>
      </c>
      <c r="N2432">
        <v>800</v>
      </c>
      <c r="P2432">
        <v>85.209504752418468</v>
      </c>
      <c r="Q2432">
        <v>547</v>
      </c>
    </row>
    <row r="2433" spans="4:17" x14ac:dyDescent="0.25">
      <c r="D2433">
        <v>82.096560921230051</v>
      </c>
      <c r="E2433">
        <v>800</v>
      </c>
      <c r="M2433">
        <v>83.654935085586374</v>
      </c>
      <c r="N2433">
        <v>800</v>
      </c>
      <c r="P2433">
        <v>85.196705474247054</v>
      </c>
      <c r="Q2433">
        <v>547</v>
      </c>
    </row>
    <row r="2434" spans="4:17" x14ac:dyDescent="0.25">
      <c r="D2434">
        <v>82.096560921230051</v>
      </c>
      <c r="E2434">
        <v>800</v>
      </c>
      <c r="M2434">
        <v>83.654935085586374</v>
      </c>
      <c r="N2434">
        <v>800</v>
      </c>
      <c r="P2434">
        <v>85.183906196075654</v>
      </c>
      <c r="Q2434">
        <v>547</v>
      </c>
    </row>
    <row r="2435" spans="4:17" x14ac:dyDescent="0.25">
      <c r="D2435">
        <v>82.097009800114236</v>
      </c>
      <c r="E2435">
        <v>800</v>
      </c>
      <c r="M2435">
        <v>83.654935085586374</v>
      </c>
      <c r="N2435">
        <v>800</v>
      </c>
      <c r="P2435">
        <v>85.170388806587709</v>
      </c>
      <c r="Q2435">
        <v>548</v>
      </c>
    </row>
    <row r="2436" spans="4:17" x14ac:dyDescent="0.25">
      <c r="D2436">
        <v>82.097009800114236</v>
      </c>
      <c r="E2436">
        <v>800</v>
      </c>
      <c r="M2436">
        <v>83.654935085586374</v>
      </c>
      <c r="N2436">
        <v>800</v>
      </c>
      <c r="P2436">
        <v>85.157589528416295</v>
      </c>
      <c r="Q2436">
        <v>548</v>
      </c>
    </row>
    <row r="2437" spans="4:17" x14ac:dyDescent="0.25">
      <c r="D2437">
        <v>82.097009800114236</v>
      </c>
      <c r="E2437">
        <v>800</v>
      </c>
      <c r="M2437">
        <v>83.654935085586374</v>
      </c>
      <c r="N2437">
        <v>800</v>
      </c>
      <c r="P2437">
        <v>85.144072138928337</v>
      </c>
      <c r="Q2437">
        <v>548</v>
      </c>
    </row>
    <row r="2438" spans="4:17" x14ac:dyDescent="0.25">
      <c r="D2438">
        <v>82.097472281388832</v>
      </c>
      <c r="E2438">
        <v>800</v>
      </c>
      <c r="M2438">
        <v>83.654935085586374</v>
      </c>
      <c r="N2438">
        <v>800</v>
      </c>
      <c r="P2438">
        <v>85.131272860756951</v>
      </c>
      <c r="Q2438">
        <v>549</v>
      </c>
    </row>
    <row r="2439" spans="4:17" x14ac:dyDescent="0.25">
      <c r="D2439">
        <v>82.097472281388832</v>
      </c>
      <c r="E2439">
        <v>800</v>
      </c>
      <c r="M2439">
        <v>83.655341896218545</v>
      </c>
      <c r="N2439">
        <v>800</v>
      </c>
      <c r="P2439">
        <v>85.118473582585537</v>
      </c>
      <c r="Q2439">
        <v>549</v>
      </c>
    </row>
    <row r="2440" spans="4:17" x14ac:dyDescent="0.25">
      <c r="D2440">
        <v>82.097472281388832</v>
      </c>
      <c r="E2440">
        <v>800</v>
      </c>
      <c r="M2440">
        <v>83.655341896218545</v>
      </c>
      <c r="N2440">
        <v>800</v>
      </c>
      <c r="P2440">
        <v>85.105653183493089</v>
      </c>
      <c r="Q2440">
        <v>549</v>
      </c>
    </row>
    <row r="2441" spans="4:17" x14ac:dyDescent="0.25">
      <c r="D2441">
        <v>82.097472281388832</v>
      </c>
      <c r="E2441">
        <v>800</v>
      </c>
      <c r="M2441">
        <v>83.655341896218545</v>
      </c>
      <c r="N2441">
        <v>800</v>
      </c>
      <c r="P2441">
        <v>85.092853905321675</v>
      </c>
      <c r="Q2441">
        <v>550</v>
      </c>
    </row>
    <row r="2442" spans="4:17" x14ac:dyDescent="0.25">
      <c r="D2442">
        <v>82.097472281388832</v>
      </c>
      <c r="E2442">
        <v>800</v>
      </c>
      <c r="M2442">
        <v>83.655341896218545</v>
      </c>
      <c r="N2442">
        <v>800</v>
      </c>
      <c r="P2442">
        <v>85.080054627150261</v>
      </c>
      <c r="Q2442">
        <v>550</v>
      </c>
    </row>
    <row r="2443" spans="4:17" x14ac:dyDescent="0.25">
      <c r="D2443">
        <v>82.097472281388832</v>
      </c>
      <c r="E2443">
        <v>800</v>
      </c>
      <c r="M2443">
        <v>83.655341896218545</v>
      </c>
      <c r="N2443">
        <v>800</v>
      </c>
      <c r="P2443">
        <v>85.067973460295406</v>
      </c>
      <c r="Q2443">
        <v>550</v>
      </c>
    </row>
    <row r="2444" spans="4:17" x14ac:dyDescent="0.25">
      <c r="D2444">
        <v>82.097472281388832</v>
      </c>
      <c r="E2444">
        <v>800</v>
      </c>
      <c r="M2444">
        <v>83.655341896218545</v>
      </c>
      <c r="N2444">
        <v>800</v>
      </c>
      <c r="P2444">
        <v>85.055153061202944</v>
      </c>
      <c r="Q2444">
        <v>551</v>
      </c>
    </row>
    <row r="2445" spans="4:17" x14ac:dyDescent="0.25">
      <c r="D2445">
        <v>82.097472281388832</v>
      </c>
      <c r="E2445">
        <v>800</v>
      </c>
      <c r="M2445">
        <v>83.655341896218545</v>
      </c>
      <c r="N2445">
        <v>800</v>
      </c>
      <c r="P2445">
        <v>85.043071894348088</v>
      </c>
      <c r="Q2445">
        <v>551</v>
      </c>
    </row>
    <row r="2446" spans="4:17" x14ac:dyDescent="0.25">
      <c r="D2446">
        <v>82.096560921230051</v>
      </c>
      <c r="E2446">
        <v>800</v>
      </c>
      <c r="M2446">
        <v>83.655341896218545</v>
      </c>
      <c r="N2446">
        <v>800</v>
      </c>
      <c r="P2446">
        <v>85.030969606572143</v>
      </c>
      <c r="Q2446">
        <v>551</v>
      </c>
    </row>
    <row r="2447" spans="4:17" x14ac:dyDescent="0.25">
      <c r="D2447">
        <v>82.096098439955441</v>
      </c>
      <c r="E2447">
        <v>800</v>
      </c>
      <c r="M2447">
        <v>83.655341896218545</v>
      </c>
      <c r="N2447">
        <v>800</v>
      </c>
      <c r="P2447">
        <v>85.018170328400743</v>
      </c>
      <c r="Q2447">
        <v>552</v>
      </c>
    </row>
    <row r="2448" spans="4:17" x14ac:dyDescent="0.25">
      <c r="D2448">
        <v>82.095635958680845</v>
      </c>
      <c r="E2448">
        <v>800</v>
      </c>
      <c r="M2448">
        <v>83.655341896218545</v>
      </c>
      <c r="N2448">
        <v>800</v>
      </c>
      <c r="P2448">
        <v>85.006089161545887</v>
      </c>
      <c r="Q2448">
        <v>552</v>
      </c>
    </row>
    <row r="2449" spans="4:17" x14ac:dyDescent="0.25">
      <c r="D2449">
        <v>82.095187079796659</v>
      </c>
      <c r="E2449">
        <v>800</v>
      </c>
      <c r="M2449">
        <v>83.655341896218545</v>
      </c>
      <c r="N2449">
        <v>800</v>
      </c>
      <c r="P2449">
        <v>84.993986873769984</v>
      </c>
      <c r="Q2449">
        <v>552</v>
      </c>
    </row>
    <row r="2450" spans="4:17" x14ac:dyDescent="0.25">
      <c r="D2450">
        <v>82.094724598522049</v>
      </c>
      <c r="E2450">
        <v>800</v>
      </c>
      <c r="M2450">
        <v>83.655341896218545</v>
      </c>
      <c r="N2450">
        <v>800</v>
      </c>
      <c r="P2450">
        <v>84.98118759559857</v>
      </c>
      <c r="Q2450">
        <v>553</v>
      </c>
    </row>
    <row r="2451" spans="4:17" x14ac:dyDescent="0.25">
      <c r="D2451">
        <v>82.094262117247425</v>
      </c>
      <c r="E2451">
        <v>800</v>
      </c>
      <c r="M2451">
        <v>83.655341896218545</v>
      </c>
      <c r="N2451">
        <v>800</v>
      </c>
      <c r="P2451">
        <v>84.969106428743714</v>
      </c>
      <c r="Q2451">
        <v>553</v>
      </c>
    </row>
    <row r="2452" spans="4:17" x14ac:dyDescent="0.25">
      <c r="D2452">
        <v>82.093813238363268</v>
      </c>
      <c r="E2452">
        <v>800</v>
      </c>
      <c r="M2452">
        <v>83.655341896218545</v>
      </c>
      <c r="N2452">
        <v>800</v>
      </c>
      <c r="P2452">
        <v>84.957004140967783</v>
      </c>
      <c r="Q2452">
        <v>553</v>
      </c>
    </row>
    <row r="2453" spans="4:17" x14ac:dyDescent="0.25">
      <c r="D2453">
        <v>82.093350757088643</v>
      </c>
      <c r="E2453">
        <v>800</v>
      </c>
      <c r="M2453">
        <v>83.655748706850702</v>
      </c>
      <c r="N2453">
        <v>800</v>
      </c>
      <c r="P2453">
        <v>84.944204862796397</v>
      </c>
      <c r="Q2453">
        <v>554</v>
      </c>
    </row>
    <row r="2454" spans="4:17" x14ac:dyDescent="0.25">
      <c r="D2454">
        <v>82.092888275814033</v>
      </c>
      <c r="E2454">
        <v>800</v>
      </c>
      <c r="M2454">
        <v>83.655748706850702</v>
      </c>
      <c r="N2454">
        <v>800</v>
      </c>
      <c r="P2454">
        <v>84.932123695941527</v>
      </c>
      <c r="Q2454">
        <v>554</v>
      </c>
    </row>
    <row r="2455" spans="4:17" x14ac:dyDescent="0.25">
      <c r="D2455">
        <v>82.092888275814033</v>
      </c>
      <c r="E2455">
        <v>800</v>
      </c>
      <c r="M2455">
        <v>83.655748706850702</v>
      </c>
      <c r="N2455">
        <v>800</v>
      </c>
      <c r="P2455">
        <v>84.919303296849051</v>
      </c>
      <c r="Q2455">
        <v>554</v>
      </c>
    </row>
    <row r="2456" spans="4:17" x14ac:dyDescent="0.25">
      <c r="D2456">
        <v>82.092888275814033</v>
      </c>
      <c r="E2456">
        <v>800</v>
      </c>
      <c r="M2456">
        <v>83.655748706850702</v>
      </c>
      <c r="N2456">
        <v>800</v>
      </c>
      <c r="P2456">
        <v>84.906504018677637</v>
      </c>
      <c r="Q2456">
        <v>555</v>
      </c>
    </row>
    <row r="2457" spans="4:17" x14ac:dyDescent="0.25">
      <c r="D2457">
        <v>82.092439396929862</v>
      </c>
      <c r="E2457">
        <v>800</v>
      </c>
      <c r="M2457">
        <v>83.655748706850702</v>
      </c>
      <c r="N2457">
        <v>800</v>
      </c>
      <c r="P2457">
        <v>84.893704740506251</v>
      </c>
      <c r="Q2457">
        <v>555</v>
      </c>
    </row>
    <row r="2458" spans="4:17" x14ac:dyDescent="0.25">
      <c r="D2458">
        <v>82.091976915655252</v>
      </c>
      <c r="E2458">
        <v>800</v>
      </c>
      <c r="M2458">
        <v>83.655748706850702</v>
      </c>
      <c r="N2458">
        <v>800</v>
      </c>
      <c r="P2458">
        <v>84.881623573651396</v>
      </c>
      <c r="Q2458">
        <v>555</v>
      </c>
    </row>
    <row r="2459" spans="4:17" x14ac:dyDescent="0.25">
      <c r="D2459">
        <v>82.091976915655252</v>
      </c>
      <c r="E2459">
        <v>800</v>
      </c>
      <c r="M2459">
        <v>83.655341896218545</v>
      </c>
      <c r="N2459">
        <v>800</v>
      </c>
      <c r="P2459">
        <v>84.869521285875464</v>
      </c>
      <c r="Q2459">
        <v>556</v>
      </c>
    </row>
    <row r="2460" spans="4:17" x14ac:dyDescent="0.25">
      <c r="D2460">
        <v>82.091514434380628</v>
      </c>
      <c r="E2460">
        <v>800</v>
      </c>
      <c r="M2460">
        <v>83.655341896218545</v>
      </c>
      <c r="N2460">
        <v>800</v>
      </c>
      <c r="P2460">
        <v>84.857440119020609</v>
      </c>
      <c r="Q2460">
        <v>556</v>
      </c>
    </row>
    <row r="2461" spans="4:17" x14ac:dyDescent="0.25">
      <c r="D2461">
        <v>82.091514434380628</v>
      </c>
      <c r="E2461">
        <v>800</v>
      </c>
      <c r="M2461">
        <v>83.655341896218545</v>
      </c>
      <c r="N2461">
        <v>800</v>
      </c>
      <c r="P2461">
        <v>84.845337831244677</v>
      </c>
      <c r="Q2461">
        <v>556</v>
      </c>
    </row>
    <row r="2462" spans="4:17" x14ac:dyDescent="0.25">
      <c r="D2462">
        <v>82.091065555496456</v>
      </c>
      <c r="E2462">
        <v>800</v>
      </c>
      <c r="M2462">
        <v>83.655341896218545</v>
      </c>
      <c r="N2462">
        <v>800</v>
      </c>
      <c r="P2462">
        <v>84.833256664389836</v>
      </c>
      <c r="Q2462">
        <v>557</v>
      </c>
    </row>
    <row r="2463" spans="4:17" x14ac:dyDescent="0.25">
      <c r="D2463">
        <v>82.091065555496456</v>
      </c>
      <c r="E2463">
        <v>800</v>
      </c>
      <c r="M2463">
        <v>83.655341896218545</v>
      </c>
      <c r="N2463">
        <v>800</v>
      </c>
      <c r="P2463">
        <v>84.82115437661389</v>
      </c>
      <c r="Q2463">
        <v>557</v>
      </c>
    </row>
    <row r="2464" spans="4:17" x14ac:dyDescent="0.25">
      <c r="D2464">
        <v>82.09060307422186</v>
      </c>
      <c r="E2464">
        <v>800</v>
      </c>
      <c r="M2464">
        <v>83.654935085586374</v>
      </c>
      <c r="N2464">
        <v>800</v>
      </c>
      <c r="P2464">
        <v>84.809073209759049</v>
      </c>
      <c r="Q2464">
        <v>557</v>
      </c>
    </row>
    <row r="2465" spans="4:17" x14ac:dyDescent="0.25">
      <c r="D2465">
        <v>82.09060307422186</v>
      </c>
      <c r="E2465">
        <v>800</v>
      </c>
      <c r="M2465">
        <v>83.654935085586374</v>
      </c>
      <c r="N2465">
        <v>800</v>
      </c>
      <c r="P2465">
        <v>84.797689033299648</v>
      </c>
      <c r="Q2465">
        <v>558</v>
      </c>
    </row>
    <row r="2466" spans="4:17" x14ac:dyDescent="0.25">
      <c r="D2466">
        <v>82.09060307422186</v>
      </c>
      <c r="E2466">
        <v>800</v>
      </c>
      <c r="M2466">
        <v>83.654935085586374</v>
      </c>
      <c r="N2466">
        <v>800</v>
      </c>
      <c r="P2466">
        <v>84.78558674552373</v>
      </c>
      <c r="Q2466">
        <v>558</v>
      </c>
    </row>
    <row r="2467" spans="4:17" x14ac:dyDescent="0.25">
      <c r="D2467">
        <v>82.09060307422186</v>
      </c>
      <c r="E2467">
        <v>800</v>
      </c>
      <c r="M2467">
        <v>83.654935085586374</v>
      </c>
      <c r="N2467">
        <v>800</v>
      </c>
      <c r="P2467">
        <v>84.774223689985433</v>
      </c>
      <c r="Q2467">
        <v>558</v>
      </c>
    </row>
    <row r="2468" spans="4:17" x14ac:dyDescent="0.25">
      <c r="D2468">
        <v>82.091065555496456</v>
      </c>
      <c r="E2468">
        <v>800</v>
      </c>
      <c r="M2468">
        <v>83.654935085586374</v>
      </c>
      <c r="N2468">
        <v>800</v>
      </c>
      <c r="P2468">
        <v>84.762121402209502</v>
      </c>
      <c r="Q2468">
        <v>559</v>
      </c>
    </row>
    <row r="2469" spans="4:17" x14ac:dyDescent="0.25">
      <c r="D2469">
        <v>82.091065555496456</v>
      </c>
      <c r="E2469">
        <v>800</v>
      </c>
      <c r="M2469">
        <v>83.654935085586374</v>
      </c>
      <c r="N2469">
        <v>800</v>
      </c>
      <c r="P2469">
        <v>84.750040235354646</v>
      </c>
      <c r="Q2469">
        <v>559</v>
      </c>
    </row>
    <row r="2470" spans="4:17" x14ac:dyDescent="0.25">
      <c r="D2470">
        <v>82.091514434380628</v>
      </c>
      <c r="E2470">
        <v>800</v>
      </c>
      <c r="M2470">
        <v>83.654935085586374</v>
      </c>
      <c r="N2470">
        <v>800</v>
      </c>
      <c r="P2470">
        <v>84.737937947578729</v>
      </c>
      <c r="Q2470">
        <v>559</v>
      </c>
    </row>
    <row r="2471" spans="4:17" x14ac:dyDescent="0.25">
      <c r="D2471">
        <v>82.091976915655252</v>
      </c>
      <c r="E2471">
        <v>800</v>
      </c>
      <c r="M2471">
        <v>83.654935085586374</v>
      </c>
      <c r="N2471">
        <v>800</v>
      </c>
      <c r="P2471">
        <v>84.725856780723873</v>
      </c>
      <c r="Q2471">
        <v>560</v>
      </c>
    </row>
    <row r="2472" spans="4:17" x14ac:dyDescent="0.25">
      <c r="D2472">
        <v>82.092439396929862</v>
      </c>
      <c r="E2472">
        <v>800</v>
      </c>
      <c r="M2472">
        <v>83.654540239972803</v>
      </c>
      <c r="N2472">
        <v>800</v>
      </c>
      <c r="P2472">
        <v>84.714472604264472</v>
      </c>
      <c r="Q2472">
        <v>560</v>
      </c>
    </row>
    <row r="2473" spans="4:17" x14ac:dyDescent="0.25">
      <c r="D2473">
        <v>82.092439396929862</v>
      </c>
      <c r="E2473">
        <v>800</v>
      </c>
      <c r="M2473">
        <v>83.654540239972803</v>
      </c>
      <c r="N2473">
        <v>800</v>
      </c>
      <c r="P2473">
        <v>84.702370316488569</v>
      </c>
      <c r="Q2473">
        <v>560</v>
      </c>
    </row>
    <row r="2474" spans="4:17" x14ac:dyDescent="0.25">
      <c r="D2474">
        <v>82.092439396929862</v>
      </c>
      <c r="E2474">
        <v>800</v>
      </c>
      <c r="M2474">
        <v>83.654133429340632</v>
      </c>
      <c r="N2474">
        <v>800</v>
      </c>
      <c r="P2474">
        <v>84.690289149633699</v>
      </c>
      <c r="Q2474">
        <v>561</v>
      </c>
    </row>
    <row r="2475" spans="4:17" x14ac:dyDescent="0.25">
      <c r="D2475">
        <v>82.092888275814033</v>
      </c>
      <c r="E2475">
        <v>800</v>
      </c>
      <c r="M2475">
        <v>83.654133429340632</v>
      </c>
      <c r="N2475">
        <v>800</v>
      </c>
      <c r="P2475">
        <v>84.677489871462313</v>
      </c>
      <c r="Q2475">
        <v>561</v>
      </c>
    </row>
    <row r="2476" spans="4:17" x14ac:dyDescent="0.25">
      <c r="D2476">
        <v>82.092888275814033</v>
      </c>
      <c r="E2476">
        <v>800</v>
      </c>
      <c r="M2476">
        <v>83.654133429340632</v>
      </c>
      <c r="N2476">
        <v>800</v>
      </c>
      <c r="P2476">
        <v>84.665387583686353</v>
      </c>
      <c r="Q2476">
        <v>561</v>
      </c>
    </row>
    <row r="2477" spans="4:17" x14ac:dyDescent="0.25">
      <c r="D2477">
        <v>82.092888275814033</v>
      </c>
      <c r="E2477">
        <v>800</v>
      </c>
      <c r="M2477">
        <v>83.654133429340632</v>
      </c>
      <c r="N2477">
        <v>800</v>
      </c>
      <c r="P2477">
        <v>84.654024528148071</v>
      </c>
      <c r="Q2477">
        <v>562</v>
      </c>
    </row>
    <row r="2478" spans="4:17" x14ac:dyDescent="0.25">
      <c r="D2478">
        <v>82.092888275814033</v>
      </c>
      <c r="E2478">
        <v>800</v>
      </c>
      <c r="M2478">
        <v>83.654133429340632</v>
      </c>
      <c r="N2478">
        <v>800</v>
      </c>
      <c r="P2478">
        <v>84.641922240372139</v>
      </c>
      <c r="Q2478">
        <v>562</v>
      </c>
    </row>
    <row r="2479" spans="4:17" x14ac:dyDescent="0.25">
      <c r="D2479">
        <v>82.092439396929862</v>
      </c>
      <c r="E2479">
        <v>800</v>
      </c>
      <c r="M2479">
        <v>83.654540239972803</v>
      </c>
      <c r="N2479">
        <v>800</v>
      </c>
      <c r="P2479">
        <v>84.630538063912766</v>
      </c>
      <c r="Q2479">
        <v>562</v>
      </c>
    </row>
    <row r="2480" spans="4:17" x14ac:dyDescent="0.25">
      <c r="D2480">
        <v>82.091514434380628</v>
      </c>
      <c r="E2480">
        <v>800</v>
      </c>
      <c r="M2480">
        <v>83.654540239972803</v>
      </c>
      <c r="N2480">
        <v>800</v>
      </c>
      <c r="P2480">
        <v>84.619153887453365</v>
      </c>
      <c r="Q2480">
        <v>563</v>
      </c>
    </row>
    <row r="2481" spans="4:17" x14ac:dyDescent="0.25">
      <c r="D2481">
        <v>82.091065555496456</v>
      </c>
      <c r="E2481">
        <v>800</v>
      </c>
      <c r="M2481">
        <v>83.654540239972803</v>
      </c>
      <c r="N2481">
        <v>800</v>
      </c>
      <c r="P2481">
        <v>84.608487822310522</v>
      </c>
      <c r="Q2481">
        <v>563</v>
      </c>
    </row>
    <row r="2482" spans="4:17" x14ac:dyDescent="0.25">
      <c r="D2482">
        <v>82.09060307422186</v>
      </c>
      <c r="E2482">
        <v>800</v>
      </c>
      <c r="M2482">
        <v>83.654540239972803</v>
      </c>
      <c r="N2482">
        <v>800</v>
      </c>
      <c r="P2482">
        <v>84.597124766772239</v>
      </c>
      <c r="Q2482">
        <v>563</v>
      </c>
    </row>
    <row r="2483" spans="4:17" x14ac:dyDescent="0.25">
      <c r="D2483">
        <v>82.09014059294725</v>
      </c>
      <c r="E2483">
        <v>800</v>
      </c>
      <c r="M2483">
        <v>83.654540239972803</v>
      </c>
      <c r="N2483">
        <v>800</v>
      </c>
      <c r="P2483">
        <v>84.585740590312867</v>
      </c>
      <c r="Q2483">
        <v>564</v>
      </c>
    </row>
    <row r="2484" spans="4:17" x14ac:dyDescent="0.25">
      <c r="D2484">
        <v>82.089691714063065</v>
      </c>
      <c r="E2484">
        <v>800</v>
      </c>
      <c r="M2484">
        <v>83.654540239972803</v>
      </c>
      <c r="N2484">
        <v>800</v>
      </c>
      <c r="P2484">
        <v>84.574356413853451</v>
      </c>
      <c r="Q2484">
        <v>564</v>
      </c>
    </row>
    <row r="2485" spans="4:17" x14ac:dyDescent="0.25">
      <c r="M2485">
        <v>83.654540239972803</v>
      </c>
      <c r="N2485">
        <v>800</v>
      </c>
      <c r="P2485">
        <v>84.562254126077534</v>
      </c>
      <c r="Q2485">
        <v>564</v>
      </c>
    </row>
    <row r="2486" spans="4:17" x14ac:dyDescent="0.25">
      <c r="M2486">
        <v>84.691261240985412</v>
      </c>
      <c r="N2486">
        <v>789</v>
      </c>
      <c r="P2486">
        <v>84.550891070539237</v>
      </c>
      <c r="Q2486">
        <v>565</v>
      </c>
    </row>
    <row r="2487" spans="4:17" x14ac:dyDescent="0.25">
      <c r="M2487">
        <v>84.684010439718023</v>
      </c>
      <c r="N2487">
        <v>789</v>
      </c>
      <c r="P2487">
        <v>84.539506894079835</v>
      </c>
      <c r="Q2487">
        <v>565</v>
      </c>
    </row>
    <row r="2488" spans="4:17" x14ac:dyDescent="0.25">
      <c r="M2488">
        <v>84.676759638450633</v>
      </c>
      <c r="N2488">
        <v>790</v>
      </c>
      <c r="P2488">
        <v>84.528122717620462</v>
      </c>
      <c r="Q2488">
        <v>565</v>
      </c>
    </row>
    <row r="2489" spans="4:17" x14ac:dyDescent="0.25">
      <c r="M2489">
        <v>84.669903682796829</v>
      </c>
      <c r="N2489">
        <v>790</v>
      </c>
      <c r="P2489">
        <v>84.516041550765607</v>
      </c>
      <c r="Q2489">
        <v>566</v>
      </c>
    </row>
    <row r="2490" spans="4:17" x14ac:dyDescent="0.25">
      <c r="M2490">
        <v>84.662652881529425</v>
      </c>
      <c r="N2490">
        <v>791</v>
      </c>
      <c r="P2490">
        <v>84.503939262989675</v>
      </c>
      <c r="Q2490">
        <v>566</v>
      </c>
    </row>
    <row r="2491" spans="4:17" x14ac:dyDescent="0.25">
      <c r="M2491">
        <v>84.655808890894207</v>
      </c>
      <c r="N2491">
        <v>791</v>
      </c>
      <c r="P2491">
        <v>84.492555086530302</v>
      </c>
      <c r="Q2491">
        <v>566</v>
      </c>
    </row>
    <row r="2492" spans="4:17" x14ac:dyDescent="0.25">
      <c r="M2492">
        <v>84.648558089626832</v>
      </c>
      <c r="N2492">
        <v>791</v>
      </c>
      <c r="P2492">
        <v>84.481170910070915</v>
      </c>
      <c r="Q2492">
        <v>567</v>
      </c>
    </row>
    <row r="2493" spans="4:17" x14ac:dyDescent="0.25">
      <c r="M2493">
        <v>84.641702133973041</v>
      </c>
      <c r="N2493">
        <v>792</v>
      </c>
      <c r="P2493">
        <v>84.469089743216045</v>
      </c>
      <c r="Q2493">
        <v>567</v>
      </c>
    </row>
    <row r="2494" spans="4:17" x14ac:dyDescent="0.25">
      <c r="M2494">
        <v>84.634451332705652</v>
      </c>
      <c r="N2494">
        <v>792</v>
      </c>
      <c r="P2494">
        <v>84.457705566756687</v>
      </c>
      <c r="Q2494">
        <v>567</v>
      </c>
    </row>
    <row r="2495" spans="4:17" x14ac:dyDescent="0.25">
      <c r="M2495">
        <v>84.627595377051833</v>
      </c>
      <c r="N2495">
        <v>793</v>
      </c>
      <c r="P2495">
        <v>84.447039501613858</v>
      </c>
      <c r="Q2495">
        <v>568</v>
      </c>
    </row>
    <row r="2496" spans="4:17" x14ac:dyDescent="0.25">
      <c r="M2496">
        <v>84.620344575784458</v>
      </c>
      <c r="N2496">
        <v>793</v>
      </c>
      <c r="P2496">
        <v>84.435655325154471</v>
      </c>
      <c r="Q2496">
        <v>568</v>
      </c>
    </row>
    <row r="2497" spans="13:17" x14ac:dyDescent="0.25">
      <c r="M2497">
        <v>84.613500585149239</v>
      </c>
      <c r="N2497">
        <v>793</v>
      </c>
      <c r="P2497">
        <v>84.424271148695084</v>
      </c>
      <c r="Q2497">
        <v>568</v>
      </c>
    </row>
    <row r="2498" spans="13:17" x14ac:dyDescent="0.25">
      <c r="M2498">
        <v>84.606249783881836</v>
      </c>
      <c r="N2498">
        <v>794</v>
      </c>
      <c r="P2498">
        <v>84.412908093156773</v>
      </c>
      <c r="Q2498">
        <v>569</v>
      </c>
    </row>
    <row r="2499" spans="13:17" x14ac:dyDescent="0.25">
      <c r="M2499">
        <v>84.599393828228031</v>
      </c>
      <c r="N2499">
        <v>794</v>
      </c>
      <c r="P2499">
        <v>84.401523916697386</v>
      </c>
      <c r="Q2499">
        <v>569</v>
      </c>
    </row>
    <row r="2500" spans="13:17" x14ac:dyDescent="0.25">
      <c r="M2500">
        <v>84.59214302696067</v>
      </c>
      <c r="N2500">
        <v>795</v>
      </c>
      <c r="P2500">
        <v>84.390857851554557</v>
      </c>
      <c r="Q2500">
        <v>569</v>
      </c>
    </row>
    <row r="2501" spans="13:17" x14ac:dyDescent="0.25">
      <c r="M2501">
        <v>84.585299036325438</v>
      </c>
      <c r="N2501">
        <v>795</v>
      </c>
      <c r="P2501">
        <v>84.380191786411714</v>
      </c>
      <c r="Q2501">
        <v>570</v>
      </c>
    </row>
    <row r="2502" spans="13:17" x14ac:dyDescent="0.25">
      <c r="M2502">
        <v>84.578443080671619</v>
      </c>
      <c r="N2502">
        <v>796</v>
      </c>
      <c r="P2502">
        <v>84.368807609952341</v>
      </c>
      <c r="Q2502">
        <v>570</v>
      </c>
    </row>
    <row r="2503" spans="13:17" x14ac:dyDescent="0.25">
      <c r="M2503">
        <v>84.571599090036415</v>
      </c>
      <c r="N2503">
        <v>796</v>
      </c>
      <c r="P2503">
        <v>84.357423433492968</v>
      </c>
      <c r="Q2503">
        <v>570</v>
      </c>
    </row>
    <row r="2504" spans="13:17" x14ac:dyDescent="0.25">
      <c r="M2504">
        <v>84.564743134382596</v>
      </c>
      <c r="N2504">
        <v>796</v>
      </c>
      <c r="P2504">
        <v>84.346039257033581</v>
      </c>
      <c r="Q2504">
        <v>571</v>
      </c>
    </row>
    <row r="2505" spans="13:17" x14ac:dyDescent="0.25">
      <c r="M2505">
        <v>84.557899143747377</v>
      </c>
      <c r="N2505">
        <v>797</v>
      </c>
      <c r="P2505">
        <v>84.335373191890753</v>
      </c>
      <c r="Q2505">
        <v>571</v>
      </c>
    </row>
    <row r="2506" spans="13:17" x14ac:dyDescent="0.25">
      <c r="M2506">
        <v>84.551449998725715</v>
      </c>
      <c r="N2506">
        <v>797</v>
      </c>
      <c r="P2506">
        <v>84.323989015431366</v>
      </c>
      <c r="Q2506">
        <v>571</v>
      </c>
    </row>
    <row r="2507" spans="13:17" x14ac:dyDescent="0.25">
      <c r="M2507">
        <v>84.544594043071925</v>
      </c>
      <c r="N2507">
        <v>798</v>
      </c>
      <c r="P2507">
        <v>84.312604838971978</v>
      </c>
      <c r="Q2507">
        <v>572</v>
      </c>
    </row>
    <row r="2508" spans="13:17" x14ac:dyDescent="0.25">
      <c r="M2508">
        <v>84.537750052436678</v>
      </c>
      <c r="N2508">
        <v>798</v>
      </c>
      <c r="P2508">
        <v>84.301241783433682</v>
      </c>
      <c r="Q2508">
        <v>572</v>
      </c>
    </row>
    <row r="2509" spans="13:17" x14ac:dyDescent="0.25">
      <c r="M2509">
        <v>84.530894096782859</v>
      </c>
      <c r="N2509">
        <v>798</v>
      </c>
      <c r="P2509">
        <v>84.28985760697428</v>
      </c>
      <c r="Q2509">
        <v>572</v>
      </c>
    </row>
    <row r="2510" spans="13:17" x14ac:dyDescent="0.25">
      <c r="M2510">
        <v>84.524050106147669</v>
      </c>
      <c r="N2510">
        <v>799</v>
      </c>
      <c r="P2510">
        <v>84.279191541831452</v>
      </c>
      <c r="Q2510">
        <v>573</v>
      </c>
    </row>
    <row r="2511" spans="13:17" x14ac:dyDescent="0.25">
      <c r="M2511">
        <v>84.51679930488028</v>
      </c>
      <c r="N2511">
        <v>799</v>
      </c>
      <c r="P2511">
        <v>84.267807365372079</v>
      </c>
      <c r="Q2511">
        <v>573</v>
      </c>
    </row>
    <row r="2512" spans="13:17" x14ac:dyDescent="0.25">
      <c r="M2512">
        <v>84.509943349226475</v>
      </c>
      <c r="N2512">
        <v>800</v>
      </c>
      <c r="P2512">
        <v>84.25714130022925</v>
      </c>
      <c r="Q2512">
        <v>573</v>
      </c>
    </row>
    <row r="2513" spans="13:17" x14ac:dyDescent="0.25">
      <c r="M2513">
        <v>84.503099358591243</v>
      </c>
      <c r="N2513">
        <v>800</v>
      </c>
      <c r="P2513">
        <v>84.246475235086422</v>
      </c>
      <c r="Q2513">
        <v>574</v>
      </c>
    </row>
    <row r="2514" spans="13:17" x14ac:dyDescent="0.25">
      <c r="M2514">
        <v>84.496243402937438</v>
      </c>
      <c r="N2514">
        <v>800</v>
      </c>
      <c r="P2514">
        <v>84.235788049022503</v>
      </c>
      <c r="Q2514">
        <v>574</v>
      </c>
    </row>
    <row r="2515" spans="13:17" x14ac:dyDescent="0.25">
      <c r="M2515">
        <v>84.48939941230222</v>
      </c>
      <c r="N2515">
        <v>800</v>
      </c>
      <c r="P2515">
        <v>84.225121983879674</v>
      </c>
      <c r="Q2515">
        <v>574</v>
      </c>
    </row>
    <row r="2516" spans="13:17" x14ac:dyDescent="0.25">
      <c r="M2516">
        <v>84.482543456648401</v>
      </c>
      <c r="N2516">
        <v>800</v>
      </c>
      <c r="P2516">
        <v>84.215174030053376</v>
      </c>
      <c r="Q2516">
        <v>575</v>
      </c>
    </row>
    <row r="2517" spans="13:17" x14ac:dyDescent="0.25">
      <c r="M2517">
        <v>84.475699466013182</v>
      </c>
      <c r="N2517">
        <v>800</v>
      </c>
      <c r="P2517">
        <v>84.204507964910533</v>
      </c>
      <c r="Q2517">
        <v>575</v>
      </c>
    </row>
    <row r="2518" spans="13:17" x14ac:dyDescent="0.25">
      <c r="M2518">
        <v>84.468843510359363</v>
      </c>
      <c r="N2518">
        <v>800</v>
      </c>
      <c r="P2518">
        <v>84.193841899767705</v>
      </c>
      <c r="Q2518">
        <v>575</v>
      </c>
    </row>
    <row r="2519" spans="13:17" x14ac:dyDescent="0.25">
      <c r="M2519">
        <v>84.462406330356316</v>
      </c>
      <c r="N2519">
        <v>800</v>
      </c>
      <c r="P2519">
        <v>84.182457723308332</v>
      </c>
      <c r="Q2519">
        <v>576</v>
      </c>
    </row>
    <row r="2520" spans="13:17" x14ac:dyDescent="0.25">
      <c r="M2520">
        <v>84.455957185334668</v>
      </c>
      <c r="N2520">
        <v>800</v>
      </c>
      <c r="P2520">
        <v>84.171791658165503</v>
      </c>
      <c r="Q2520">
        <v>576</v>
      </c>
    </row>
    <row r="2521" spans="13:17" x14ac:dyDescent="0.25">
      <c r="M2521">
        <v>84.449101229680849</v>
      </c>
      <c r="N2521">
        <v>800</v>
      </c>
      <c r="P2521">
        <v>84.16112559302266</v>
      </c>
      <c r="Q2521">
        <v>576</v>
      </c>
    </row>
    <row r="2522" spans="13:17" x14ac:dyDescent="0.25">
      <c r="M2522">
        <v>84.442652084659215</v>
      </c>
      <c r="N2522">
        <v>800</v>
      </c>
      <c r="P2522">
        <v>84.150438406958756</v>
      </c>
      <c r="Q2522">
        <v>577</v>
      </c>
    </row>
    <row r="2523" spans="13:17" x14ac:dyDescent="0.25">
      <c r="M2523">
        <v>84.43660975026971</v>
      </c>
      <c r="N2523">
        <v>800</v>
      </c>
      <c r="P2523">
        <v>84.139772341815913</v>
      </c>
      <c r="Q2523">
        <v>577</v>
      </c>
    </row>
    <row r="2524" spans="13:17" x14ac:dyDescent="0.25">
      <c r="M2524">
        <v>84.430172570266663</v>
      </c>
      <c r="N2524">
        <v>800</v>
      </c>
      <c r="P2524">
        <v>84.129824387989629</v>
      </c>
      <c r="Q2524">
        <v>577</v>
      </c>
    </row>
    <row r="2525" spans="13:17" x14ac:dyDescent="0.25">
      <c r="M2525">
        <v>84.423723425245029</v>
      </c>
      <c r="N2525">
        <v>800</v>
      </c>
      <c r="P2525">
        <v>84.119158322846786</v>
      </c>
      <c r="Q2525">
        <v>578</v>
      </c>
    </row>
    <row r="2526" spans="13:17" x14ac:dyDescent="0.25">
      <c r="M2526">
        <v>84.417274280223367</v>
      </c>
      <c r="N2526">
        <v>800</v>
      </c>
      <c r="P2526">
        <v>84.108492257703958</v>
      </c>
      <c r="Q2526">
        <v>578</v>
      </c>
    </row>
    <row r="2527" spans="13:17" x14ac:dyDescent="0.25">
      <c r="M2527">
        <v>84.410418324569548</v>
      </c>
      <c r="N2527">
        <v>800</v>
      </c>
      <c r="P2527">
        <v>84.097805071640053</v>
      </c>
      <c r="Q2527">
        <v>578</v>
      </c>
    </row>
    <row r="2528" spans="13:17" x14ac:dyDescent="0.25">
      <c r="M2528">
        <v>84.40357433393433</v>
      </c>
      <c r="N2528">
        <v>800</v>
      </c>
      <c r="P2528">
        <v>84.087857117813755</v>
      </c>
      <c r="Q2528">
        <v>579</v>
      </c>
    </row>
    <row r="2529" spans="13:17" x14ac:dyDescent="0.25">
      <c r="M2529">
        <v>84.396718378280511</v>
      </c>
      <c r="N2529">
        <v>800</v>
      </c>
      <c r="P2529">
        <v>84.077191052670941</v>
      </c>
      <c r="Q2529">
        <v>579</v>
      </c>
    </row>
    <row r="2530" spans="13:17" x14ac:dyDescent="0.25">
      <c r="M2530">
        <v>84.38907273139958</v>
      </c>
      <c r="N2530">
        <v>800</v>
      </c>
      <c r="P2530">
        <v>84.067221977923566</v>
      </c>
      <c r="Q2530">
        <v>579</v>
      </c>
    </row>
    <row r="2531" spans="13:17" x14ac:dyDescent="0.25">
      <c r="M2531">
        <v>84.381008308867862</v>
      </c>
      <c r="N2531">
        <v>800</v>
      </c>
      <c r="P2531">
        <v>84.057274024097282</v>
      </c>
      <c r="Q2531">
        <v>580</v>
      </c>
    </row>
    <row r="2532" spans="13:17" x14ac:dyDescent="0.25">
      <c r="M2532">
        <v>84.372549040722575</v>
      </c>
      <c r="N2532">
        <v>800</v>
      </c>
      <c r="P2532">
        <v>84.047326070270984</v>
      </c>
      <c r="Q2532">
        <v>580</v>
      </c>
    </row>
    <row r="2533" spans="13:17" x14ac:dyDescent="0.25">
      <c r="M2533">
        <v>84.362881305699418</v>
      </c>
      <c r="N2533">
        <v>800</v>
      </c>
      <c r="P2533">
        <v>84.037356995523623</v>
      </c>
      <c r="Q2533">
        <v>580</v>
      </c>
    </row>
    <row r="2534" spans="13:17" x14ac:dyDescent="0.25">
      <c r="M2534">
        <v>84.352399949411904</v>
      </c>
      <c r="N2534">
        <v>800</v>
      </c>
      <c r="P2534">
        <v>84.027409041697339</v>
      </c>
      <c r="Q2534">
        <v>581</v>
      </c>
    </row>
    <row r="2535" spans="13:17" x14ac:dyDescent="0.25">
      <c r="M2535">
        <v>84.340315280632922</v>
      </c>
      <c r="N2535">
        <v>800</v>
      </c>
      <c r="P2535">
        <v>84.017439966949979</v>
      </c>
      <c r="Q2535">
        <v>581</v>
      </c>
    </row>
    <row r="2536" spans="13:17" x14ac:dyDescent="0.25">
      <c r="M2536">
        <v>84.32741699058964</v>
      </c>
      <c r="N2536">
        <v>800</v>
      </c>
      <c r="P2536">
        <v>84.007492013123681</v>
      </c>
      <c r="Q2536">
        <v>581</v>
      </c>
    </row>
    <row r="2537" spans="13:17" x14ac:dyDescent="0.25">
      <c r="M2537">
        <v>84.312508577422705</v>
      </c>
      <c r="N2537">
        <v>800</v>
      </c>
      <c r="P2537">
        <v>83.997522938376335</v>
      </c>
      <c r="Q2537">
        <v>582</v>
      </c>
    </row>
    <row r="2538" spans="13:17" x14ac:dyDescent="0.25">
      <c r="M2538">
        <v>84.295996851764315</v>
      </c>
      <c r="N2538">
        <v>800</v>
      </c>
      <c r="P2538">
        <v>83.988271974945519</v>
      </c>
      <c r="Q2538">
        <v>582</v>
      </c>
    </row>
    <row r="2539" spans="13:17" x14ac:dyDescent="0.25">
      <c r="M2539">
        <v>84.277463037963699</v>
      </c>
      <c r="N2539">
        <v>800</v>
      </c>
      <c r="P2539">
        <v>83.978324021119221</v>
      </c>
      <c r="Q2539">
        <v>582</v>
      </c>
    </row>
    <row r="2540" spans="13:17" x14ac:dyDescent="0.25">
      <c r="M2540">
        <v>84.257313946652999</v>
      </c>
      <c r="N2540">
        <v>800</v>
      </c>
      <c r="P2540">
        <v>83.968376067292951</v>
      </c>
      <c r="Q2540">
        <v>583</v>
      </c>
    </row>
    <row r="2541" spans="13:17" x14ac:dyDescent="0.25">
      <c r="M2541">
        <v>84.235154732218703</v>
      </c>
      <c r="N2541">
        <v>800</v>
      </c>
      <c r="P2541">
        <v>83.958406992545576</v>
      </c>
      <c r="Q2541">
        <v>583</v>
      </c>
    </row>
    <row r="2542" spans="13:17" x14ac:dyDescent="0.25">
      <c r="M2542">
        <v>84.210973429642152</v>
      </c>
      <c r="N2542">
        <v>800</v>
      </c>
      <c r="P2542">
        <v>83.948459038719292</v>
      </c>
      <c r="Q2542">
        <v>583</v>
      </c>
    </row>
    <row r="2543" spans="13:17" x14ac:dyDescent="0.25">
      <c r="M2543">
        <v>84.185188814574147</v>
      </c>
      <c r="N2543">
        <v>800</v>
      </c>
      <c r="P2543">
        <v>83.938489963971946</v>
      </c>
      <c r="Q2543">
        <v>584</v>
      </c>
    </row>
    <row r="2544" spans="13:17" x14ac:dyDescent="0.25">
      <c r="M2544">
        <v>84.158195732628243</v>
      </c>
      <c r="N2544">
        <v>800</v>
      </c>
      <c r="P2544">
        <v>83.928542010145648</v>
      </c>
      <c r="Q2544">
        <v>584</v>
      </c>
    </row>
    <row r="2545" spans="13:17" x14ac:dyDescent="0.25">
      <c r="M2545">
        <v>84.129982218785869</v>
      </c>
      <c r="N2545">
        <v>800</v>
      </c>
      <c r="P2545">
        <v>83.918572935398288</v>
      </c>
      <c r="Q2545">
        <v>584</v>
      </c>
    </row>
    <row r="2546" spans="13:17" x14ac:dyDescent="0.25">
      <c r="M2546">
        <v>84.100979013716341</v>
      </c>
      <c r="N2546">
        <v>800</v>
      </c>
      <c r="P2546">
        <v>83.908624981572004</v>
      </c>
      <c r="Q2546">
        <v>585</v>
      </c>
    </row>
    <row r="2547" spans="13:17" x14ac:dyDescent="0.25">
      <c r="M2547">
        <v>84.071568998014641</v>
      </c>
      <c r="N2547">
        <v>800</v>
      </c>
      <c r="P2547">
        <v>83.899374018141188</v>
      </c>
      <c r="Q2547">
        <v>585</v>
      </c>
    </row>
    <row r="2548" spans="13:17" x14ac:dyDescent="0.25">
      <c r="M2548">
        <v>84.042553827926525</v>
      </c>
      <c r="N2548">
        <v>800</v>
      </c>
      <c r="P2548">
        <v>83.889426064314904</v>
      </c>
      <c r="Q2548">
        <v>585</v>
      </c>
    </row>
    <row r="2549" spans="13:17" x14ac:dyDescent="0.25">
      <c r="M2549">
        <v>84.013945468470553</v>
      </c>
      <c r="N2549">
        <v>800</v>
      </c>
      <c r="P2549">
        <v>83.880175100884074</v>
      </c>
      <c r="Q2549">
        <v>586</v>
      </c>
    </row>
    <row r="2550" spans="13:17" x14ac:dyDescent="0.25">
      <c r="M2550">
        <v>83.986138765260336</v>
      </c>
      <c r="N2550">
        <v>800</v>
      </c>
      <c r="P2550">
        <v>83.870206026136714</v>
      </c>
      <c r="Q2550">
        <v>586</v>
      </c>
    </row>
    <row r="2551" spans="13:17" x14ac:dyDescent="0.25">
      <c r="M2551">
        <v>83.959552493946603</v>
      </c>
      <c r="N2551">
        <v>800</v>
      </c>
      <c r="P2551">
        <v>83.860976183626974</v>
      </c>
      <c r="Q2551">
        <v>586</v>
      </c>
    </row>
    <row r="2552" spans="13:17" x14ac:dyDescent="0.25">
      <c r="M2552">
        <v>83.934976345756482</v>
      </c>
      <c r="N2552">
        <v>800</v>
      </c>
      <c r="P2552">
        <v>83.851007108879614</v>
      </c>
      <c r="Q2552">
        <v>587</v>
      </c>
    </row>
    <row r="2553" spans="13:17" x14ac:dyDescent="0.25">
      <c r="M2553">
        <v>83.912003510057858</v>
      </c>
      <c r="N2553">
        <v>800</v>
      </c>
      <c r="P2553">
        <v>83.84105915505333</v>
      </c>
      <c r="Q2553">
        <v>587</v>
      </c>
    </row>
    <row r="2554" spans="13:17" x14ac:dyDescent="0.25">
      <c r="M2554">
        <v>83.890645951869274</v>
      </c>
      <c r="N2554">
        <v>800</v>
      </c>
      <c r="P2554">
        <v>83.83109008030597</v>
      </c>
      <c r="Q2554">
        <v>587</v>
      </c>
    </row>
    <row r="2555" spans="13:17" x14ac:dyDescent="0.25">
      <c r="M2555">
        <v>83.87090367119076</v>
      </c>
      <c r="N2555">
        <v>800</v>
      </c>
      <c r="P2555">
        <v>83.821142126479671</v>
      </c>
      <c r="Q2555">
        <v>588</v>
      </c>
    </row>
    <row r="2556" spans="13:17" x14ac:dyDescent="0.25">
      <c r="M2556">
        <v>83.852776668022301</v>
      </c>
      <c r="N2556">
        <v>800</v>
      </c>
      <c r="P2556">
        <v>83.811173051732311</v>
      </c>
      <c r="Q2556">
        <v>588</v>
      </c>
    </row>
    <row r="2557" spans="13:17" x14ac:dyDescent="0.25">
      <c r="M2557">
        <v>83.836659787977482</v>
      </c>
      <c r="N2557">
        <v>800</v>
      </c>
      <c r="P2557">
        <v>83.801225097906013</v>
      </c>
      <c r="Q2557">
        <v>588</v>
      </c>
    </row>
    <row r="2558" spans="13:17" x14ac:dyDescent="0.25">
      <c r="M2558">
        <v>83.821344564178375</v>
      </c>
      <c r="N2558">
        <v>800</v>
      </c>
      <c r="P2558">
        <v>83.791974134475211</v>
      </c>
      <c r="Q2558">
        <v>589</v>
      </c>
    </row>
    <row r="2559" spans="13:17" x14ac:dyDescent="0.25">
      <c r="M2559">
        <v>83.807249772275782</v>
      </c>
      <c r="N2559">
        <v>800</v>
      </c>
      <c r="P2559">
        <v>83.782026180648927</v>
      </c>
      <c r="Q2559">
        <v>589</v>
      </c>
    </row>
    <row r="2560" spans="13:17" x14ac:dyDescent="0.25">
      <c r="M2560">
        <v>83.794351482232486</v>
      </c>
      <c r="N2560">
        <v>800</v>
      </c>
      <c r="P2560">
        <v>83.772775217218111</v>
      </c>
      <c r="Q2560">
        <v>589</v>
      </c>
    </row>
    <row r="2561" spans="13:17" x14ac:dyDescent="0.25">
      <c r="M2561">
        <v>83.782266813453504</v>
      </c>
      <c r="N2561">
        <v>800</v>
      </c>
      <c r="P2561">
        <v>83.762806142470751</v>
      </c>
      <c r="Q2561">
        <v>590</v>
      </c>
    </row>
    <row r="2562" spans="13:17" x14ac:dyDescent="0.25">
      <c r="M2562">
        <v>83.770983800920277</v>
      </c>
      <c r="N2562">
        <v>800</v>
      </c>
      <c r="P2562">
        <v>83.752858188644453</v>
      </c>
      <c r="Q2562">
        <v>590</v>
      </c>
    </row>
    <row r="2563" spans="13:17" x14ac:dyDescent="0.25">
      <c r="M2563">
        <v>83.760107599019207</v>
      </c>
      <c r="N2563">
        <v>800</v>
      </c>
      <c r="P2563">
        <v>83.742910234818169</v>
      </c>
      <c r="Q2563">
        <v>590</v>
      </c>
    </row>
    <row r="2564" spans="13:17" x14ac:dyDescent="0.25">
      <c r="M2564">
        <v>83.750033053363865</v>
      </c>
      <c r="N2564">
        <v>800</v>
      </c>
      <c r="P2564">
        <v>83.732941160070823</v>
      </c>
      <c r="Q2564">
        <v>591</v>
      </c>
    </row>
    <row r="2565" spans="13:17" x14ac:dyDescent="0.25">
      <c r="M2565">
        <v>83.740760163954249</v>
      </c>
      <c r="N2565">
        <v>800</v>
      </c>
      <c r="P2565">
        <v>83.723690196640007</v>
      </c>
      <c r="Q2565">
        <v>591</v>
      </c>
    </row>
    <row r="2566" spans="13:17" x14ac:dyDescent="0.25">
      <c r="M2566">
        <v>83.732300895808962</v>
      </c>
      <c r="N2566">
        <v>800</v>
      </c>
      <c r="P2566">
        <v>83.713742242813709</v>
      </c>
      <c r="Q2566">
        <v>591</v>
      </c>
    </row>
    <row r="2567" spans="13:17" x14ac:dyDescent="0.25">
      <c r="M2567">
        <v>83.724236473277259</v>
      </c>
      <c r="N2567">
        <v>800</v>
      </c>
      <c r="P2567">
        <v>83.704491279382907</v>
      </c>
      <c r="Q2567">
        <v>592</v>
      </c>
    </row>
    <row r="2568" spans="13:17" x14ac:dyDescent="0.25">
      <c r="M2568">
        <v>83.71739248264204</v>
      </c>
      <c r="N2568">
        <v>800</v>
      </c>
      <c r="P2568">
        <v>83.694543325556609</v>
      </c>
      <c r="Q2568">
        <v>592</v>
      </c>
    </row>
    <row r="2569" spans="13:17" x14ac:dyDescent="0.25">
      <c r="M2569">
        <v>83.710943337620392</v>
      </c>
      <c r="N2569">
        <v>800</v>
      </c>
      <c r="P2569">
        <v>83.685292362125779</v>
      </c>
      <c r="Q2569">
        <v>592</v>
      </c>
    </row>
    <row r="2570" spans="13:17" x14ac:dyDescent="0.25">
      <c r="M2570">
        <v>83.705307813863072</v>
      </c>
      <c r="N2570">
        <v>800</v>
      </c>
      <c r="P2570">
        <v>83.676041398694977</v>
      </c>
      <c r="Q2570">
        <v>593</v>
      </c>
    </row>
    <row r="2571" spans="13:17" x14ac:dyDescent="0.25">
      <c r="M2571">
        <v>83.70047394635148</v>
      </c>
      <c r="N2571">
        <v>800</v>
      </c>
      <c r="P2571">
        <v>83.666093444868693</v>
      </c>
      <c r="Q2571">
        <v>593</v>
      </c>
    </row>
    <row r="2572" spans="13:17" x14ac:dyDescent="0.25">
      <c r="M2572">
        <v>83.696034924453471</v>
      </c>
      <c r="N2572">
        <v>800</v>
      </c>
      <c r="P2572">
        <v>83.656842481437877</v>
      </c>
      <c r="Q2572">
        <v>593</v>
      </c>
    </row>
    <row r="2573" spans="13:17" x14ac:dyDescent="0.25">
      <c r="M2573">
        <v>83.692409523819776</v>
      </c>
      <c r="N2573">
        <v>800</v>
      </c>
      <c r="P2573">
        <v>83.647591518007076</v>
      </c>
      <c r="Q2573">
        <v>594</v>
      </c>
    </row>
    <row r="2574" spans="13:17" x14ac:dyDescent="0.25">
      <c r="M2574">
        <v>83.689190933818253</v>
      </c>
      <c r="N2574">
        <v>800</v>
      </c>
      <c r="P2574">
        <v>83.638340554576246</v>
      </c>
      <c r="Q2574">
        <v>594</v>
      </c>
    </row>
    <row r="2575" spans="13:17" x14ac:dyDescent="0.25">
      <c r="M2575">
        <v>83.686367189430285</v>
      </c>
      <c r="N2575">
        <v>800</v>
      </c>
      <c r="P2575">
        <v>83.629089591145416</v>
      </c>
      <c r="Q2575">
        <v>594</v>
      </c>
    </row>
    <row r="2576" spans="13:17" x14ac:dyDescent="0.25">
      <c r="M2576">
        <v>83.683950255674503</v>
      </c>
      <c r="N2576">
        <v>800</v>
      </c>
      <c r="P2576">
        <v>83.619859748635704</v>
      </c>
      <c r="Q2576">
        <v>595</v>
      </c>
    </row>
    <row r="2577" spans="13:17" x14ac:dyDescent="0.25">
      <c r="M2577">
        <v>83.681940132550864</v>
      </c>
      <c r="N2577">
        <v>800</v>
      </c>
      <c r="P2577">
        <v>83.611326896521419</v>
      </c>
      <c r="Q2577">
        <v>595</v>
      </c>
    </row>
    <row r="2578" spans="13:17" x14ac:dyDescent="0.25">
      <c r="M2578">
        <v>83.679918044408637</v>
      </c>
      <c r="N2578">
        <v>800</v>
      </c>
      <c r="P2578">
        <v>83.602794044407162</v>
      </c>
      <c r="Q2578">
        <v>595</v>
      </c>
    </row>
    <row r="2579" spans="13:17" x14ac:dyDescent="0.25">
      <c r="M2579">
        <v>83.677907921285012</v>
      </c>
      <c r="N2579">
        <v>800</v>
      </c>
      <c r="P2579">
        <v>83.593543080976346</v>
      </c>
      <c r="Q2579">
        <v>596</v>
      </c>
    </row>
    <row r="2580" spans="13:17" x14ac:dyDescent="0.25">
      <c r="M2580">
        <v>83.676292643774957</v>
      </c>
      <c r="N2580">
        <v>800</v>
      </c>
      <c r="P2580">
        <v>83.58501022886206</v>
      </c>
      <c r="Q2580">
        <v>596</v>
      </c>
    </row>
    <row r="2581" spans="13:17" x14ac:dyDescent="0.25">
      <c r="M2581">
        <v>83.674677366264888</v>
      </c>
      <c r="N2581">
        <v>800</v>
      </c>
      <c r="P2581">
        <v>83.575759265431259</v>
      </c>
      <c r="Q2581">
        <v>596</v>
      </c>
    </row>
    <row r="2582" spans="13:17" x14ac:dyDescent="0.25">
      <c r="M2582">
        <v>83.67346889938699</v>
      </c>
      <c r="N2582">
        <v>800</v>
      </c>
      <c r="P2582">
        <v>83.566508302000457</v>
      </c>
      <c r="Q2582">
        <v>597</v>
      </c>
    </row>
    <row r="2583" spans="13:17" x14ac:dyDescent="0.25">
      <c r="M2583">
        <v>83.672260432509105</v>
      </c>
      <c r="N2583">
        <v>800</v>
      </c>
      <c r="P2583">
        <v>83.557257338569642</v>
      </c>
      <c r="Q2583">
        <v>597</v>
      </c>
    </row>
    <row r="2584" spans="13:17" x14ac:dyDescent="0.25">
      <c r="M2584">
        <v>83.671458776263364</v>
      </c>
      <c r="N2584">
        <v>800</v>
      </c>
      <c r="P2584">
        <v>83.548027496059902</v>
      </c>
      <c r="Q2584">
        <v>597</v>
      </c>
    </row>
    <row r="2585" spans="13:17" x14ac:dyDescent="0.25">
      <c r="M2585">
        <v>83.670657120017623</v>
      </c>
      <c r="N2585">
        <v>800</v>
      </c>
      <c r="P2585">
        <v>83.53947352302454</v>
      </c>
      <c r="Q2585">
        <v>598</v>
      </c>
    </row>
    <row r="2586" spans="13:17" x14ac:dyDescent="0.25">
      <c r="M2586">
        <v>83.669448653139739</v>
      </c>
      <c r="N2586">
        <v>800</v>
      </c>
      <c r="P2586">
        <v>83.530243680514815</v>
      </c>
      <c r="Q2586">
        <v>598</v>
      </c>
    </row>
    <row r="2587" spans="13:17" x14ac:dyDescent="0.25">
      <c r="M2587">
        <v>83.669041842507568</v>
      </c>
      <c r="N2587">
        <v>800</v>
      </c>
      <c r="P2587">
        <v>83.522407818796012</v>
      </c>
      <c r="Q2587">
        <v>598</v>
      </c>
    </row>
    <row r="2588" spans="13:17" x14ac:dyDescent="0.25">
      <c r="M2588">
        <v>83.668240186261826</v>
      </c>
      <c r="N2588">
        <v>800</v>
      </c>
      <c r="P2588">
        <v>83.51387496668174</v>
      </c>
      <c r="Q2588">
        <v>599</v>
      </c>
    </row>
    <row r="2589" spans="13:17" x14ac:dyDescent="0.25">
      <c r="M2589">
        <v>83.667426564997513</v>
      </c>
      <c r="N2589">
        <v>800</v>
      </c>
      <c r="P2589">
        <v>83.504624003250939</v>
      </c>
      <c r="Q2589">
        <v>599</v>
      </c>
    </row>
    <row r="2590" spans="13:17" x14ac:dyDescent="0.25">
      <c r="M2590">
        <v>83.667031719383942</v>
      </c>
      <c r="N2590">
        <v>800</v>
      </c>
      <c r="P2590">
        <v>83.496091151136653</v>
      </c>
      <c r="Q2590">
        <v>599</v>
      </c>
    </row>
    <row r="2591" spans="13:17" x14ac:dyDescent="0.25">
      <c r="M2591">
        <v>83.666624908751771</v>
      </c>
      <c r="N2591">
        <v>800</v>
      </c>
      <c r="P2591">
        <v>83.487558299022396</v>
      </c>
      <c r="Q2591">
        <v>600</v>
      </c>
    </row>
    <row r="2592" spans="13:17" x14ac:dyDescent="0.25">
      <c r="M2592">
        <v>83.666218098119614</v>
      </c>
      <c r="N2592">
        <v>800</v>
      </c>
      <c r="P2592">
        <v>83.479025446908139</v>
      </c>
      <c r="Q2592">
        <v>600</v>
      </c>
    </row>
    <row r="2593" spans="13:17" x14ac:dyDescent="0.25">
      <c r="M2593">
        <v>83.665416441873887</v>
      </c>
      <c r="N2593">
        <v>800</v>
      </c>
      <c r="P2593">
        <v>83.470492594793853</v>
      </c>
      <c r="Q2593">
        <v>600</v>
      </c>
    </row>
    <row r="2594" spans="13:17" x14ac:dyDescent="0.25">
      <c r="M2594">
        <v>83.665009631241702</v>
      </c>
      <c r="N2594">
        <v>800</v>
      </c>
      <c r="P2594">
        <v>83.462656733075065</v>
      </c>
      <c r="Q2594">
        <v>601</v>
      </c>
    </row>
    <row r="2595" spans="13:17" x14ac:dyDescent="0.25">
      <c r="M2595">
        <v>83.664614785628146</v>
      </c>
      <c r="N2595">
        <v>800</v>
      </c>
      <c r="P2595">
        <v>83.454123880960793</v>
      </c>
      <c r="Q2595">
        <v>601</v>
      </c>
    </row>
    <row r="2596" spans="13:17" x14ac:dyDescent="0.25">
      <c r="M2596">
        <v>83.664207974995989</v>
      </c>
      <c r="N2596">
        <v>800</v>
      </c>
      <c r="P2596">
        <v>83.44559102884655</v>
      </c>
      <c r="Q2596">
        <v>601</v>
      </c>
    </row>
    <row r="2597" spans="13:17" x14ac:dyDescent="0.25">
      <c r="M2597">
        <v>83.663394353731661</v>
      </c>
      <c r="N2597">
        <v>800</v>
      </c>
      <c r="P2597">
        <v>83.437776288048809</v>
      </c>
      <c r="Q2597">
        <v>602</v>
      </c>
    </row>
    <row r="2598" spans="13:17" x14ac:dyDescent="0.25">
      <c r="M2598">
        <v>83.662999508118091</v>
      </c>
      <c r="N2598">
        <v>800</v>
      </c>
      <c r="P2598">
        <v>83.42994042633002</v>
      </c>
      <c r="Q2598">
        <v>602</v>
      </c>
    </row>
    <row r="2599" spans="13:17" x14ac:dyDescent="0.25">
      <c r="M2599">
        <v>83.66259269748592</v>
      </c>
      <c r="N2599">
        <v>800</v>
      </c>
      <c r="P2599">
        <v>83.421407574215749</v>
      </c>
      <c r="Q2599">
        <v>602</v>
      </c>
    </row>
    <row r="2600" spans="13:17" x14ac:dyDescent="0.25">
      <c r="M2600">
        <v>83.662185886853763</v>
      </c>
      <c r="N2600">
        <v>800</v>
      </c>
      <c r="P2600">
        <v>83.412874722101478</v>
      </c>
      <c r="Q2600">
        <v>603</v>
      </c>
    </row>
    <row r="2601" spans="13:17" x14ac:dyDescent="0.25">
      <c r="M2601">
        <v>83.661791041240193</v>
      </c>
      <c r="N2601">
        <v>800</v>
      </c>
      <c r="P2601">
        <v>83.404341869987221</v>
      </c>
      <c r="Q2601">
        <v>603</v>
      </c>
    </row>
    <row r="2602" spans="13:17" x14ac:dyDescent="0.25">
      <c r="M2602">
        <v>83.661791041240193</v>
      </c>
      <c r="N2602">
        <v>800</v>
      </c>
      <c r="P2602">
        <v>83.395090906556391</v>
      </c>
      <c r="Q2602">
        <v>603</v>
      </c>
    </row>
    <row r="2603" spans="13:17" x14ac:dyDescent="0.25">
      <c r="M2603">
        <v>83.661384230608022</v>
      </c>
      <c r="N2603">
        <v>800</v>
      </c>
      <c r="P2603">
        <v>83.386558054442133</v>
      </c>
      <c r="Q2603">
        <v>604</v>
      </c>
    </row>
    <row r="2604" spans="13:17" x14ac:dyDescent="0.25">
      <c r="M2604">
        <v>83.661384230608022</v>
      </c>
      <c r="N2604">
        <v>800</v>
      </c>
      <c r="P2604">
        <v>83.377307091011318</v>
      </c>
      <c r="Q2604">
        <v>604</v>
      </c>
    </row>
    <row r="2605" spans="13:17" x14ac:dyDescent="0.25">
      <c r="M2605">
        <v>83.661384230608022</v>
      </c>
      <c r="N2605">
        <v>800</v>
      </c>
      <c r="P2605">
        <v>83.369492350213591</v>
      </c>
      <c r="Q2605">
        <v>604</v>
      </c>
    </row>
    <row r="2606" spans="13:17" x14ac:dyDescent="0.25">
      <c r="M2606">
        <v>83.66097741997585</v>
      </c>
      <c r="N2606">
        <v>800</v>
      </c>
      <c r="P2606">
        <v>83.361677609415892</v>
      </c>
      <c r="Q2606">
        <v>605</v>
      </c>
    </row>
    <row r="2607" spans="13:17" x14ac:dyDescent="0.25">
      <c r="M2607">
        <v>83.66097741997585</v>
      </c>
      <c r="N2607">
        <v>800</v>
      </c>
      <c r="P2607">
        <v>83.353123636380516</v>
      </c>
      <c r="Q2607">
        <v>605</v>
      </c>
    </row>
    <row r="2608" spans="13:17" x14ac:dyDescent="0.25">
      <c r="M2608">
        <v>83.660582574362294</v>
      </c>
      <c r="N2608">
        <v>800</v>
      </c>
      <c r="P2608">
        <v>83.345308895582818</v>
      </c>
      <c r="Q2608">
        <v>605</v>
      </c>
    </row>
    <row r="2609" spans="13:17" x14ac:dyDescent="0.25">
      <c r="M2609">
        <v>83.660582574362294</v>
      </c>
      <c r="N2609">
        <v>800</v>
      </c>
      <c r="P2609">
        <v>83.337494154785091</v>
      </c>
      <c r="Q2609">
        <v>606</v>
      </c>
    </row>
    <row r="2610" spans="13:17" x14ac:dyDescent="0.25">
      <c r="M2610">
        <v>83.660582574362294</v>
      </c>
      <c r="N2610">
        <v>800</v>
      </c>
      <c r="P2610">
        <v>83.329658293066316</v>
      </c>
      <c r="Q2610">
        <v>606</v>
      </c>
    </row>
    <row r="2611" spans="13:17" x14ac:dyDescent="0.25">
      <c r="M2611">
        <v>83.660175763730123</v>
      </c>
      <c r="N2611">
        <v>800</v>
      </c>
      <c r="P2611">
        <v>83.321843552268575</v>
      </c>
      <c r="Q2611">
        <v>606</v>
      </c>
    </row>
    <row r="2612" spans="13:17" x14ac:dyDescent="0.25">
      <c r="M2612">
        <v>83.660175763730123</v>
      </c>
      <c r="N2612">
        <v>800</v>
      </c>
      <c r="P2612">
        <v>83.313310700154304</v>
      </c>
      <c r="Q2612">
        <v>607</v>
      </c>
    </row>
    <row r="2613" spans="13:17" x14ac:dyDescent="0.25">
      <c r="M2613">
        <v>83.660175763730123</v>
      </c>
      <c r="N2613">
        <v>800</v>
      </c>
      <c r="P2613">
        <v>83.304777848040047</v>
      </c>
      <c r="Q2613">
        <v>607</v>
      </c>
    </row>
    <row r="2614" spans="13:17" x14ac:dyDescent="0.25">
      <c r="M2614">
        <v>83.660175763730123</v>
      </c>
      <c r="N2614">
        <v>800</v>
      </c>
      <c r="P2614">
        <v>83.296941986321244</v>
      </c>
      <c r="Q2614">
        <v>607</v>
      </c>
    </row>
    <row r="2615" spans="13:17" x14ac:dyDescent="0.25">
      <c r="M2615">
        <v>83.659768953097952</v>
      </c>
      <c r="N2615">
        <v>800</v>
      </c>
      <c r="P2615">
        <v>83.289127245523517</v>
      </c>
      <c r="Q2615">
        <v>608</v>
      </c>
    </row>
    <row r="2616" spans="13:17" x14ac:dyDescent="0.25">
      <c r="M2616">
        <v>83.659768953097952</v>
      </c>
      <c r="N2616">
        <v>800</v>
      </c>
      <c r="P2616">
        <v>83.281291383804728</v>
      </c>
      <c r="Q2616">
        <v>608</v>
      </c>
    </row>
    <row r="2617" spans="13:17" x14ac:dyDescent="0.25">
      <c r="M2617">
        <v>83.659768953097952</v>
      </c>
      <c r="N2617">
        <v>800</v>
      </c>
      <c r="P2617">
        <v>83.273476643007015</v>
      </c>
      <c r="Q2617">
        <v>608</v>
      </c>
    </row>
    <row r="2618" spans="13:17" x14ac:dyDescent="0.25">
      <c r="M2618">
        <v>83.659768953097952</v>
      </c>
      <c r="N2618">
        <v>800</v>
      </c>
      <c r="P2618">
        <v>83.265640781288226</v>
      </c>
      <c r="Q2618">
        <v>609</v>
      </c>
    </row>
    <row r="2619" spans="13:17" x14ac:dyDescent="0.25">
      <c r="M2619">
        <v>83.659374107484382</v>
      </c>
      <c r="N2619">
        <v>800</v>
      </c>
      <c r="P2619">
        <v>83.257107929173941</v>
      </c>
      <c r="Q2619">
        <v>609</v>
      </c>
    </row>
    <row r="2620" spans="13:17" x14ac:dyDescent="0.25">
      <c r="M2620">
        <v>83.659374107484382</v>
      </c>
      <c r="N2620">
        <v>800</v>
      </c>
      <c r="P2620">
        <v>83.248575077059684</v>
      </c>
      <c r="Q2620">
        <v>609</v>
      </c>
    </row>
    <row r="2621" spans="13:17" x14ac:dyDescent="0.25">
      <c r="M2621">
        <v>83.659374107484382</v>
      </c>
      <c r="N2621">
        <v>800</v>
      </c>
      <c r="P2621">
        <v>83.240760336261971</v>
      </c>
      <c r="Q2621">
        <v>610</v>
      </c>
    </row>
    <row r="2622" spans="13:17" x14ac:dyDescent="0.25">
      <c r="M2622">
        <v>83.658967296852225</v>
      </c>
      <c r="N2622">
        <v>800</v>
      </c>
      <c r="P2622">
        <v>83.232227484147685</v>
      </c>
      <c r="Q2622">
        <v>610</v>
      </c>
    </row>
    <row r="2623" spans="13:17" x14ac:dyDescent="0.25">
      <c r="M2623">
        <v>83.658967296852225</v>
      </c>
      <c r="N2623">
        <v>800</v>
      </c>
      <c r="P2623">
        <v>83.224391622428897</v>
      </c>
      <c r="Q2623">
        <v>610</v>
      </c>
    </row>
    <row r="2624" spans="13:17" x14ac:dyDescent="0.25">
      <c r="M2624">
        <v>83.658560486220068</v>
      </c>
      <c r="N2624">
        <v>800</v>
      </c>
      <c r="P2624">
        <v>83.21657688163117</v>
      </c>
      <c r="Q2624">
        <v>611</v>
      </c>
    </row>
    <row r="2625" spans="13:17" x14ac:dyDescent="0.25">
      <c r="M2625">
        <v>83.658560486220068</v>
      </c>
      <c r="N2625">
        <v>800</v>
      </c>
      <c r="P2625">
        <v>83.208741019912381</v>
      </c>
      <c r="Q2625">
        <v>611</v>
      </c>
    </row>
    <row r="2626" spans="13:17" x14ac:dyDescent="0.25">
      <c r="M2626">
        <v>83.658165640606484</v>
      </c>
      <c r="N2626">
        <v>800</v>
      </c>
      <c r="P2626">
        <v>83.201644390431213</v>
      </c>
      <c r="Q2626">
        <v>611</v>
      </c>
    </row>
    <row r="2627" spans="13:17" x14ac:dyDescent="0.25">
      <c r="M2627">
        <v>83.658165640606484</v>
      </c>
      <c r="N2627">
        <v>800</v>
      </c>
      <c r="P2627">
        <v>83.194526640028982</v>
      </c>
      <c r="Q2627">
        <v>612</v>
      </c>
    </row>
    <row r="2628" spans="13:17" x14ac:dyDescent="0.25">
      <c r="M2628">
        <v>83.657758829974327</v>
      </c>
      <c r="N2628">
        <v>800</v>
      </c>
      <c r="P2628">
        <v>83.18740888962671</v>
      </c>
      <c r="Q2628">
        <v>612</v>
      </c>
    </row>
    <row r="2629" spans="13:17" x14ac:dyDescent="0.25">
      <c r="M2629">
        <v>83.657352019342184</v>
      </c>
      <c r="N2629">
        <v>800</v>
      </c>
      <c r="P2629">
        <v>83.179594148828997</v>
      </c>
      <c r="Q2629">
        <v>612</v>
      </c>
    </row>
    <row r="2630" spans="13:17" x14ac:dyDescent="0.25">
      <c r="M2630">
        <v>83.657352019342184</v>
      </c>
      <c r="N2630">
        <v>800</v>
      </c>
      <c r="P2630">
        <v>83.172476398426738</v>
      </c>
      <c r="Q2630">
        <v>613</v>
      </c>
    </row>
    <row r="2631" spans="13:17" x14ac:dyDescent="0.25">
      <c r="M2631">
        <v>83.657352019342184</v>
      </c>
      <c r="N2631">
        <v>800</v>
      </c>
      <c r="P2631">
        <v>83.164661657629026</v>
      </c>
      <c r="Q2631">
        <v>613</v>
      </c>
    </row>
    <row r="2632" spans="13:17" x14ac:dyDescent="0.25">
      <c r="M2632">
        <v>83.656957173728586</v>
      </c>
      <c r="N2632">
        <v>800</v>
      </c>
      <c r="P2632">
        <v>83.157543907226781</v>
      </c>
      <c r="Q2632">
        <v>613</v>
      </c>
    </row>
    <row r="2633" spans="13:17" x14ac:dyDescent="0.25">
      <c r="M2633">
        <v>83.656957173728586</v>
      </c>
      <c r="N2633">
        <v>800</v>
      </c>
      <c r="P2633">
        <v>83.149708045507992</v>
      </c>
      <c r="Q2633">
        <v>614</v>
      </c>
    </row>
    <row r="2634" spans="13:17" x14ac:dyDescent="0.25">
      <c r="M2634">
        <v>83.656957173728586</v>
      </c>
      <c r="N2634">
        <v>800</v>
      </c>
      <c r="P2634">
        <v>83.141893304710251</v>
      </c>
      <c r="Q2634">
        <v>614</v>
      </c>
    </row>
    <row r="2635" spans="13:17" x14ac:dyDescent="0.25">
      <c r="M2635">
        <v>83.656550363096443</v>
      </c>
      <c r="N2635">
        <v>800</v>
      </c>
      <c r="P2635">
        <v>83.134775554308021</v>
      </c>
      <c r="Q2635">
        <v>614</v>
      </c>
    </row>
    <row r="2636" spans="13:17" x14ac:dyDescent="0.25">
      <c r="M2636">
        <v>83.656550363096443</v>
      </c>
      <c r="N2636">
        <v>800</v>
      </c>
      <c r="P2636">
        <v>83.12696081351028</v>
      </c>
      <c r="Q2636">
        <v>615</v>
      </c>
    </row>
    <row r="2637" spans="13:17" x14ac:dyDescent="0.25">
      <c r="M2637">
        <v>83.656143552464272</v>
      </c>
      <c r="N2637">
        <v>800</v>
      </c>
      <c r="P2637">
        <v>83.120561174424594</v>
      </c>
      <c r="Q2637">
        <v>615</v>
      </c>
    </row>
    <row r="2638" spans="13:17" x14ac:dyDescent="0.25">
      <c r="M2638">
        <v>83.655748706850702</v>
      </c>
      <c r="N2638">
        <v>800</v>
      </c>
      <c r="P2638">
        <v>83.11344342402235</v>
      </c>
      <c r="Q2638">
        <v>615</v>
      </c>
    </row>
    <row r="2639" spans="13:17" x14ac:dyDescent="0.25">
      <c r="M2639">
        <v>83.655748706850702</v>
      </c>
      <c r="N2639">
        <v>800</v>
      </c>
      <c r="P2639">
        <v>83.105607562303547</v>
      </c>
      <c r="Q2639">
        <v>616</v>
      </c>
    </row>
    <row r="2640" spans="13:17" x14ac:dyDescent="0.25">
      <c r="M2640">
        <v>83.655341896218545</v>
      </c>
      <c r="N2640">
        <v>800</v>
      </c>
      <c r="P2640">
        <v>83.098510932822379</v>
      </c>
      <c r="Q2640">
        <v>616</v>
      </c>
    </row>
    <row r="2641" spans="13:17" x14ac:dyDescent="0.25">
      <c r="M2641">
        <v>83.655341896218545</v>
      </c>
      <c r="N2641">
        <v>800</v>
      </c>
      <c r="P2641">
        <v>83.09139318242012</v>
      </c>
      <c r="Q2641">
        <v>616</v>
      </c>
    </row>
    <row r="2642" spans="13:17" x14ac:dyDescent="0.25">
      <c r="M2642">
        <v>83.654935085586374</v>
      </c>
      <c r="N2642">
        <v>800</v>
      </c>
      <c r="P2642">
        <v>83.08427543201789</v>
      </c>
      <c r="Q2642">
        <v>617</v>
      </c>
    </row>
    <row r="2643" spans="13:17" x14ac:dyDescent="0.25">
      <c r="M2643">
        <v>83.654935085586374</v>
      </c>
      <c r="N2643">
        <v>800</v>
      </c>
      <c r="P2643">
        <v>83.077157681615645</v>
      </c>
      <c r="Q2643">
        <v>617</v>
      </c>
    </row>
    <row r="2644" spans="13:17" x14ac:dyDescent="0.25">
      <c r="M2644">
        <v>83.654935085586374</v>
      </c>
      <c r="N2644">
        <v>800</v>
      </c>
      <c r="P2644">
        <v>83.070061052134463</v>
      </c>
      <c r="Q2644">
        <v>617</v>
      </c>
    </row>
    <row r="2645" spans="13:17" x14ac:dyDescent="0.25">
      <c r="M2645">
        <v>83.654935085586374</v>
      </c>
      <c r="N2645">
        <v>800</v>
      </c>
      <c r="P2645">
        <v>83.06294330173219</v>
      </c>
      <c r="Q2645">
        <v>618</v>
      </c>
    </row>
    <row r="2646" spans="13:17" x14ac:dyDescent="0.25">
      <c r="M2646">
        <v>83.654935085586374</v>
      </c>
      <c r="N2646">
        <v>800</v>
      </c>
      <c r="P2646">
        <v>83.05582555132996</v>
      </c>
      <c r="Q2646">
        <v>618</v>
      </c>
    </row>
    <row r="2647" spans="13:17" x14ac:dyDescent="0.25">
      <c r="M2647">
        <v>83.654935085586374</v>
      </c>
      <c r="N2647">
        <v>800</v>
      </c>
      <c r="P2647">
        <v>83.048707800927716</v>
      </c>
      <c r="Q2647">
        <v>618</v>
      </c>
    </row>
    <row r="2648" spans="13:17" x14ac:dyDescent="0.25">
      <c r="M2648">
        <v>83.654935085586374</v>
      </c>
      <c r="N2648">
        <v>800</v>
      </c>
      <c r="P2648">
        <v>83.042308161842016</v>
      </c>
      <c r="Q2648">
        <v>619</v>
      </c>
    </row>
    <row r="2649" spans="13:17" x14ac:dyDescent="0.25">
      <c r="M2649">
        <v>83.654935085586374</v>
      </c>
      <c r="N2649">
        <v>800</v>
      </c>
      <c r="P2649">
        <v>83.035211532360847</v>
      </c>
      <c r="Q2649">
        <v>619</v>
      </c>
    </row>
    <row r="2650" spans="13:17" x14ac:dyDescent="0.25">
      <c r="M2650">
        <v>83.655341896218545</v>
      </c>
      <c r="N2650">
        <v>800</v>
      </c>
      <c r="P2650">
        <v>83.028093781958603</v>
      </c>
      <c r="Q2650">
        <v>619</v>
      </c>
    </row>
    <row r="2651" spans="13:17" x14ac:dyDescent="0.25">
      <c r="M2651">
        <v>83.655341896218545</v>
      </c>
      <c r="N2651">
        <v>800</v>
      </c>
      <c r="P2651">
        <v>83.020976031556344</v>
      </c>
      <c r="Q2651">
        <v>620</v>
      </c>
    </row>
    <row r="2652" spans="13:17" x14ac:dyDescent="0.25">
      <c r="M2652">
        <v>83.655341896218545</v>
      </c>
      <c r="N2652">
        <v>800</v>
      </c>
      <c r="P2652">
        <v>83.0138582811541</v>
      </c>
      <c r="Q2652">
        <v>620</v>
      </c>
    </row>
    <row r="2653" spans="13:17" x14ac:dyDescent="0.25">
      <c r="M2653">
        <v>83.655341896218545</v>
      </c>
      <c r="N2653">
        <v>800</v>
      </c>
      <c r="P2653">
        <v>83.006761651672917</v>
      </c>
      <c r="Q2653">
        <v>620</v>
      </c>
    </row>
    <row r="2654" spans="13:17" x14ac:dyDescent="0.25">
      <c r="M2654">
        <v>83.655341896218545</v>
      </c>
      <c r="N2654">
        <v>800</v>
      </c>
      <c r="P2654">
        <v>82.999643901270687</v>
      </c>
      <c r="Q2654">
        <v>621</v>
      </c>
    </row>
    <row r="2655" spans="13:17" x14ac:dyDescent="0.25">
      <c r="M2655">
        <v>83.655341896218545</v>
      </c>
      <c r="N2655">
        <v>800</v>
      </c>
      <c r="P2655">
        <v>82.992526150868429</v>
      </c>
      <c r="Q2655">
        <v>621</v>
      </c>
    </row>
    <row r="2656" spans="13:17" x14ac:dyDescent="0.25">
      <c r="M2656">
        <v>83.655341896218545</v>
      </c>
      <c r="N2656">
        <v>800</v>
      </c>
      <c r="P2656">
        <v>82.986126511782743</v>
      </c>
      <c r="Q2656">
        <v>621</v>
      </c>
    </row>
    <row r="2657" spans="13:17" x14ac:dyDescent="0.25">
      <c r="M2657">
        <v>83.655341896218545</v>
      </c>
      <c r="N2657">
        <v>800</v>
      </c>
      <c r="P2657">
        <v>82.979008761380484</v>
      </c>
      <c r="Q2657">
        <v>622</v>
      </c>
    </row>
    <row r="2658" spans="13:17" x14ac:dyDescent="0.25">
      <c r="M2658">
        <v>83.655341896218545</v>
      </c>
      <c r="N2658">
        <v>800</v>
      </c>
      <c r="P2658">
        <v>82.972609122294784</v>
      </c>
      <c r="Q2658">
        <v>622</v>
      </c>
    </row>
    <row r="2659" spans="13:17" x14ac:dyDescent="0.25">
      <c r="M2659">
        <v>83.655341896218545</v>
      </c>
      <c r="N2659">
        <v>800</v>
      </c>
      <c r="P2659">
        <v>82.966209483209084</v>
      </c>
      <c r="Q2659">
        <v>622</v>
      </c>
    </row>
    <row r="2660" spans="13:17" x14ac:dyDescent="0.25">
      <c r="M2660">
        <v>83.655341896218545</v>
      </c>
      <c r="N2660">
        <v>800</v>
      </c>
      <c r="P2660">
        <v>82.95980984412337</v>
      </c>
      <c r="Q2660">
        <v>623</v>
      </c>
    </row>
    <row r="2661" spans="13:17" x14ac:dyDescent="0.25">
      <c r="M2661">
        <v>83.655341896218545</v>
      </c>
      <c r="N2661">
        <v>800</v>
      </c>
      <c r="P2661">
        <v>82.953410205037684</v>
      </c>
      <c r="Q2661">
        <v>623</v>
      </c>
    </row>
    <row r="2662" spans="13:17" x14ac:dyDescent="0.25">
      <c r="M2662">
        <v>83.655341896218545</v>
      </c>
      <c r="N2662">
        <v>800</v>
      </c>
      <c r="P2662">
        <v>82.946292454635426</v>
      </c>
      <c r="Q2662">
        <v>623</v>
      </c>
    </row>
    <row r="2663" spans="13:17" x14ac:dyDescent="0.25">
      <c r="M2663">
        <v>83.655341896218545</v>
      </c>
      <c r="N2663">
        <v>800</v>
      </c>
      <c r="P2663">
        <v>82.939892815549726</v>
      </c>
      <c r="Q2663">
        <v>624</v>
      </c>
    </row>
    <row r="2664" spans="13:17" x14ac:dyDescent="0.25">
      <c r="M2664">
        <v>83.655748706850702</v>
      </c>
      <c r="N2664">
        <v>800</v>
      </c>
      <c r="P2664">
        <v>82.933493176464026</v>
      </c>
      <c r="Q2664">
        <v>624</v>
      </c>
    </row>
    <row r="2665" spans="13:17" x14ac:dyDescent="0.25">
      <c r="M2665">
        <v>83.655748706850702</v>
      </c>
      <c r="N2665">
        <v>800</v>
      </c>
      <c r="P2665">
        <v>82.92709353737834</v>
      </c>
      <c r="Q2665">
        <v>624</v>
      </c>
    </row>
    <row r="2666" spans="13:17" x14ac:dyDescent="0.25">
      <c r="M2666">
        <v>83.655748706850702</v>
      </c>
      <c r="N2666">
        <v>800</v>
      </c>
      <c r="P2666">
        <v>82.920693898292626</v>
      </c>
      <c r="Q2666">
        <v>625</v>
      </c>
    </row>
    <row r="2667" spans="13:17" x14ac:dyDescent="0.25">
      <c r="M2667">
        <v>83.655748706850702</v>
      </c>
      <c r="N2667">
        <v>800</v>
      </c>
      <c r="P2667">
        <v>82.91429425920694</v>
      </c>
      <c r="Q2667">
        <v>625</v>
      </c>
    </row>
    <row r="2668" spans="13:17" x14ac:dyDescent="0.25">
      <c r="M2668">
        <v>83.655748706850702</v>
      </c>
      <c r="N2668">
        <v>800</v>
      </c>
      <c r="P2668">
        <v>82.907894620121226</v>
      </c>
      <c r="Q2668">
        <v>625</v>
      </c>
    </row>
    <row r="2669" spans="13:17" x14ac:dyDescent="0.25">
      <c r="M2669">
        <v>83.655748706850702</v>
      </c>
      <c r="N2669">
        <v>800</v>
      </c>
      <c r="P2669">
        <v>82.901494981035526</v>
      </c>
      <c r="Q2669">
        <v>626</v>
      </c>
    </row>
    <row r="2670" spans="13:17" x14ac:dyDescent="0.25">
      <c r="M2670">
        <v>83.655341896218545</v>
      </c>
      <c r="N2670">
        <v>800</v>
      </c>
      <c r="P2670">
        <v>82.895095341949826</v>
      </c>
      <c r="Q2670">
        <v>626</v>
      </c>
    </row>
    <row r="2671" spans="13:17" x14ac:dyDescent="0.25">
      <c r="M2671">
        <v>83.655341896218545</v>
      </c>
      <c r="N2671">
        <v>800</v>
      </c>
      <c r="P2671">
        <v>82.888695702864126</v>
      </c>
      <c r="Q2671">
        <v>626</v>
      </c>
    </row>
    <row r="2672" spans="13:17" x14ac:dyDescent="0.25">
      <c r="M2672">
        <v>83.655341896218545</v>
      </c>
      <c r="N2672">
        <v>800</v>
      </c>
      <c r="P2672">
        <v>82.88227494285735</v>
      </c>
      <c r="Q2672">
        <v>627</v>
      </c>
    </row>
    <row r="2673" spans="13:17" x14ac:dyDescent="0.25">
      <c r="M2673">
        <v>83.655341896218545</v>
      </c>
      <c r="N2673">
        <v>800</v>
      </c>
      <c r="P2673">
        <v>82.875875303771636</v>
      </c>
      <c r="Q2673">
        <v>627</v>
      </c>
    </row>
    <row r="2674" spans="13:17" x14ac:dyDescent="0.25">
      <c r="M2674">
        <v>83.655341896218545</v>
      </c>
      <c r="N2674">
        <v>800</v>
      </c>
      <c r="P2674">
        <v>82.86947566468595</v>
      </c>
      <c r="Q2674">
        <v>627</v>
      </c>
    </row>
    <row r="2675" spans="13:17" x14ac:dyDescent="0.25">
      <c r="M2675">
        <v>83.654935085586374</v>
      </c>
      <c r="N2675">
        <v>800</v>
      </c>
      <c r="P2675">
        <v>82.86307602560025</v>
      </c>
      <c r="Q2675">
        <v>628</v>
      </c>
    </row>
    <row r="2676" spans="13:17" x14ac:dyDescent="0.25">
      <c r="M2676">
        <v>83.654935085586374</v>
      </c>
      <c r="N2676">
        <v>800</v>
      </c>
      <c r="P2676">
        <v>82.85667638651455</v>
      </c>
      <c r="Q2676">
        <v>628</v>
      </c>
    </row>
    <row r="2677" spans="13:17" x14ac:dyDescent="0.25">
      <c r="M2677">
        <v>83.654935085586374</v>
      </c>
      <c r="N2677">
        <v>800</v>
      </c>
      <c r="P2677">
        <v>82.850994858745381</v>
      </c>
      <c r="Q2677">
        <v>628</v>
      </c>
    </row>
    <row r="2678" spans="13:17" x14ac:dyDescent="0.25">
      <c r="M2678">
        <v>83.654935085586374</v>
      </c>
      <c r="N2678">
        <v>800</v>
      </c>
      <c r="P2678">
        <v>82.844595219659695</v>
      </c>
      <c r="Q2678">
        <v>629</v>
      </c>
    </row>
    <row r="2679" spans="13:17" x14ac:dyDescent="0.25">
      <c r="M2679">
        <v>83.654935085586374</v>
      </c>
      <c r="N2679">
        <v>800</v>
      </c>
      <c r="P2679">
        <v>82.838195580573995</v>
      </c>
      <c r="Q2679">
        <v>629</v>
      </c>
    </row>
    <row r="2680" spans="13:17" x14ac:dyDescent="0.25">
      <c r="M2680">
        <v>83.654935085586374</v>
      </c>
      <c r="N2680">
        <v>800</v>
      </c>
      <c r="P2680">
        <v>82.831795941488281</v>
      </c>
      <c r="Q2680">
        <v>629</v>
      </c>
    </row>
    <row r="2681" spans="13:17" x14ac:dyDescent="0.25">
      <c r="M2681">
        <v>83.654935085586374</v>
      </c>
      <c r="N2681">
        <v>800</v>
      </c>
      <c r="P2681">
        <v>82.825375181481519</v>
      </c>
      <c r="Q2681">
        <v>630</v>
      </c>
    </row>
    <row r="2682" spans="13:17" x14ac:dyDescent="0.25">
      <c r="M2682">
        <v>83.654935085586374</v>
      </c>
      <c r="N2682">
        <v>800</v>
      </c>
      <c r="P2682">
        <v>82.819693653712363</v>
      </c>
      <c r="Q2682">
        <v>630</v>
      </c>
    </row>
    <row r="2683" spans="13:17" x14ac:dyDescent="0.25">
      <c r="M2683">
        <v>83.654540239972803</v>
      </c>
      <c r="N2683">
        <v>800</v>
      </c>
      <c r="P2683">
        <v>82.813294014626663</v>
      </c>
      <c r="Q2683">
        <v>630</v>
      </c>
    </row>
    <row r="2684" spans="13:17" x14ac:dyDescent="0.25">
      <c r="M2684">
        <v>83.654540239972803</v>
      </c>
      <c r="N2684">
        <v>800</v>
      </c>
      <c r="P2684">
        <v>82.807612486857494</v>
      </c>
      <c r="Q2684">
        <v>631</v>
      </c>
    </row>
    <row r="2685" spans="13:17" x14ac:dyDescent="0.25">
      <c r="M2685">
        <v>83.654133429340632</v>
      </c>
      <c r="N2685">
        <v>800</v>
      </c>
      <c r="P2685">
        <v>82.80190983816729</v>
      </c>
      <c r="Q2685">
        <v>631</v>
      </c>
    </row>
    <row r="2686" spans="13:17" x14ac:dyDescent="0.25">
      <c r="M2686">
        <v>83.654133429340632</v>
      </c>
      <c r="N2686">
        <v>800</v>
      </c>
      <c r="P2686">
        <v>82.795510199081576</v>
      </c>
      <c r="Q2686">
        <v>631</v>
      </c>
    </row>
    <row r="2687" spans="13:17" x14ac:dyDescent="0.25">
      <c r="M2687">
        <v>83.654133429340632</v>
      </c>
      <c r="N2687">
        <v>800</v>
      </c>
      <c r="P2687">
        <v>82.789828671312421</v>
      </c>
      <c r="Q2687">
        <v>632</v>
      </c>
    </row>
    <row r="2688" spans="13:17" x14ac:dyDescent="0.25">
      <c r="M2688">
        <v>83.654133429340632</v>
      </c>
      <c r="N2688">
        <v>800</v>
      </c>
      <c r="P2688">
        <v>82.784126022622189</v>
      </c>
      <c r="Q2688">
        <v>632</v>
      </c>
    </row>
    <row r="2689" spans="13:17" x14ac:dyDescent="0.25">
      <c r="M2689">
        <v>83.654133429340632</v>
      </c>
      <c r="N2689">
        <v>800</v>
      </c>
      <c r="P2689">
        <v>82.777726383536489</v>
      </c>
      <c r="Q2689">
        <v>632</v>
      </c>
    </row>
    <row r="2690" spans="13:17" x14ac:dyDescent="0.25">
      <c r="M2690">
        <v>83.654540239972803</v>
      </c>
      <c r="N2690">
        <v>800</v>
      </c>
      <c r="P2690">
        <v>82.772044855767348</v>
      </c>
      <c r="Q2690">
        <v>633</v>
      </c>
    </row>
    <row r="2691" spans="13:17" x14ac:dyDescent="0.25">
      <c r="M2691">
        <v>83.654540239972803</v>
      </c>
      <c r="N2691">
        <v>800</v>
      </c>
      <c r="P2691">
        <v>82.766342207077102</v>
      </c>
      <c r="Q2691">
        <v>633</v>
      </c>
    </row>
    <row r="2692" spans="13:17" x14ac:dyDescent="0.25">
      <c r="M2692">
        <v>83.654540239972803</v>
      </c>
      <c r="N2692">
        <v>800</v>
      </c>
      <c r="P2692">
        <v>82.759942567991416</v>
      </c>
      <c r="Q2692">
        <v>633</v>
      </c>
    </row>
    <row r="2693" spans="13:17" x14ac:dyDescent="0.25">
      <c r="M2693">
        <v>83.654540239972803</v>
      </c>
      <c r="N2693">
        <v>800</v>
      </c>
      <c r="P2693">
        <v>82.754261040222261</v>
      </c>
      <c r="Q2693">
        <v>634</v>
      </c>
    </row>
    <row r="2694" spans="13:17" x14ac:dyDescent="0.25">
      <c r="M2694">
        <v>83.654540239972803</v>
      </c>
      <c r="N2694">
        <v>800</v>
      </c>
      <c r="P2694">
        <v>82.748579512453119</v>
      </c>
      <c r="Q2694">
        <v>634</v>
      </c>
    </row>
    <row r="2695" spans="13:17" x14ac:dyDescent="0.25">
      <c r="M2695">
        <v>83.654540239972803</v>
      </c>
      <c r="N2695">
        <v>800</v>
      </c>
      <c r="P2695">
        <v>82.742876863762888</v>
      </c>
      <c r="Q2695">
        <v>634</v>
      </c>
    </row>
    <row r="2696" spans="13:17" x14ac:dyDescent="0.25">
      <c r="M2696">
        <v>83.654540239972803</v>
      </c>
      <c r="N2696">
        <v>800</v>
      </c>
      <c r="P2696">
        <v>82.736477224677188</v>
      </c>
      <c r="Q2696">
        <v>635</v>
      </c>
    </row>
    <row r="2697" spans="13:17" x14ac:dyDescent="0.25">
      <c r="M2697">
        <v>83.654540239972803</v>
      </c>
      <c r="N2697">
        <v>800</v>
      </c>
      <c r="P2697">
        <v>82.730795696908018</v>
      </c>
      <c r="Q2697">
        <v>635</v>
      </c>
    </row>
    <row r="2698" spans="13:17" x14ac:dyDescent="0.25">
      <c r="M2698">
        <v>83.654540239972803</v>
      </c>
      <c r="N2698">
        <v>800</v>
      </c>
      <c r="P2698">
        <v>82.725093048217786</v>
      </c>
      <c r="Q2698">
        <v>635</v>
      </c>
    </row>
    <row r="2699" spans="13:17" x14ac:dyDescent="0.25">
      <c r="M2699">
        <v>83.654540239972803</v>
      </c>
      <c r="N2699">
        <v>800</v>
      </c>
      <c r="P2699">
        <v>82.719411520448645</v>
      </c>
      <c r="Q2699">
        <v>636</v>
      </c>
    </row>
    <row r="2700" spans="13:17" x14ac:dyDescent="0.25">
      <c r="M2700">
        <v>83.654540239972803</v>
      </c>
      <c r="N2700">
        <v>800</v>
      </c>
      <c r="P2700">
        <v>82.713708871758413</v>
      </c>
      <c r="Q2700">
        <v>636</v>
      </c>
    </row>
    <row r="2701" spans="13:17" x14ac:dyDescent="0.25">
      <c r="M2701">
        <v>83.654540239972803</v>
      </c>
      <c r="N2701">
        <v>800</v>
      </c>
      <c r="P2701">
        <v>82.708027343989258</v>
      </c>
      <c r="Q2701">
        <v>636</v>
      </c>
    </row>
    <row r="2702" spans="13:17" x14ac:dyDescent="0.25">
      <c r="M2702">
        <v>83.654540239972803</v>
      </c>
      <c r="N2702">
        <v>800</v>
      </c>
      <c r="P2702">
        <v>82.702345816220102</v>
      </c>
      <c r="Q2702">
        <v>637</v>
      </c>
    </row>
    <row r="2703" spans="13:17" x14ac:dyDescent="0.25">
      <c r="M2703">
        <v>83.654540239972803</v>
      </c>
      <c r="N2703">
        <v>800</v>
      </c>
      <c r="P2703">
        <v>82.696643167529885</v>
      </c>
      <c r="Q2703">
        <v>637</v>
      </c>
    </row>
    <row r="2704" spans="13:17" x14ac:dyDescent="0.25">
      <c r="M2704">
        <v>83.654935085586374</v>
      </c>
      <c r="N2704">
        <v>800</v>
      </c>
      <c r="P2704">
        <v>82.690961639760729</v>
      </c>
      <c r="Q2704">
        <v>637</v>
      </c>
    </row>
    <row r="2705" spans="13:17" x14ac:dyDescent="0.25">
      <c r="M2705">
        <v>83.654935085586374</v>
      </c>
      <c r="N2705">
        <v>800</v>
      </c>
      <c r="P2705">
        <v>82.685258991070512</v>
      </c>
      <c r="Q2705">
        <v>638</v>
      </c>
    </row>
    <row r="2706" spans="13:17" x14ac:dyDescent="0.25">
      <c r="M2706">
        <v>83.654935085586374</v>
      </c>
      <c r="N2706">
        <v>800</v>
      </c>
      <c r="P2706">
        <v>82.679577463301328</v>
      </c>
      <c r="Q2706">
        <v>638</v>
      </c>
    </row>
    <row r="2707" spans="13:17" x14ac:dyDescent="0.25">
      <c r="M2707">
        <v>83.654935085586374</v>
      </c>
      <c r="N2707">
        <v>800</v>
      </c>
      <c r="P2707">
        <v>82.673895935532187</v>
      </c>
      <c r="Q2707">
        <v>638</v>
      </c>
    </row>
    <row r="2708" spans="13:17" x14ac:dyDescent="0.25">
      <c r="M2708">
        <v>83.655341896218545</v>
      </c>
      <c r="N2708">
        <v>800</v>
      </c>
      <c r="P2708">
        <v>82.668193286841955</v>
      </c>
      <c r="Q2708">
        <v>639</v>
      </c>
    </row>
    <row r="2709" spans="13:17" x14ac:dyDescent="0.25">
      <c r="M2709">
        <v>83.655341896218545</v>
      </c>
      <c r="N2709">
        <v>800</v>
      </c>
      <c r="P2709">
        <v>82.662511759072814</v>
      </c>
      <c r="Q2709">
        <v>639</v>
      </c>
    </row>
    <row r="2710" spans="13:17" x14ac:dyDescent="0.25">
      <c r="M2710">
        <v>83.655341896218545</v>
      </c>
      <c r="N2710">
        <v>800</v>
      </c>
      <c r="P2710">
        <v>82.6561121199871</v>
      </c>
      <c r="Q2710">
        <v>639</v>
      </c>
    </row>
    <row r="2711" spans="13:17" x14ac:dyDescent="0.25">
      <c r="M2711">
        <v>83.655341896218545</v>
      </c>
      <c r="N2711">
        <v>800</v>
      </c>
      <c r="P2711">
        <v>82.651127582613427</v>
      </c>
      <c r="Q2711">
        <v>640</v>
      </c>
    </row>
    <row r="2712" spans="13:17" x14ac:dyDescent="0.25">
      <c r="M2712">
        <v>83.655341896218545</v>
      </c>
      <c r="N2712">
        <v>800</v>
      </c>
      <c r="P2712">
        <v>82.645446054844257</v>
      </c>
      <c r="Q2712">
        <v>640</v>
      </c>
    </row>
    <row r="2713" spans="13:17" x14ac:dyDescent="0.25">
      <c r="M2713">
        <v>83.655341896218545</v>
      </c>
      <c r="N2713">
        <v>800</v>
      </c>
      <c r="P2713">
        <v>82.640461517470584</v>
      </c>
      <c r="Q2713">
        <v>640</v>
      </c>
    </row>
    <row r="2714" spans="13:17" x14ac:dyDescent="0.25">
      <c r="M2714">
        <v>83.655341896218545</v>
      </c>
      <c r="N2714">
        <v>800</v>
      </c>
      <c r="P2714">
        <v>82.635476980096911</v>
      </c>
      <c r="Q2714">
        <v>641</v>
      </c>
    </row>
    <row r="2715" spans="13:17" x14ac:dyDescent="0.25">
      <c r="M2715">
        <v>83.655341896218545</v>
      </c>
      <c r="N2715">
        <v>800</v>
      </c>
      <c r="P2715">
        <v>82.629795452327755</v>
      </c>
      <c r="Q2715">
        <v>641</v>
      </c>
    </row>
    <row r="2716" spans="13:17" x14ac:dyDescent="0.25">
      <c r="M2716">
        <v>83.655341896218545</v>
      </c>
      <c r="N2716">
        <v>800</v>
      </c>
      <c r="P2716">
        <v>82.624810914954082</v>
      </c>
      <c r="Q2716">
        <v>641</v>
      </c>
    </row>
    <row r="2717" spans="13:17" x14ac:dyDescent="0.25">
      <c r="M2717">
        <v>83.655341896218545</v>
      </c>
      <c r="N2717">
        <v>800</v>
      </c>
      <c r="P2717">
        <v>82.619129387184927</v>
      </c>
      <c r="Q2717">
        <v>642</v>
      </c>
    </row>
    <row r="2718" spans="13:17" x14ac:dyDescent="0.25">
      <c r="M2718">
        <v>83.655341896218545</v>
      </c>
      <c r="N2718">
        <v>800</v>
      </c>
      <c r="P2718">
        <v>82.61414484981124</v>
      </c>
      <c r="Q2718">
        <v>642</v>
      </c>
    </row>
    <row r="2719" spans="13:17" x14ac:dyDescent="0.25">
      <c r="M2719">
        <v>83.655748706850702</v>
      </c>
      <c r="N2719">
        <v>800</v>
      </c>
      <c r="P2719">
        <v>82.609160312437552</v>
      </c>
      <c r="Q2719">
        <v>642</v>
      </c>
    </row>
    <row r="2720" spans="13:17" x14ac:dyDescent="0.25">
      <c r="M2720">
        <v>83.655748706850702</v>
      </c>
      <c r="N2720">
        <v>800</v>
      </c>
      <c r="P2720">
        <v>82.604175775063879</v>
      </c>
      <c r="Q2720">
        <v>643</v>
      </c>
    </row>
    <row r="2721" spans="13:17" x14ac:dyDescent="0.25">
      <c r="M2721">
        <v>83.655748706850702</v>
      </c>
      <c r="N2721">
        <v>800</v>
      </c>
      <c r="P2721">
        <v>82.599212358611268</v>
      </c>
      <c r="Q2721">
        <v>643</v>
      </c>
    </row>
    <row r="2722" spans="13:17" x14ac:dyDescent="0.25">
      <c r="M2722">
        <v>83.655748706850702</v>
      </c>
      <c r="N2722">
        <v>800</v>
      </c>
      <c r="P2722">
        <v>82.594227821237581</v>
      </c>
      <c r="Q2722">
        <v>643</v>
      </c>
    </row>
    <row r="2723" spans="13:17" x14ac:dyDescent="0.25">
      <c r="M2723">
        <v>83.655748706850702</v>
      </c>
      <c r="N2723">
        <v>800</v>
      </c>
      <c r="P2723">
        <v>82.589243283863908</v>
      </c>
      <c r="Q2723">
        <v>644</v>
      </c>
    </row>
    <row r="2724" spans="13:17" x14ac:dyDescent="0.25">
      <c r="M2724">
        <v>83.655748706850702</v>
      </c>
      <c r="N2724">
        <v>800</v>
      </c>
      <c r="P2724">
        <v>82.584279867411297</v>
      </c>
      <c r="Q2724">
        <v>644</v>
      </c>
    </row>
    <row r="2725" spans="13:17" x14ac:dyDescent="0.25">
      <c r="M2725">
        <v>83.655748706850702</v>
      </c>
      <c r="N2725">
        <v>800</v>
      </c>
      <c r="P2725">
        <v>82.579295330037624</v>
      </c>
      <c r="Q2725">
        <v>644</v>
      </c>
    </row>
    <row r="2726" spans="13:17" x14ac:dyDescent="0.25">
      <c r="M2726">
        <v>83.655748706850702</v>
      </c>
      <c r="N2726">
        <v>800</v>
      </c>
      <c r="P2726">
        <v>82.574310792663951</v>
      </c>
      <c r="Q2726">
        <v>645</v>
      </c>
    </row>
    <row r="2727" spans="13:17" x14ac:dyDescent="0.25">
      <c r="M2727">
        <v>83.655341896218545</v>
      </c>
      <c r="N2727">
        <v>800</v>
      </c>
      <c r="P2727">
        <v>82.56932625529025</v>
      </c>
      <c r="Q2727">
        <v>645</v>
      </c>
    </row>
    <row r="2728" spans="13:17" x14ac:dyDescent="0.25">
      <c r="M2728">
        <v>83.655341896218545</v>
      </c>
      <c r="N2728">
        <v>800</v>
      </c>
      <c r="P2728">
        <v>82.564362838837653</v>
      </c>
      <c r="Q2728">
        <v>645</v>
      </c>
    </row>
    <row r="2729" spans="13:17" x14ac:dyDescent="0.25">
      <c r="M2729">
        <v>83.655341896218545</v>
      </c>
      <c r="N2729">
        <v>800</v>
      </c>
      <c r="P2729">
        <v>82.55937830146398</v>
      </c>
      <c r="Q2729">
        <v>646</v>
      </c>
    </row>
    <row r="2730" spans="13:17" x14ac:dyDescent="0.25">
      <c r="M2730">
        <v>83.654935085586374</v>
      </c>
      <c r="N2730">
        <v>800</v>
      </c>
      <c r="P2730">
        <v>82.553675652773748</v>
      </c>
      <c r="Q2730">
        <v>646</v>
      </c>
    </row>
    <row r="2731" spans="13:17" x14ac:dyDescent="0.25">
      <c r="M2731">
        <v>83.654935085586374</v>
      </c>
      <c r="N2731">
        <v>800</v>
      </c>
      <c r="P2731">
        <v>82.548712236321151</v>
      </c>
      <c r="Q2731">
        <v>646</v>
      </c>
    </row>
    <row r="2732" spans="13:17" x14ac:dyDescent="0.25">
      <c r="M2732">
        <v>83.654935085586374</v>
      </c>
      <c r="N2732">
        <v>800</v>
      </c>
      <c r="P2732">
        <v>82.54372769894745</v>
      </c>
      <c r="Q2732">
        <v>647</v>
      </c>
    </row>
    <row r="2733" spans="13:17" x14ac:dyDescent="0.25">
      <c r="M2733">
        <v>83.654935085586374</v>
      </c>
      <c r="N2733">
        <v>800</v>
      </c>
      <c r="P2733">
        <v>82.539461272890321</v>
      </c>
      <c r="Q2733">
        <v>647</v>
      </c>
    </row>
    <row r="2734" spans="13:17" x14ac:dyDescent="0.25">
      <c r="M2734">
        <v>83.654935085586374</v>
      </c>
      <c r="N2734">
        <v>800</v>
      </c>
      <c r="P2734">
        <v>82.534476735516648</v>
      </c>
      <c r="Q2734">
        <v>647</v>
      </c>
    </row>
    <row r="2735" spans="13:17" x14ac:dyDescent="0.25">
      <c r="M2735">
        <v>83.654935085586374</v>
      </c>
      <c r="N2735">
        <v>800</v>
      </c>
      <c r="P2735">
        <v>82.529513319064023</v>
      </c>
      <c r="Q2735">
        <v>648</v>
      </c>
    </row>
    <row r="2736" spans="13:17" x14ac:dyDescent="0.25">
      <c r="M2736">
        <v>83.654935085586374</v>
      </c>
      <c r="N2736">
        <v>800</v>
      </c>
      <c r="P2736">
        <v>82.525225772085832</v>
      </c>
      <c r="Q2736">
        <v>648</v>
      </c>
    </row>
    <row r="2737" spans="13:17" x14ac:dyDescent="0.25">
      <c r="M2737">
        <v>83.654540239972803</v>
      </c>
      <c r="N2737">
        <v>800</v>
      </c>
      <c r="P2737">
        <v>82.520262355633236</v>
      </c>
      <c r="Q2737">
        <v>648</v>
      </c>
    </row>
    <row r="2738" spans="13:17" x14ac:dyDescent="0.25">
      <c r="M2738">
        <v>83.654540239972803</v>
      </c>
      <c r="N2738">
        <v>800</v>
      </c>
      <c r="P2738">
        <v>82.514559706943004</v>
      </c>
      <c r="Q2738">
        <v>649</v>
      </c>
    </row>
    <row r="2739" spans="13:17" x14ac:dyDescent="0.25">
      <c r="M2739">
        <v>83.654935085586374</v>
      </c>
      <c r="N2739">
        <v>800</v>
      </c>
      <c r="P2739">
        <v>82.509596290490393</v>
      </c>
      <c r="Q2739">
        <v>649</v>
      </c>
    </row>
    <row r="2740" spans="13:17" x14ac:dyDescent="0.25">
      <c r="M2740">
        <v>83.654935085586374</v>
      </c>
      <c r="N2740">
        <v>800</v>
      </c>
      <c r="P2740">
        <v>82.50461175311672</v>
      </c>
      <c r="Q2740">
        <v>649</v>
      </c>
    </row>
    <row r="2741" spans="13:17" x14ac:dyDescent="0.25">
      <c r="M2741">
        <v>83.654935085586374</v>
      </c>
      <c r="N2741">
        <v>800</v>
      </c>
      <c r="P2741">
        <v>82.499627215743018</v>
      </c>
      <c r="Q2741">
        <v>650</v>
      </c>
    </row>
    <row r="2742" spans="13:17" x14ac:dyDescent="0.25">
      <c r="M2742">
        <v>83.655341896218545</v>
      </c>
      <c r="N2742">
        <v>800</v>
      </c>
      <c r="P2742">
        <v>82.494642678369331</v>
      </c>
      <c r="Q2742">
        <v>650</v>
      </c>
    </row>
    <row r="2743" spans="13:17" x14ac:dyDescent="0.25">
      <c r="M2743">
        <v>83.655341896218545</v>
      </c>
      <c r="N2743">
        <v>800</v>
      </c>
      <c r="P2743">
        <v>82.490376252312217</v>
      </c>
      <c r="Q2743">
        <v>650</v>
      </c>
    </row>
    <row r="2744" spans="13:17" x14ac:dyDescent="0.25">
      <c r="M2744">
        <v>83.655341896218545</v>
      </c>
      <c r="N2744">
        <v>800</v>
      </c>
      <c r="P2744">
        <v>82.485412835859591</v>
      </c>
      <c r="Q2744">
        <v>651</v>
      </c>
    </row>
    <row r="2745" spans="13:17" x14ac:dyDescent="0.25">
      <c r="M2745">
        <v>83.655341896218545</v>
      </c>
      <c r="N2745">
        <v>800</v>
      </c>
      <c r="P2745">
        <v>82.480428298485919</v>
      </c>
      <c r="Q2745">
        <v>651</v>
      </c>
    </row>
    <row r="2746" spans="13:17" x14ac:dyDescent="0.25">
      <c r="M2746">
        <v>83.655341896218545</v>
      </c>
      <c r="N2746">
        <v>800</v>
      </c>
      <c r="P2746">
        <v>82.47616187242879</v>
      </c>
      <c r="Q2746">
        <v>651</v>
      </c>
    </row>
    <row r="2747" spans="13:17" x14ac:dyDescent="0.25">
      <c r="M2747">
        <v>83.655748706850702</v>
      </c>
      <c r="N2747">
        <v>800</v>
      </c>
      <c r="P2747">
        <v>82.471895446371661</v>
      </c>
      <c r="Q2747">
        <v>652</v>
      </c>
    </row>
    <row r="2748" spans="13:17" x14ac:dyDescent="0.25">
      <c r="M2748">
        <v>83.655748706850702</v>
      </c>
      <c r="N2748">
        <v>800</v>
      </c>
      <c r="P2748">
        <v>82.467629020314519</v>
      </c>
      <c r="Q2748">
        <v>652</v>
      </c>
    </row>
    <row r="2749" spans="13:17" x14ac:dyDescent="0.25">
      <c r="M2749">
        <v>83.655748706850702</v>
      </c>
      <c r="N2749">
        <v>800</v>
      </c>
      <c r="P2749">
        <v>82.463362594257404</v>
      </c>
      <c r="Q2749">
        <v>652</v>
      </c>
    </row>
    <row r="2750" spans="13:17" x14ac:dyDescent="0.25">
      <c r="M2750">
        <v>83.655341896218545</v>
      </c>
      <c r="N2750">
        <v>800</v>
      </c>
      <c r="P2750">
        <v>82.458378056883717</v>
      </c>
      <c r="Q2750">
        <v>653</v>
      </c>
    </row>
    <row r="2751" spans="13:17" x14ac:dyDescent="0.25">
      <c r="M2751">
        <v>83.655341896218545</v>
      </c>
      <c r="N2751">
        <v>800</v>
      </c>
      <c r="P2751">
        <v>82.45411163082656</v>
      </c>
      <c r="Q2751">
        <v>653</v>
      </c>
    </row>
    <row r="2752" spans="13:17" x14ac:dyDescent="0.25">
      <c r="M2752">
        <v>83.655748706850702</v>
      </c>
      <c r="N2752">
        <v>800</v>
      </c>
      <c r="P2752">
        <v>82.449845204769446</v>
      </c>
      <c r="Q2752">
        <v>653</v>
      </c>
    </row>
    <row r="2753" spans="13:17" x14ac:dyDescent="0.25">
      <c r="M2753">
        <v>83.655748706850702</v>
      </c>
      <c r="N2753">
        <v>800</v>
      </c>
      <c r="P2753">
        <v>82.445578778712317</v>
      </c>
      <c r="Q2753">
        <v>654</v>
      </c>
    </row>
    <row r="2754" spans="13:17" x14ac:dyDescent="0.25">
      <c r="M2754">
        <v>83.655748706850702</v>
      </c>
      <c r="N2754">
        <v>800</v>
      </c>
      <c r="P2754">
        <v>82.441312352655174</v>
      </c>
      <c r="Q2754">
        <v>654</v>
      </c>
    </row>
    <row r="2755" spans="13:17" x14ac:dyDescent="0.25">
      <c r="M2755">
        <v>83.655748706850702</v>
      </c>
      <c r="N2755">
        <v>800</v>
      </c>
      <c r="P2755">
        <v>82.4377429169935</v>
      </c>
      <c r="Q2755">
        <v>654</v>
      </c>
    </row>
    <row r="2756" spans="13:17" x14ac:dyDescent="0.25">
      <c r="M2756">
        <v>83.655748706850702</v>
      </c>
      <c r="N2756">
        <v>800</v>
      </c>
      <c r="P2756">
        <v>82.433476490936386</v>
      </c>
      <c r="Q2756">
        <v>655</v>
      </c>
    </row>
    <row r="2757" spans="13:17" x14ac:dyDescent="0.25">
      <c r="M2757">
        <v>83.656143552464272</v>
      </c>
      <c r="N2757">
        <v>800</v>
      </c>
      <c r="P2757">
        <v>82.42851307448376</v>
      </c>
      <c r="Q2757">
        <v>655</v>
      </c>
    </row>
    <row r="2758" spans="13:17" x14ac:dyDescent="0.25">
      <c r="M2758">
        <v>83.656143552464272</v>
      </c>
      <c r="N2758">
        <v>800</v>
      </c>
      <c r="P2758">
        <v>82.424246648426646</v>
      </c>
      <c r="Q2758">
        <v>655</v>
      </c>
    </row>
    <row r="2759" spans="13:17" x14ac:dyDescent="0.25">
      <c r="M2759">
        <v>83.656143552464272</v>
      </c>
      <c r="N2759">
        <v>800</v>
      </c>
      <c r="P2759">
        <v>82.419980222369503</v>
      </c>
      <c r="Q2759">
        <v>656</v>
      </c>
    </row>
    <row r="2760" spans="13:17" x14ac:dyDescent="0.25">
      <c r="M2760">
        <v>83.656143552464272</v>
      </c>
      <c r="N2760">
        <v>800</v>
      </c>
      <c r="P2760">
        <v>82.416410786707843</v>
      </c>
      <c r="Q2760">
        <v>656</v>
      </c>
    </row>
    <row r="2761" spans="13:17" x14ac:dyDescent="0.25">
      <c r="M2761">
        <v>83.656550363096443</v>
      </c>
      <c r="N2761">
        <v>800</v>
      </c>
      <c r="P2761">
        <v>82.4121443606507</v>
      </c>
      <c r="Q2761">
        <v>656</v>
      </c>
    </row>
    <row r="2762" spans="13:17" x14ac:dyDescent="0.25">
      <c r="M2762">
        <v>83.656550363096443</v>
      </c>
      <c r="N2762">
        <v>800</v>
      </c>
      <c r="P2762">
        <v>82.407877934593586</v>
      </c>
      <c r="Q2762">
        <v>657</v>
      </c>
    </row>
    <row r="2763" spans="13:17" x14ac:dyDescent="0.25">
      <c r="M2763">
        <v>83.656550363096443</v>
      </c>
      <c r="N2763">
        <v>800</v>
      </c>
      <c r="P2763">
        <v>82.402893397219913</v>
      </c>
      <c r="Q2763">
        <v>657</v>
      </c>
    </row>
    <row r="2764" spans="13:17" x14ac:dyDescent="0.25">
      <c r="M2764">
        <v>83.656550363096443</v>
      </c>
      <c r="N2764">
        <v>800</v>
      </c>
      <c r="P2764">
        <v>82.398626971162756</v>
      </c>
      <c r="Q2764">
        <v>657</v>
      </c>
    </row>
    <row r="2765" spans="13:17" x14ac:dyDescent="0.25">
      <c r="M2765">
        <v>83.656143552464272</v>
      </c>
      <c r="N2765">
        <v>800</v>
      </c>
      <c r="P2765">
        <v>82.395078656422186</v>
      </c>
      <c r="Q2765">
        <v>658</v>
      </c>
    </row>
    <row r="2766" spans="13:17" x14ac:dyDescent="0.25">
      <c r="M2766">
        <v>83.656143552464272</v>
      </c>
      <c r="N2766">
        <v>800</v>
      </c>
      <c r="P2766">
        <v>82.390812230365057</v>
      </c>
      <c r="Q2766">
        <v>658</v>
      </c>
    </row>
    <row r="2767" spans="13:17" x14ac:dyDescent="0.25">
      <c r="M2767">
        <v>83.655748706850702</v>
      </c>
      <c r="N2767">
        <v>800</v>
      </c>
      <c r="P2767">
        <v>82.387242794703383</v>
      </c>
      <c r="Q2767">
        <v>658</v>
      </c>
    </row>
    <row r="2768" spans="13:17" x14ac:dyDescent="0.25">
      <c r="M2768">
        <v>83.655341896218545</v>
      </c>
      <c r="N2768">
        <v>800</v>
      </c>
      <c r="P2768">
        <v>82.382976368646254</v>
      </c>
      <c r="Q2768">
        <v>659</v>
      </c>
    </row>
    <row r="2769" spans="13:17" x14ac:dyDescent="0.25">
      <c r="M2769">
        <v>83.655341896218545</v>
      </c>
      <c r="N2769">
        <v>800</v>
      </c>
      <c r="P2769">
        <v>82.379428053905656</v>
      </c>
      <c r="Q2769">
        <v>659</v>
      </c>
    </row>
    <row r="2770" spans="13:17" x14ac:dyDescent="0.25">
      <c r="M2770">
        <v>83.654935085586374</v>
      </c>
      <c r="N2770">
        <v>800</v>
      </c>
      <c r="P2770">
        <v>82.375161627848527</v>
      </c>
      <c r="Q2770">
        <v>659</v>
      </c>
    </row>
    <row r="2771" spans="13:17" x14ac:dyDescent="0.25">
      <c r="M2771">
        <v>83.654540239972803</v>
      </c>
      <c r="N2771">
        <v>800</v>
      </c>
      <c r="P2771">
        <v>82.370895201791399</v>
      </c>
      <c r="Q2771">
        <v>660</v>
      </c>
    </row>
    <row r="2772" spans="13:17" x14ac:dyDescent="0.25">
      <c r="M2772">
        <v>83.654540239972803</v>
      </c>
      <c r="N2772">
        <v>800</v>
      </c>
      <c r="P2772">
        <v>82.366628775734256</v>
      </c>
      <c r="Q2772">
        <v>660</v>
      </c>
    </row>
    <row r="2773" spans="13:17" x14ac:dyDescent="0.25">
      <c r="M2773">
        <v>83.654133429340632</v>
      </c>
      <c r="N2773">
        <v>800</v>
      </c>
      <c r="P2773">
        <v>82.362362349677127</v>
      </c>
      <c r="Q2773">
        <v>660</v>
      </c>
    </row>
    <row r="2774" spans="13:17" x14ac:dyDescent="0.25">
      <c r="M2774">
        <v>83.654133429340632</v>
      </c>
      <c r="N2774">
        <v>800</v>
      </c>
      <c r="P2774">
        <v>82.35737781230344</v>
      </c>
      <c r="Q2774">
        <v>661</v>
      </c>
    </row>
    <row r="2775" spans="13:17" x14ac:dyDescent="0.25">
      <c r="M2775">
        <v>83.654133429340632</v>
      </c>
      <c r="N2775">
        <v>800</v>
      </c>
      <c r="P2775">
        <v>82.353111386246312</v>
      </c>
      <c r="Q2775">
        <v>661</v>
      </c>
    </row>
    <row r="2776" spans="13:17" x14ac:dyDescent="0.25">
      <c r="M2776">
        <v>83.654133429340632</v>
      </c>
      <c r="N2776">
        <v>800</v>
      </c>
      <c r="P2776">
        <v>82.348844960189183</v>
      </c>
      <c r="Q2776">
        <v>661</v>
      </c>
    </row>
    <row r="2777" spans="13:17" x14ac:dyDescent="0.25">
      <c r="M2777">
        <v>83.654133429340632</v>
      </c>
      <c r="N2777">
        <v>800</v>
      </c>
      <c r="P2777">
        <v>82.345296645448599</v>
      </c>
      <c r="Q2777">
        <v>662</v>
      </c>
    </row>
    <row r="2778" spans="13:17" x14ac:dyDescent="0.25">
      <c r="M2778">
        <v>83.654133429340632</v>
      </c>
      <c r="N2778">
        <v>800</v>
      </c>
      <c r="P2778">
        <v>82.341030219391456</v>
      </c>
      <c r="Q2778">
        <v>662</v>
      </c>
    </row>
    <row r="2779" spans="13:17" x14ac:dyDescent="0.25">
      <c r="M2779">
        <v>83.654133429340632</v>
      </c>
      <c r="N2779">
        <v>800</v>
      </c>
      <c r="P2779">
        <v>82.337460783729782</v>
      </c>
      <c r="Q2779">
        <v>662</v>
      </c>
    </row>
    <row r="2780" spans="13:17" x14ac:dyDescent="0.25">
      <c r="M2780">
        <v>83.65372661870849</v>
      </c>
      <c r="N2780">
        <v>800</v>
      </c>
      <c r="P2780">
        <v>82.333194357672653</v>
      </c>
      <c r="Q2780">
        <v>663</v>
      </c>
    </row>
    <row r="2781" spans="13:17" x14ac:dyDescent="0.25">
      <c r="M2781">
        <v>83.65372661870849</v>
      </c>
      <c r="N2781">
        <v>800</v>
      </c>
      <c r="P2781">
        <v>82.329646042932069</v>
      </c>
      <c r="Q2781">
        <v>663</v>
      </c>
    </row>
    <row r="2782" spans="13:17" x14ac:dyDescent="0.25">
      <c r="M2782">
        <v>83.65372661870849</v>
      </c>
      <c r="N2782">
        <v>800</v>
      </c>
      <c r="P2782">
        <v>82.325379616874955</v>
      </c>
      <c r="Q2782">
        <v>663</v>
      </c>
    </row>
    <row r="2783" spans="13:17" x14ac:dyDescent="0.25">
      <c r="M2783">
        <v>83.65372661870849</v>
      </c>
      <c r="N2783">
        <v>800</v>
      </c>
      <c r="P2783">
        <v>82.321113190817798</v>
      </c>
      <c r="Q2783">
        <v>664</v>
      </c>
    </row>
    <row r="2784" spans="13:17" x14ac:dyDescent="0.25">
      <c r="M2784">
        <v>83.65372661870849</v>
      </c>
      <c r="N2784">
        <v>800</v>
      </c>
      <c r="P2784">
        <v>82.317543755156152</v>
      </c>
      <c r="Q2784">
        <v>664</v>
      </c>
    </row>
    <row r="2785" spans="13:17" x14ac:dyDescent="0.25">
      <c r="M2785">
        <v>83.65372661870849</v>
      </c>
      <c r="N2785">
        <v>800</v>
      </c>
      <c r="P2785">
        <v>82.313277329098995</v>
      </c>
      <c r="Q2785">
        <v>664</v>
      </c>
    </row>
    <row r="2786" spans="13:17" x14ac:dyDescent="0.25">
      <c r="M2786">
        <v>83.65372661870849</v>
      </c>
      <c r="N2786">
        <v>800</v>
      </c>
      <c r="P2786">
        <v>82.309729014358425</v>
      </c>
      <c r="Q2786">
        <v>665</v>
      </c>
    </row>
    <row r="2787" spans="13:17" x14ac:dyDescent="0.25">
      <c r="M2787">
        <v>83.65372661870849</v>
      </c>
      <c r="N2787">
        <v>800</v>
      </c>
      <c r="P2787">
        <v>82.305462588301296</v>
      </c>
      <c r="Q2787">
        <v>665</v>
      </c>
    </row>
    <row r="2788" spans="13:17" x14ac:dyDescent="0.25">
      <c r="M2788">
        <v>83.65372661870849</v>
      </c>
      <c r="N2788">
        <v>800</v>
      </c>
      <c r="P2788">
        <v>82.301893152639622</v>
      </c>
      <c r="Q2788">
        <v>665</v>
      </c>
    </row>
    <row r="2789" spans="13:17" x14ac:dyDescent="0.25">
      <c r="M2789">
        <v>83.65372661870849</v>
      </c>
      <c r="N2789">
        <v>800</v>
      </c>
      <c r="P2789">
        <v>82.298344837899037</v>
      </c>
      <c r="Q2789">
        <v>666</v>
      </c>
    </row>
    <row r="2790" spans="13:17" x14ac:dyDescent="0.25">
      <c r="M2790">
        <v>83.65372661870849</v>
      </c>
      <c r="N2790">
        <v>800</v>
      </c>
      <c r="P2790">
        <v>82.294796523158453</v>
      </c>
      <c r="Q2790">
        <v>666</v>
      </c>
    </row>
    <row r="2791" spans="13:17" x14ac:dyDescent="0.25">
      <c r="M2791">
        <v>83.65372661870849</v>
      </c>
      <c r="N2791">
        <v>800</v>
      </c>
      <c r="P2791">
        <v>82.291227087496807</v>
      </c>
      <c r="Q2791">
        <v>666</v>
      </c>
    </row>
    <row r="2792" spans="13:17" x14ac:dyDescent="0.25">
      <c r="M2792">
        <v>83.65372661870849</v>
      </c>
      <c r="N2792">
        <v>800</v>
      </c>
      <c r="P2792">
        <v>82.28696066143965</v>
      </c>
      <c r="Q2792">
        <v>667</v>
      </c>
    </row>
    <row r="2793" spans="13:17" x14ac:dyDescent="0.25">
      <c r="M2793">
        <v>83.654133429340632</v>
      </c>
      <c r="N2793">
        <v>800</v>
      </c>
      <c r="P2793">
        <v>82.283412346699066</v>
      </c>
      <c r="Q2793">
        <v>667</v>
      </c>
    </row>
    <row r="2794" spans="13:17" x14ac:dyDescent="0.25">
      <c r="M2794">
        <v>83.654133429340632</v>
      </c>
      <c r="N2794">
        <v>800</v>
      </c>
      <c r="P2794">
        <v>82.27984291103742</v>
      </c>
      <c r="Q2794">
        <v>667</v>
      </c>
    </row>
    <row r="2795" spans="13:17" x14ac:dyDescent="0.25">
      <c r="M2795">
        <v>83.654133429340632</v>
      </c>
      <c r="N2795">
        <v>800</v>
      </c>
      <c r="P2795">
        <v>82.276294596296822</v>
      </c>
      <c r="Q2795">
        <v>668</v>
      </c>
    </row>
    <row r="2796" spans="13:17" x14ac:dyDescent="0.25">
      <c r="M2796">
        <v>83.654133429340632</v>
      </c>
      <c r="N2796">
        <v>800</v>
      </c>
      <c r="P2796">
        <v>82.272746281556238</v>
      </c>
      <c r="Q2796">
        <v>668</v>
      </c>
    </row>
    <row r="2797" spans="13:17" x14ac:dyDescent="0.25">
      <c r="M2797">
        <v>83.654133429340632</v>
      </c>
      <c r="N2797">
        <v>800</v>
      </c>
      <c r="P2797">
        <v>82.269176845894563</v>
      </c>
      <c r="Q2797">
        <v>668</v>
      </c>
    </row>
    <row r="2798" spans="13:17" x14ac:dyDescent="0.25">
      <c r="M2798">
        <v>83.654133429340632</v>
      </c>
      <c r="N2798">
        <v>800</v>
      </c>
      <c r="P2798">
        <v>82.265628531153993</v>
      </c>
      <c r="Q2798">
        <v>669</v>
      </c>
    </row>
    <row r="2799" spans="13:17" x14ac:dyDescent="0.25">
      <c r="M2799">
        <v>83.654133429340632</v>
      </c>
      <c r="N2799">
        <v>800</v>
      </c>
      <c r="P2799">
        <v>82.262080216413409</v>
      </c>
      <c r="Q2799">
        <v>669</v>
      </c>
    </row>
    <row r="2800" spans="13:17" x14ac:dyDescent="0.25">
      <c r="M2800">
        <v>83.654133429340632</v>
      </c>
      <c r="N2800">
        <v>800</v>
      </c>
      <c r="P2800">
        <v>82.258510780751735</v>
      </c>
      <c r="Q2800">
        <v>669</v>
      </c>
    </row>
    <row r="2801" spans="13:17" x14ac:dyDescent="0.25">
      <c r="M2801">
        <v>83.654133429340632</v>
      </c>
      <c r="N2801">
        <v>800</v>
      </c>
      <c r="P2801">
        <v>82.255680577327723</v>
      </c>
      <c r="Q2801">
        <v>670</v>
      </c>
    </row>
    <row r="2802" spans="13:17" x14ac:dyDescent="0.25">
      <c r="M2802">
        <v>83.654540239972803</v>
      </c>
      <c r="N2802">
        <v>800</v>
      </c>
      <c r="P2802">
        <v>82.252111141666049</v>
      </c>
      <c r="Q2802">
        <v>670</v>
      </c>
    </row>
    <row r="2803" spans="13:17" x14ac:dyDescent="0.25">
      <c r="M2803">
        <v>83.654540239972803</v>
      </c>
      <c r="N2803">
        <v>800</v>
      </c>
      <c r="P2803">
        <v>82.248562826925451</v>
      </c>
      <c r="Q2803">
        <v>670</v>
      </c>
    </row>
    <row r="2804" spans="13:17" x14ac:dyDescent="0.25">
      <c r="M2804">
        <v>83.654540239972803</v>
      </c>
      <c r="N2804">
        <v>800</v>
      </c>
      <c r="P2804">
        <v>82.244993391263804</v>
      </c>
      <c r="Q2804">
        <v>671</v>
      </c>
    </row>
    <row r="2805" spans="13:17" x14ac:dyDescent="0.25">
      <c r="M2805">
        <v>83.654540239972803</v>
      </c>
      <c r="N2805">
        <v>800</v>
      </c>
      <c r="P2805">
        <v>82.240726965206662</v>
      </c>
      <c r="Q2805">
        <v>671</v>
      </c>
    </row>
    <row r="2806" spans="13:17" x14ac:dyDescent="0.25">
      <c r="M2806">
        <v>83.654540239972803</v>
      </c>
      <c r="N2806">
        <v>800</v>
      </c>
      <c r="P2806">
        <v>82.237178650466078</v>
      </c>
      <c r="Q2806">
        <v>671</v>
      </c>
    </row>
    <row r="2807" spans="13:17" x14ac:dyDescent="0.25">
      <c r="M2807">
        <v>83.654133429340632</v>
      </c>
      <c r="N2807">
        <v>800</v>
      </c>
      <c r="P2807">
        <v>82.234327326120976</v>
      </c>
      <c r="Q2807">
        <v>672</v>
      </c>
    </row>
    <row r="2808" spans="13:17" x14ac:dyDescent="0.25">
      <c r="M2808">
        <v>83.654133429340632</v>
      </c>
      <c r="N2808">
        <v>800</v>
      </c>
      <c r="P2808">
        <v>82.230779011380378</v>
      </c>
      <c r="Q2808">
        <v>672</v>
      </c>
    </row>
    <row r="2809" spans="13:17" x14ac:dyDescent="0.25">
      <c r="M2809">
        <v>83.65372661870849</v>
      </c>
      <c r="N2809">
        <v>800</v>
      </c>
      <c r="P2809">
        <v>82.227230696639779</v>
      </c>
      <c r="Q2809">
        <v>672</v>
      </c>
    </row>
    <row r="2810" spans="13:17" x14ac:dyDescent="0.25">
      <c r="M2810">
        <v>83.65372661870849</v>
      </c>
      <c r="N2810">
        <v>800</v>
      </c>
      <c r="P2810">
        <v>82.224379372294692</v>
      </c>
      <c r="Q2810">
        <v>673</v>
      </c>
    </row>
    <row r="2811" spans="13:17" x14ac:dyDescent="0.25">
      <c r="M2811">
        <v>83.653331773094905</v>
      </c>
      <c r="N2811">
        <v>800</v>
      </c>
      <c r="P2811">
        <v>82.220809936633017</v>
      </c>
      <c r="Q2811">
        <v>673</v>
      </c>
    </row>
    <row r="2812" spans="13:17" x14ac:dyDescent="0.25">
      <c r="P2812">
        <v>82.217261621892419</v>
      </c>
      <c r="Q2812">
        <v>673</v>
      </c>
    </row>
    <row r="2813" spans="13:17" x14ac:dyDescent="0.25">
      <c r="P2813">
        <v>82.213713307151849</v>
      </c>
      <c r="Q2813">
        <v>674</v>
      </c>
    </row>
    <row r="2814" spans="13:17" x14ac:dyDescent="0.25">
      <c r="P2814">
        <v>82.210143871490189</v>
      </c>
      <c r="Q2814">
        <v>674</v>
      </c>
    </row>
    <row r="2815" spans="13:17" x14ac:dyDescent="0.25">
      <c r="P2815">
        <v>82.206595556749591</v>
      </c>
      <c r="Q2815">
        <v>674</v>
      </c>
    </row>
    <row r="2816" spans="13:17" x14ac:dyDescent="0.25">
      <c r="P2816">
        <v>82.203047242008992</v>
      </c>
      <c r="Q2816">
        <v>675</v>
      </c>
    </row>
    <row r="2817" spans="16:17" x14ac:dyDescent="0.25">
      <c r="P2817">
        <v>82.199477806347332</v>
      </c>
      <c r="Q2817">
        <v>675</v>
      </c>
    </row>
    <row r="2818" spans="16:17" x14ac:dyDescent="0.25">
      <c r="P2818">
        <v>82.195929491606762</v>
      </c>
      <c r="Q2818">
        <v>675</v>
      </c>
    </row>
    <row r="2819" spans="16:17" x14ac:dyDescent="0.25">
      <c r="P2819">
        <v>82.192360055945088</v>
      </c>
      <c r="Q2819">
        <v>676</v>
      </c>
    </row>
    <row r="2820" spans="16:17" x14ac:dyDescent="0.25">
      <c r="P2820">
        <v>82.188811741204503</v>
      </c>
      <c r="Q2820">
        <v>676</v>
      </c>
    </row>
    <row r="2821" spans="16:17" x14ac:dyDescent="0.25">
      <c r="P2821">
        <v>82.185960416859388</v>
      </c>
      <c r="Q2821">
        <v>676</v>
      </c>
    </row>
    <row r="2822" spans="16:17" x14ac:dyDescent="0.25">
      <c r="P2822">
        <v>82.183130213435362</v>
      </c>
      <c r="Q2822">
        <v>677</v>
      </c>
    </row>
    <row r="2823" spans="16:17" x14ac:dyDescent="0.25">
      <c r="P2823">
        <v>82.179560777773702</v>
      </c>
      <c r="Q2823">
        <v>677</v>
      </c>
    </row>
    <row r="2824" spans="16:17" x14ac:dyDescent="0.25">
      <c r="P2824">
        <v>82.176730574349648</v>
      </c>
      <c r="Q2824">
        <v>677</v>
      </c>
    </row>
    <row r="2825" spans="16:17" x14ac:dyDescent="0.25">
      <c r="P2825">
        <v>82.173879250004546</v>
      </c>
      <c r="Q2825">
        <v>678</v>
      </c>
    </row>
    <row r="2826" spans="16:17" x14ac:dyDescent="0.25">
      <c r="P2826">
        <v>82.171027925659416</v>
      </c>
      <c r="Q2826">
        <v>678</v>
      </c>
    </row>
    <row r="2827" spans="16:17" x14ac:dyDescent="0.25">
      <c r="P2827">
        <v>82.167479610918846</v>
      </c>
      <c r="Q2827">
        <v>678</v>
      </c>
    </row>
    <row r="2828" spans="16:17" x14ac:dyDescent="0.25">
      <c r="P2828">
        <v>82.165346397890289</v>
      </c>
      <c r="Q2828">
        <v>679</v>
      </c>
    </row>
    <row r="2829" spans="16:17" x14ac:dyDescent="0.25">
      <c r="P2829">
        <v>82.162495073545159</v>
      </c>
      <c r="Q2829">
        <v>679</v>
      </c>
    </row>
    <row r="2830" spans="16:17" x14ac:dyDescent="0.25">
      <c r="P2830">
        <v>82.160361860516602</v>
      </c>
      <c r="Q2830">
        <v>679</v>
      </c>
    </row>
    <row r="2831" spans="16:17" x14ac:dyDescent="0.25">
      <c r="P2831">
        <v>82.157510536171486</v>
      </c>
      <c r="Q2831">
        <v>680</v>
      </c>
    </row>
    <row r="2832" spans="16:17" x14ac:dyDescent="0.25">
      <c r="P2832">
        <v>82.154680332747446</v>
      </c>
      <c r="Q2832">
        <v>680</v>
      </c>
    </row>
    <row r="2833" spans="16:17" x14ac:dyDescent="0.25">
      <c r="P2833">
        <v>82.152547119718861</v>
      </c>
      <c r="Q2833">
        <v>680</v>
      </c>
    </row>
    <row r="2834" spans="16:17" x14ac:dyDescent="0.25">
      <c r="P2834">
        <v>82.149695795373759</v>
      </c>
      <c r="Q2834">
        <v>681</v>
      </c>
    </row>
    <row r="2835" spans="16:17" x14ac:dyDescent="0.25">
      <c r="P2835">
        <v>82.146844471028629</v>
      </c>
      <c r="Q2835">
        <v>681</v>
      </c>
    </row>
    <row r="2836" spans="16:17" x14ac:dyDescent="0.25">
      <c r="P2836">
        <v>82.144014267604604</v>
      </c>
      <c r="Q2836">
        <v>681</v>
      </c>
    </row>
    <row r="2837" spans="16:17" x14ac:dyDescent="0.25">
      <c r="P2837">
        <v>82.141162943259488</v>
      </c>
      <c r="Q2837">
        <v>682</v>
      </c>
    </row>
    <row r="2838" spans="16:17" x14ac:dyDescent="0.25">
      <c r="P2838">
        <v>82.138311618914386</v>
      </c>
      <c r="Q2838">
        <v>682</v>
      </c>
    </row>
    <row r="2839" spans="16:17" x14ac:dyDescent="0.25">
      <c r="P2839">
        <v>82.136178405885801</v>
      </c>
      <c r="Q2839">
        <v>682</v>
      </c>
    </row>
    <row r="2840" spans="16:17" x14ac:dyDescent="0.25">
      <c r="P2840">
        <v>82.133327081540699</v>
      </c>
      <c r="Q2840">
        <v>683</v>
      </c>
    </row>
    <row r="2841" spans="16:17" x14ac:dyDescent="0.25">
      <c r="P2841">
        <v>82.130496878116659</v>
      </c>
      <c r="Q2841">
        <v>683</v>
      </c>
    </row>
    <row r="2842" spans="16:17" x14ac:dyDescent="0.25">
      <c r="P2842">
        <v>82.128363665088088</v>
      </c>
      <c r="Q2842">
        <v>683</v>
      </c>
    </row>
    <row r="2843" spans="16:17" x14ac:dyDescent="0.25">
      <c r="P2843">
        <v>82.125512340742972</v>
      </c>
      <c r="Q2843">
        <v>684</v>
      </c>
    </row>
    <row r="2844" spans="16:17" x14ac:dyDescent="0.25">
      <c r="P2844">
        <v>82.123379127714415</v>
      </c>
      <c r="Q2844">
        <v>684</v>
      </c>
    </row>
    <row r="2845" spans="16:17" x14ac:dyDescent="0.25">
      <c r="P2845">
        <v>82.120527803369299</v>
      </c>
      <c r="Q2845">
        <v>684</v>
      </c>
    </row>
    <row r="2846" spans="16:17" x14ac:dyDescent="0.25">
      <c r="P2846">
        <v>82.117697599945259</v>
      </c>
      <c r="Q2846">
        <v>685</v>
      </c>
    </row>
    <row r="2847" spans="16:17" x14ac:dyDescent="0.25">
      <c r="P2847">
        <v>82.114128164283599</v>
      </c>
      <c r="Q2847">
        <v>685</v>
      </c>
    </row>
    <row r="2848" spans="16:17" x14ac:dyDescent="0.25">
      <c r="P2848">
        <v>82.111276839938483</v>
      </c>
      <c r="Q2848">
        <v>685</v>
      </c>
    </row>
    <row r="2849" spans="16:17" x14ac:dyDescent="0.25">
      <c r="P2849">
        <v>82.108446636514458</v>
      </c>
      <c r="Q2849">
        <v>686</v>
      </c>
    </row>
    <row r="2850" spans="16:17" x14ac:dyDescent="0.25">
      <c r="P2850">
        <v>82.104877200852783</v>
      </c>
      <c r="Q2850">
        <v>686</v>
      </c>
    </row>
    <row r="2851" spans="16:17" x14ac:dyDescent="0.25">
      <c r="P2851">
        <v>82.102046997428729</v>
      </c>
      <c r="Q2851">
        <v>686</v>
      </c>
    </row>
    <row r="2852" spans="16:17" x14ac:dyDescent="0.25">
      <c r="P2852">
        <v>82.098477561767069</v>
      </c>
      <c r="Q2852">
        <v>687</v>
      </c>
    </row>
    <row r="2853" spans="16:17" x14ac:dyDescent="0.25">
      <c r="P2853">
        <v>82.095647358343044</v>
      </c>
      <c r="Q2853">
        <v>687</v>
      </c>
    </row>
    <row r="2854" spans="16:17" x14ac:dyDescent="0.25">
      <c r="P2854">
        <v>82.092077922681383</v>
      </c>
      <c r="Q2854">
        <v>687</v>
      </c>
    </row>
    <row r="2855" spans="16:17" x14ac:dyDescent="0.25">
      <c r="P2855">
        <v>82.088529607940799</v>
      </c>
      <c r="Q2855">
        <v>688</v>
      </c>
    </row>
    <row r="2856" spans="16:17" x14ac:dyDescent="0.25">
      <c r="P2856">
        <v>82.085678283595669</v>
      </c>
      <c r="Q2856">
        <v>688</v>
      </c>
    </row>
    <row r="2857" spans="16:17" x14ac:dyDescent="0.25">
      <c r="P2857">
        <v>82.083545070567126</v>
      </c>
      <c r="Q2857">
        <v>688</v>
      </c>
    </row>
    <row r="2858" spans="16:17" x14ac:dyDescent="0.25">
      <c r="P2858">
        <v>82.080693746221982</v>
      </c>
      <c r="Q2858">
        <v>689</v>
      </c>
    </row>
    <row r="2859" spans="16:17" x14ac:dyDescent="0.25">
      <c r="P2859">
        <v>82.077863542797942</v>
      </c>
      <c r="Q2859">
        <v>689</v>
      </c>
    </row>
    <row r="2860" spans="16:17" x14ac:dyDescent="0.25">
      <c r="P2860">
        <v>82.075730329769385</v>
      </c>
      <c r="Q2860">
        <v>689</v>
      </c>
    </row>
    <row r="2861" spans="16:17" x14ac:dyDescent="0.25">
      <c r="P2861">
        <v>82.072879005424269</v>
      </c>
      <c r="Q2861">
        <v>690</v>
      </c>
    </row>
    <row r="2862" spans="16:17" x14ac:dyDescent="0.25">
      <c r="P2862">
        <v>82.070745792395712</v>
      </c>
      <c r="Q2862">
        <v>690</v>
      </c>
    </row>
    <row r="2863" spans="16:17" x14ac:dyDescent="0.25">
      <c r="P2863">
        <v>82.067894468050596</v>
      </c>
      <c r="Q2863">
        <v>690</v>
      </c>
    </row>
    <row r="2864" spans="16:17" x14ac:dyDescent="0.25">
      <c r="P2864">
        <v>82.065761255022025</v>
      </c>
      <c r="Q2864">
        <v>691</v>
      </c>
    </row>
    <row r="2865" spans="16:17" x14ac:dyDescent="0.25">
      <c r="P2865">
        <v>82.062931051597985</v>
      </c>
      <c r="Q2865">
        <v>691</v>
      </c>
    </row>
    <row r="2866" spans="16:17" x14ac:dyDescent="0.25">
      <c r="P2866">
        <v>82.060797838569428</v>
      </c>
      <c r="Q2866">
        <v>691</v>
      </c>
    </row>
    <row r="2867" spans="16:17" x14ac:dyDescent="0.25">
      <c r="P2867">
        <v>82.057946514224298</v>
      </c>
      <c r="Q2867">
        <v>692</v>
      </c>
    </row>
    <row r="2868" spans="16:17" x14ac:dyDescent="0.25">
      <c r="P2868">
        <v>82.055813301195741</v>
      </c>
      <c r="Q2868">
        <v>692</v>
      </c>
    </row>
    <row r="2869" spans="16:17" x14ac:dyDescent="0.25">
      <c r="P2869">
        <v>82.053680088167184</v>
      </c>
      <c r="Q2869">
        <v>692</v>
      </c>
    </row>
    <row r="2870" spans="16:17" x14ac:dyDescent="0.25">
      <c r="P2870">
        <v>82.051546875138612</v>
      </c>
      <c r="Q2870">
        <v>693</v>
      </c>
    </row>
    <row r="2871" spans="16:17" x14ac:dyDescent="0.25">
      <c r="P2871">
        <v>82.048695550793497</v>
      </c>
      <c r="Q2871">
        <v>693</v>
      </c>
    </row>
    <row r="2872" spans="16:17" x14ac:dyDescent="0.25">
      <c r="P2872">
        <v>82.046562337764925</v>
      </c>
      <c r="Q2872">
        <v>693</v>
      </c>
    </row>
    <row r="2873" spans="16:17" x14ac:dyDescent="0.25">
      <c r="P2873">
        <v>82.044429124736368</v>
      </c>
      <c r="Q2873">
        <v>694</v>
      </c>
    </row>
    <row r="2874" spans="16:17" x14ac:dyDescent="0.25">
      <c r="P2874">
        <v>82.042295911707797</v>
      </c>
      <c r="Q2874">
        <v>694</v>
      </c>
    </row>
    <row r="2875" spans="16:17" x14ac:dyDescent="0.25">
      <c r="P2875">
        <v>82.040162698679225</v>
      </c>
      <c r="Q2875">
        <v>694</v>
      </c>
    </row>
    <row r="2876" spans="16:17" x14ac:dyDescent="0.25">
      <c r="P2876">
        <v>82.038747596967198</v>
      </c>
      <c r="Q2876">
        <v>695</v>
      </c>
    </row>
    <row r="2877" spans="16:17" x14ac:dyDescent="0.25">
      <c r="P2877">
        <v>82.036614383938627</v>
      </c>
      <c r="Q2877">
        <v>695</v>
      </c>
    </row>
    <row r="2878" spans="16:17" x14ac:dyDescent="0.25">
      <c r="P2878">
        <v>82.035178161305552</v>
      </c>
      <c r="Q2878">
        <v>695</v>
      </c>
    </row>
    <row r="2879" spans="16:17" x14ac:dyDescent="0.25">
      <c r="P2879">
        <v>82.033044948276967</v>
      </c>
      <c r="Q2879">
        <v>696</v>
      </c>
    </row>
    <row r="2880" spans="16:17" x14ac:dyDescent="0.25">
      <c r="P2880">
        <v>82.030911735248395</v>
      </c>
      <c r="Q2880">
        <v>696</v>
      </c>
    </row>
    <row r="2881" spans="16:17" x14ac:dyDescent="0.25">
      <c r="P2881">
        <v>82.028778522219838</v>
      </c>
      <c r="Q2881">
        <v>696</v>
      </c>
    </row>
    <row r="2882" spans="16:17" x14ac:dyDescent="0.25">
      <c r="P2882">
        <v>82.025927197874722</v>
      </c>
      <c r="Q2882">
        <v>697</v>
      </c>
    </row>
    <row r="2883" spans="16:17" x14ac:dyDescent="0.25">
      <c r="P2883">
        <v>82.023793984846165</v>
      </c>
      <c r="Q2883">
        <v>697</v>
      </c>
    </row>
    <row r="2884" spans="16:17" x14ac:dyDescent="0.25">
      <c r="P2884">
        <v>82.021660771817594</v>
      </c>
      <c r="Q2884">
        <v>697</v>
      </c>
    </row>
    <row r="2885" spans="16:17" x14ac:dyDescent="0.25">
      <c r="P2885">
        <v>82.019527558789036</v>
      </c>
      <c r="Q2885">
        <v>698</v>
      </c>
    </row>
    <row r="2886" spans="16:17" x14ac:dyDescent="0.25">
      <c r="P2886">
        <v>82.017394345760465</v>
      </c>
      <c r="Q2886">
        <v>698</v>
      </c>
    </row>
    <row r="2887" spans="16:17" x14ac:dyDescent="0.25">
      <c r="P2887">
        <v>82.015261132731879</v>
      </c>
      <c r="Q2887">
        <v>698</v>
      </c>
    </row>
    <row r="2888" spans="16:17" x14ac:dyDescent="0.25">
      <c r="P2888">
        <v>82.013127919703322</v>
      </c>
      <c r="Q2888">
        <v>699</v>
      </c>
    </row>
    <row r="2889" spans="16:17" x14ac:dyDescent="0.25">
      <c r="P2889">
        <v>82.010994706674751</v>
      </c>
      <c r="Q2889">
        <v>699</v>
      </c>
    </row>
    <row r="2890" spans="16:17" x14ac:dyDescent="0.25">
      <c r="P2890">
        <v>82.009579604962738</v>
      </c>
      <c r="Q2890">
        <v>699</v>
      </c>
    </row>
    <row r="2891" spans="16:17" x14ac:dyDescent="0.25">
      <c r="P2891">
        <v>82.007446391934167</v>
      </c>
      <c r="Q2891">
        <v>700</v>
      </c>
    </row>
    <row r="2892" spans="16:17" x14ac:dyDescent="0.25">
      <c r="P2892">
        <v>82.00531317890561</v>
      </c>
      <c r="Q2892">
        <v>700</v>
      </c>
    </row>
    <row r="2893" spans="16:17" x14ac:dyDescent="0.25">
      <c r="P2893">
        <v>82.003179965877038</v>
      </c>
      <c r="Q2893">
        <v>700</v>
      </c>
    </row>
    <row r="2894" spans="16:17" x14ac:dyDescent="0.25">
      <c r="P2894">
        <v>82.001046752848481</v>
      </c>
      <c r="Q2894">
        <v>701</v>
      </c>
    </row>
    <row r="2895" spans="16:17" x14ac:dyDescent="0.25">
      <c r="P2895">
        <v>81.998913539819924</v>
      </c>
      <c r="Q2895">
        <v>701</v>
      </c>
    </row>
    <row r="2896" spans="16:17" x14ac:dyDescent="0.25">
      <c r="P2896">
        <v>81.996780326791352</v>
      </c>
      <c r="Q2896">
        <v>701</v>
      </c>
    </row>
    <row r="2897" spans="16:17" x14ac:dyDescent="0.25">
      <c r="P2897">
        <v>81.994647113762781</v>
      </c>
      <c r="Q2897">
        <v>702</v>
      </c>
    </row>
    <row r="2898" spans="16:17" x14ac:dyDescent="0.25">
      <c r="P2898">
        <v>81.992513900734195</v>
      </c>
      <c r="Q2898">
        <v>702</v>
      </c>
    </row>
    <row r="2899" spans="16:17" x14ac:dyDescent="0.25">
      <c r="P2899">
        <v>81.991077678101121</v>
      </c>
      <c r="Q2899">
        <v>702</v>
      </c>
    </row>
    <row r="2900" spans="16:17" x14ac:dyDescent="0.25">
      <c r="P2900">
        <v>81.988944465072549</v>
      </c>
      <c r="Q2900">
        <v>703</v>
      </c>
    </row>
    <row r="2901" spans="16:17" x14ac:dyDescent="0.25">
      <c r="P2901">
        <v>81.986811252043964</v>
      </c>
      <c r="Q2901">
        <v>703</v>
      </c>
    </row>
    <row r="2902" spans="16:17" x14ac:dyDescent="0.25">
      <c r="P2902">
        <v>81.984678039015407</v>
      </c>
      <c r="Q2902">
        <v>703</v>
      </c>
    </row>
    <row r="2903" spans="16:17" x14ac:dyDescent="0.25">
      <c r="P2903">
        <v>81.983262937303394</v>
      </c>
      <c r="Q2903">
        <v>704</v>
      </c>
    </row>
    <row r="2904" spans="16:17" x14ac:dyDescent="0.25">
      <c r="P2904">
        <v>81.981847835591367</v>
      </c>
      <c r="Q2904">
        <v>704</v>
      </c>
    </row>
    <row r="2905" spans="16:17" x14ac:dyDescent="0.25">
      <c r="P2905">
        <v>81.97971462256281</v>
      </c>
      <c r="Q2905">
        <v>704</v>
      </c>
    </row>
    <row r="2906" spans="16:17" x14ac:dyDescent="0.25">
      <c r="P2906">
        <v>81.978278399929721</v>
      </c>
      <c r="Q2906">
        <v>705</v>
      </c>
    </row>
    <row r="2907" spans="16:17" x14ac:dyDescent="0.25">
      <c r="P2907">
        <v>81.976145186901135</v>
      </c>
      <c r="Q2907">
        <v>705</v>
      </c>
    </row>
    <row r="2908" spans="16:17" x14ac:dyDescent="0.25">
      <c r="P2908">
        <v>81.974011973872578</v>
      </c>
      <c r="Q2908">
        <v>705</v>
      </c>
    </row>
    <row r="2909" spans="16:17" x14ac:dyDescent="0.25">
      <c r="P2909">
        <v>81.972596872160565</v>
      </c>
      <c r="Q2909">
        <v>706</v>
      </c>
    </row>
    <row r="2910" spans="16:17" x14ac:dyDescent="0.25">
      <c r="P2910">
        <v>81.97046365913198</v>
      </c>
      <c r="Q2910">
        <v>706</v>
      </c>
    </row>
    <row r="2911" spans="16:17" x14ac:dyDescent="0.25">
      <c r="P2911">
        <v>81.968330446103423</v>
      </c>
      <c r="Q2911">
        <v>706</v>
      </c>
    </row>
    <row r="2912" spans="16:17" x14ac:dyDescent="0.25">
      <c r="P2912">
        <v>81.966197233074851</v>
      </c>
      <c r="Q2912">
        <v>707</v>
      </c>
    </row>
    <row r="2913" spans="16:17" x14ac:dyDescent="0.25">
      <c r="P2913">
        <v>81.964761010441762</v>
      </c>
      <c r="Q2913">
        <v>707</v>
      </c>
    </row>
    <row r="2914" spans="16:17" x14ac:dyDescent="0.25">
      <c r="P2914">
        <v>81.962627797413191</v>
      </c>
      <c r="Q2914">
        <v>707</v>
      </c>
    </row>
    <row r="2915" spans="16:17" x14ac:dyDescent="0.25">
      <c r="P2915">
        <v>81.96049458438462</v>
      </c>
      <c r="Q2915">
        <v>708</v>
      </c>
    </row>
    <row r="2916" spans="16:17" x14ac:dyDescent="0.25">
      <c r="P2916">
        <v>81.959079482672607</v>
      </c>
      <c r="Q2916">
        <v>708</v>
      </c>
    </row>
    <row r="2917" spans="16:17" x14ac:dyDescent="0.25">
      <c r="P2917">
        <v>81.956946269644035</v>
      </c>
      <c r="Q2917">
        <v>708</v>
      </c>
    </row>
    <row r="2918" spans="16:17" x14ac:dyDescent="0.25">
      <c r="P2918">
        <v>81.955531167932023</v>
      </c>
      <c r="Q2918">
        <v>709</v>
      </c>
    </row>
    <row r="2919" spans="16:17" x14ac:dyDescent="0.25">
      <c r="P2919">
        <v>81.953397954903437</v>
      </c>
      <c r="Q2919">
        <v>709</v>
      </c>
    </row>
    <row r="2920" spans="16:17" x14ac:dyDescent="0.25">
      <c r="P2920">
        <v>81.951961732270362</v>
      </c>
      <c r="Q2920">
        <v>709</v>
      </c>
    </row>
    <row r="2921" spans="16:17" x14ac:dyDescent="0.25">
      <c r="P2921">
        <v>81.950546630558335</v>
      </c>
      <c r="Q2921">
        <v>710</v>
      </c>
    </row>
    <row r="2922" spans="16:17" x14ac:dyDescent="0.25">
      <c r="P2922">
        <v>81.948413417529764</v>
      </c>
      <c r="Q2922">
        <v>710</v>
      </c>
    </row>
    <row r="2923" spans="16:17" x14ac:dyDescent="0.25">
      <c r="P2923">
        <v>81.946977194896689</v>
      </c>
      <c r="Q2923">
        <v>710</v>
      </c>
    </row>
    <row r="2924" spans="16:17" x14ac:dyDescent="0.25">
      <c r="P2924">
        <v>81.944843981868118</v>
      </c>
      <c r="Q2924">
        <v>711</v>
      </c>
    </row>
    <row r="2925" spans="16:17" x14ac:dyDescent="0.25">
      <c r="P2925">
        <v>81.943428880156091</v>
      </c>
      <c r="Q2925">
        <v>711</v>
      </c>
    </row>
    <row r="2926" spans="16:17" x14ac:dyDescent="0.25">
      <c r="P2926">
        <v>81.941295667127548</v>
      </c>
      <c r="Q2926">
        <v>711</v>
      </c>
    </row>
    <row r="2927" spans="16:17" x14ac:dyDescent="0.25">
      <c r="P2927">
        <v>81.939162454098962</v>
      </c>
      <c r="Q2927">
        <v>712</v>
      </c>
    </row>
    <row r="2928" spans="16:17" x14ac:dyDescent="0.25">
      <c r="P2928">
        <v>81.93774735238695</v>
      </c>
      <c r="Q2928">
        <v>712</v>
      </c>
    </row>
    <row r="2929" spans="16:17" x14ac:dyDescent="0.25">
      <c r="P2929">
        <v>81.935614139358364</v>
      </c>
      <c r="Q2929">
        <v>712</v>
      </c>
    </row>
    <row r="2930" spans="16:17" x14ac:dyDescent="0.25">
      <c r="P2930">
        <v>81.934177916725275</v>
      </c>
      <c r="Q2930">
        <v>713</v>
      </c>
    </row>
    <row r="2931" spans="16:17" x14ac:dyDescent="0.25">
      <c r="P2931">
        <v>81.932044703696718</v>
      </c>
      <c r="Q2931">
        <v>713</v>
      </c>
    </row>
    <row r="2932" spans="16:17" x14ac:dyDescent="0.25">
      <c r="P2932">
        <v>81.930629601984691</v>
      </c>
      <c r="Q2932">
        <v>713</v>
      </c>
    </row>
    <row r="2933" spans="16:17" x14ac:dyDescent="0.25">
      <c r="P2933">
        <v>81.929214500272678</v>
      </c>
      <c r="Q2933">
        <v>714</v>
      </c>
    </row>
    <row r="2934" spans="16:17" x14ac:dyDescent="0.25">
      <c r="P2934">
        <v>81.927081287244093</v>
      </c>
      <c r="Q2934">
        <v>714</v>
      </c>
    </row>
    <row r="2935" spans="16:17" x14ac:dyDescent="0.25">
      <c r="P2935">
        <v>81.925645064611018</v>
      </c>
      <c r="Q2935">
        <v>714</v>
      </c>
    </row>
    <row r="2936" spans="16:17" x14ac:dyDescent="0.25">
      <c r="P2936">
        <v>81.924229962898991</v>
      </c>
      <c r="Q2936">
        <v>715</v>
      </c>
    </row>
    <row r="2937" spans="16:17" x14ac:dyDescent="0.25">
      <c r="P2937">
        <v>81.922814861186964</v>
      </c>
      <c r="Q2937">
        <v>715</v>
      </c>
    </row>
    <row r="2938" spans="16:17" x14ac:dyDescent="0.25">
      <c r="P2938">
        <v>81.920660527237331</v>
      </c>
      <c r="Q2938">
        <v>715</v>
      </c>
    </row>
    <row r="2939" spans="16:17" x14ac:dyDescent="0.25">
      <c r="P2939">
        <v>81.919245425525304</v>
      </c>
      <c r="Q2939">
        <v>716</v>
      </c>
    </row>
    <row r="2940" spans="16:17" x14ac:dyDescent="0.25">
      <c r="P2940">
        <v>81.917830323813291</v>
      </c>
      <c r="Q2940">
        <v>716</v>
      </c>
    </row>
    <row r="2941" spans="16:17" x14ac:dyDescent="0.25">
      <c r="P2941">
        <v>81.916394101180188</v>
      </c>
      <c r="Q2941">
        <v>716</v>
      </c>
    </row>
    <row r="2942" spans="16:17" x14ac:dyDescent="0.25">
      <c r="P2942">
        <v>81.914260888151631</v>
      </c>
      <c r="Q2942">
        <v>717</v>
      </c>
    </row>
    <row r="2943" spans="16:17" x14ac:dyDescent="0.25">
      <c r="P2943">
        <v>81.912845786439618</v>
      </c>
      <c r="Q2943">
        <v>717</v>
      </c>
    </row>
    <row r="2944" spans="16:17" x14ac:dyDescent="0.25">
      <c r="P2944">
        <v>81.911430684727591</v>
      </c>
      <c r="Q2944">
        <v>717</v>
      </c>
    </row>
    <row r="2945" spans="16:17" x14ac:dyDescent="0.25">
      <c r="P2945">
        <v>81.909297471699006</v>
      </c>
      <c r="Q2945">
        <v>718</v>
      </c>
    </row>
    <row r="2946" spans="16:17" x14ac:dyDescent="0.25">
      <c r="P2946">
        <v>81.907861249065931</v>
      </c>
      <c r="Q2946">
        <v>718</v>
      </c>
    </row>
    <row r="2947" spans="16:17" x14ac:dyDescent="0.25">
      <c r="P2947">
        <v>81.906446147353904</v>
      </c>
      <c r="Q2947">
        <v>718</v>
      </c>
    </row>
    <row r="2948" spans="16:17" x14ac:dyDescent="0.25">
      <c r="P2948">
        <v>81.904312934325333</v>
      </c>
      <c r="Q2948">
        <v>719</v>
      </c>
    </row>
    <row r="2949" spans="16:17" x14ac:dyDescent="0.25">
      <c r="P2949">
        <v>81.90289783261332</v>
      </c>
      <c r="Q2949">
        <v>719</v>
      </c>
    </row>
    <row r="2950" spans="16:17" x14ac:dyDescent="0.25">
      <c r="P2950">
        <v>81.901461609980231</v>
      </c>
      <c r="Q2950">
        <v>719</v>
      </c>
    </row>
    <row r="2951" spans="16:17" x14ac:dyDescent="0.25">
      <c r="P2951">
        <v>81.900046508268204</v>
      </c>
      <c r="Q2951">
        <v>720</v>
      </c>
    </row>
    <row r="2952" spans="16:17" x14ac:dyDescent="0.25">
      <c r="P2952">
        <v>81.898631406556177</v>
      </c>
      <c r="Q2952">
        <v>720</v>
      </c>
    </row>
    <row r="2953" spans="16:17" x14ac:dyDescent="0.25">
      <c r="P2953">
        <v>81.896498193527606</v>
      </c>
      <c r="Q2953">
        <v>720</v>
      </c>
    </row>
    <row r="2954" spans="16:17" x14ac:dyDescent="0.25">
      <c r="P2954">
        <v>81.895061970894517</v>
      </c>
      <c r="Q2954">
        <v>721</v>
      </c>
    </row>
    <row r="2955" spans="16:17" x14ac:dyDescent="0.25">
      <c r="P2955">
        <v>81.893646869182504</v>
      </c>
      <c r="Q2955">
        <v>721</v>
      </c>
    </row>
    <row r="2956" spans="16:17" x14ac:dyDescent="0.25">
      <c r="P2956">
        <v>81.891513656153933</v>
      </c>
      <c r="Q2956">
        <v>721</v>
      </c>
    </row>
    <row r="2957" spans="16:17" x14ac:dyDescent="0.25">
      <c r="P2957">
        <v>81.890077433520844</v>
      </c>
      <c r="Q2957">
        <v>722</v>
      </c>
    </row>
    <row r="2958" spans="16:17" x14ac:dyDescent="0.25">
      <c r="P2958">
        <v>81.888662331808831</v>
      </c>
      <c r="Q2958">
        <v>722</v>
      </c>
    </row>
    <row r="2959" spans="16:17" x14ac:dyDescent="0.25">
      <c r="P2959">
        <v>81.887247230096818</v>
      </c>
      <c r="Q2959">
        <v>722</v>
      </c>
    </row>
    <row r="2960" spans="16:17" x14ac:dyDescent="0.25">
      <c r="P2960">
        <v>81.885811007463701</v>
      </c>
      <c r="Q2960">
        <v>723</v>
      </c>
    </row>
    <row r="2961" spans="16:17" x14ac:dyDescent="0.25">
      <c r="P2961">
        <v>81.884395905751703</v>
      </c>
      <c r="Q2961">
        <v>723</v>
      </c>
    </row>
    <row r="2962" spans="16:17" x14ac:dyDescent="0.25">
      <c r="P2962">
        <v>81.882262692723131</v>
      </c>
      <c r="Q2962">
        <v>723</v>
      </c>
    </row>
    <row r="2963" spans="16:17" x14ac:dyDescent="0.25">
      <c r="P2963">
        <v>81.88084759101109</v>
      </c>
      <c r="Q2963">
        <v>724</v>
      </c>
    </row>
    <row r="2964" spans="16:17" x14ac:dyDescent="0.25">
      <c r="P2964">
        <v>81.88012947969456</v>
      </c>
      <c r="Q2964">
        <v>724</v>
      </c>
    </row>
    <row r="2965" spans="16:17" x14ac:dyDescent="0.25">
      <c r="P2965">
        <v>81.878714377982533</v>
      </c>
      <c r="Q2965">
        <v>724</v>
      </c>
    </row>
    <row r="2966" spans="16:17" x14ac:dyDescent="0.25">
      <c r="P2966">
        <v>81.877278155349458</v>
      </c>
      <c r="Q2966">
        <v>725</v>
      </c>
    </row>
    <row r="2967" spans="16:17" x14ac:dyDescent="0.25">
      <c r="P2967">
        <v>81.875863053637417</v>
      </c>
      <c r="Q2967">
        <v>725</v>
      </c>
    </row>
    <row r="2968" spans="16:17" x14ac:dyDescent="0.25">
      <c r="P2968">
        <v>81.875144942320873</v>
      </c>
      <c r="Q2968">
        <v>725</v>
      </c>
    </row>
    <row r="2969" spans="16:17" x14ac:dyDescent="0.25">
      <c r="P2969">
        <v>81.87372984060886</v>
      </c>
      <c r="Q2969">
        <v>726</v>
      </c>
    </row>
    <row r="2970" spans="16:17" x14ac:dyDescent="0.25">
      <c r="P2970">
        <v>81.872314738896847</v>
      </c>
      <c r="Q2970">
        <v>726</v>
      </c>
    </row>
    <row r="2971" spans="16:17" x14ac:dyDescent="0.25">
      <c r="P2971">
        <v>81.870878516263744</v>
      </c>
      <c r="Q2971">
        <v>726</v>
      </c>
    </row>
    <row r="2972" spans="16:17" x14ac:dyDescent="0.25">
      <c r="P2972">
        <v>81.869463414551717</v>
      </c>
      <c r="Q2972">
        <v>727</v>
      </c>
    </row>
    <row r="2973" spans="16:17" x14ac:dyDescent="0.25">
      <c r="P2973">
        <v>81.868048312839704</v>
      </c>
      <c r="Q2973">
        <v>727</v>
      </c>
    </row>
    <row r="2974" spans="16:17" x14ac:dyDescent="0.25">
      <c r="P2974">
        <v>81.866612090206615</v>
      </c>
      <c r="Q2974">
        <v>727</v>
      </c>
    </row>
    <row r="2975" spans="16:17" x14ac:dyDescent="0.25">
      <c r="P2975">
        <v>81.865893978890057</v>
      </c>
      <c r="Q2975">
        <v>728</v>
      </c>
    </row>
    <row r="2976" spans="16:17" x14ac:dyDescent="0.25">
      <c r="P2976">
        <v>81.864478877178044</v>
      </c>
      <c r="Q2976">
        <v>728</v>
      </c>
    </row>
    <row r="2977" spans="16:17" x14ac:dyDescent="0.25">
      <c r="P2977">
        <v>81.8637607658615</v>
      </c>
      <c r="Q2977">
        <v>728</v>
      </c>
    </row>
    <row r="2978" spans="16:17" x14ac:dyDescent="0.25">
      <c r="P2978">
        <v>81.863063775466003</v>
      </c>
      <c r="Q2978">
        <v>729</v>
      </c>
    </row>
    <row r="2979" spans="16:17" x14ac:dyDescent="0.25">
      <c r="P2979">
        <v>81.861627552832928</v>
      </c>
      <c r="Q2979">
        <v>729</v>
      </c>
    </row>
    <row r="2980" spans="16:17" x14ac:dyDescent="0.25">
      <c r="P2980">
        <v>81.860212451120901</v>
      </c>
      <c r="Q2980">
        <v>729</v>
      </c>
    </row>
    <row r="2981" spans="16:17" x14ac:dyDescent="0.25">
      <c r="P2981">
        <v>81.859494339804357</v>
      </c>
      <c r="Q2981">
        <v>730</v>
      </c>
    </row>
    <row r="2982" spans="16:17" x14ac:dyDescent="0.25">
      <c r="P2982">
        <v>81.858797349408903</v>
      </c>
      <c r="Q2982">
        <v>730</v>
      </c>
    </row>
    <row r="2983" spans="16:17" x14ac:dyDescent="0.25">
      <c r="P2983">
        <v>81.8573611267758</v>
      </c>
      <c r="Q2983">
        <v>730</v>
      </c>
    </row>
    <row r="2984" spans="16:17" x14ac:dyDescent="0.25">
      <c r="P2984">
        <v>81.856664136380331</v>
      </c>
      <c r="Q2984">
        <v>731</v>
      </c>
    </row>
    <row r="2985" spans="16:17" x14ac:dyDescent="0.25">
      <c r="P2985">
        <v>81.855946025063787</v>
      </c>
      <c r="Q2985">
        <v>731</v>
      </c>
    </row>
    <row r="2986" spans="16:17" x14ac:dyDescent="0.25">
      <c r="P2986">
        <v>81.85453092335176</v>
      </c>
      <c r="Q2986">
        <v>731</v>
      </c>
    </row>
    <row r="2987" spans="16:17" x14ac:dyDescent="0.25">
      <c r="P2987">
        <v>81.853812812035201</v>
      </c>
      <c r="Q2987">
        <v>732</v>
      </c>
    </row>
    <row r="2988" spans="16:17" x14ac:dyDescent="0.25">
      <c r="P2988">
        <v>81.852397710323174</v>
      </c>
      <c r="Q2988">
        <v>732</v>
      </c>
    </row>
    <row r="2989" spans="16:17" x14ac:dyDescent="0.25">
      <c r="P2989">
        <v>81.850961487690086</v>
      </c>
      <c r="Q2989">
        <v>732</v>
      </c>
    </row>
    <row r="2990" spans="16:17" x14ac:dyDescent="0.25">
      <c r="P2990">
        <v>81.849546385978073</v>
      </c>
      <c r="Q2990">
        <v>733</v>
      </c>
    </row>
    <row r="2991" spans="16:17" x14ac:dyDescent="0.25">
      <c r="P2991">
        <v>81.847413172949501</v>
      </c>
      <c r="Q2991">
        <v>733</v>
      </c>
    </row>
    <row r="2992" spans="16:17" x14ac:dyDescent="0.25">
      <c r="P2992">
        <v>81.845998071237489</v>
      </c>
      <c r="Q2992">
        <v>733</v>
      </c>
    </row>
    <row r="2993" spans="16:17" x14ac:dyDescent="0.25">
      <c r="P2993">
        <v>81.844561848604386</v>
      </c>
      <c r="Q2993">
        <v>734</v>
      </c>
    </row>
    <row r="2994" spans="16:17" x14ac:dyDescent="0.25">
      <c r="P2994">
        <v>81.843864858208931</v>
      </c>
      <c r="Q2994">
        <v>734</v>
      </c>
    </row>
    <row r="2995" spans="16:17" x14ac:dyDescent="0.25">
      <c r="P2995">
        <v>81.842428635575828</v>
      </c>
      <c r="Q2995">
        <v>734</v>
      </c>
    </row>
    <row r="2996" spans="16:17" x14ac:dyDescent="0.25">
      <c r="P2996">
        <v>81.841013533863801</v>
      </c>
      <c r="Q2996">
        <v>735</v>
      </c>
    </row>
    <row r="2997" spans="16:17" x14ac:dyDescent="0.25">
      <c r="P2997">
        <v>81.840295422547257</v>
      </c>
      <c r="Q2997">
        <v>735</v>
      </c>
    </row>
    <row r="2998" spans="16:17" x14ac:dyDescent="0.25">
      <c r="P2998">
        <v>81.838880320835244</v>
      </c>
      <c r="Q2998">
        <v>735</v>
      </c>
    </row>
    <row r="2999" spans="16:17" x14ac:dyDescent="0.25">
      <c r="P2999">
        <v>81.8381622095187</v>
      </c>
      <c r="Q2999">
        <v>736</v>
      </c>
    </row>
    <row r="3000" spans="16:17" x14ac:dyDescent="0.25">
      <c r="P3000">
        <v>81.836747107806673</v>
      </c>
      <c r="Q3000">
        <v>736</v>
      </c>
    </row>
    <row r="3001" spans="16:17" x14ac:dyDescent="0.25">
      <c r="P3001">
        <v>81.836028996490128</v>
      </c>
      <c r="Q3001">
        <v>736</v>
      </c>
    </row>
    <row r="3002" spans="16:17" x14ac:dyDescent="0.25">
      <c r="P3002">
        <v>81.834613894778101</v>
      </c>
      <c r="Q3002">
        <v>737</v>
      </c>
    </row>
    <row r="3003" spans="16:17" x14ac:dyDescent="0.25">
      <c r="P3003">
        <v>81.833895783461557</v>
      </c>
      <c r="Q3003">
        <v>737</v>
      </c>
    </row>
    <row r="3004" spans="16:17" x14ac:dyDescent="0.25">
      <c r="P3004">
        <v>81.833177672145013</v>
      </c>
      <c r="Q3004">
        <v>737</v>
      </c>
    </row>
    <row r="3005" spans="16:17" x14ac:dyDescent="0.25">
      <c r="P3005">
        <v>81.831762570433</v>
      </c>
      <c r="Q3005">
        <v>738</v>
      </c>
    </row>
    <row r="3006" spans="16:17" x14ac:dyDescent="0.25">
      <c r="P3006">
        <v>81.831044459116427</v>
      </c>
      <c r="Q3006">
        <v>738</v>
      </c>
    </row>
    <row r="3007" spans="16:17" x14ac:dyDescent="0.25">
      <c r="P3007">
        <v>81.829629357404414</v>
      </c>
      <c r="Q3007">
        <v>738</v>
      </c>
    </row>
    <row r="3008" spans="16:17" x14ac:dyDescent="0.25">
      <c r="P3008">
        <v>81.828911246087884</v>
      </c>
      <c r="Q3008">
        <v>739</v>
      </c>
    </row>
    <row r="3009" spans="16:17" x14ac:dyDescent="0.25">
      <c r="P3009">
        <v>81.827496144375871</v>
      </c>
      <c r="Q3009">
        <v>739</v>
      </c>
    </row>
    <row r="3010" spans="16:17" x14ac:dyDescent="0.25">
      <c r="P3010">
        <v>81.826778033059327</v>
      </c>
      <c r="Q3010">
        <v>739</v>
      </c>
    </row>
    <row r="3011" spans="16:17" x14ac:dyDescent="0.25">
      <c r="P3011">
        <v>81.825362931347286</v>
      </c>
      <c r="Q3011">
        <v>740</v>
      </c>
    </row>
    <row r="3012" spans="16:17" x14ac:dyDescent="0.25">
      <c r="P3012">
        <v>81.823947829635273</v>
      </c>
      <c r="Q3012">
        <v>740</v>
      </c>
    </row>
    <row r="3013" spans="16:17" x14ac:dyDescent="0.25">
      <c r="P3013">
        <v>81.823229718318728</v>
      </c>
      <c r="Q3013">
        <v>740</v>
      </c>
    </row>
    <row r="3014" spans="16:17" x14ac:dyDescent="0.25">
      <c r="P3014">
        <v>81.821814616606702</v>
      </c>
      <c r="Q3014">
        <v>741</v>
      </c>
    </row>
    <row r="3015" spans="16:17" x14ac:dyDescent="0.25">
      <c r="P3015">
        <v>81.821096505290157</v>
      </c>
      <c r="Q3015">
        <v>741</v>
      </c>
    </row>
    <row r="3016" spans="16:17" x14ac:dyDescent="0.25">
      <c r="P3016">
        <v>81.820378393973613</v>
      </c>
      <c r="Q3016">
        <v>741</v>
      </c>
    </row>
    <row r="3017" spans="16:17" x14ac:dyDescent="0.25">
      <c r="P3017">
        <v>81.8189632922616</v>
      </c>
      <c r="Q3017">
        <v>742</v>
      </c>
    </row>
    <row r="3018" spans="16:17" x14ac:dyDescent="0.25">
      <c r="P3018">
        <v>81.818245180945041</v>
      </c>
      <c r="Q3018">
        <v>742</v>
      </c>
    </row>
    <row r="3019" spans="16:17" x14ac:dyDescent="0.25">
      <c r="P3019">
        <v>81.817548190549587</v>
      </c>
      <c r="Q3019">
        <v>742</v>
      </c>
    </row>
    <row r="3020" spans="16:17" x14ac:dyDescent="0.25">
      <c r="P3020">
        <v>81.816830079233029</v>
      </c>
      <c r="Q3020">
        <v>743</v>
      </c>
    </row>
    <row r="3021" spans="16:17" x14ac:dyDescent="0.25">
      <c r="P3021">
        <v>81.816111967916484</v>
      </c>
      <c r="Q3021">
        <v>743</v>
      </c>
    </row>
    <row r="3022" spans="16:17" x14ac:dyDescent="0.25">
      <c r="P3022">
        <v>81.814696866204457</v>
      </c>
      <c r="Q3022">
        <v>743</v>
      </c>
    </row>
    <row r="3023" spans="16:17" x14ac:dyDescent="0.25">
      <c r="P3023">
        <v>81.813978754887913</v>
      </c>
      <c r="Q3023">
        <v>744</v>
      </c>
    </row>
    <row r="3024" spans="16:17" x14ac:dyDescent="0.25">
      <c r="P3024">
        <v>81.8125636531759</v>
      </c>
      <c r="Q3024">
        <v>744</v>
      </c>
    </row>
    <row r="3025" spans="16:17" x14ac:dyDescent="0.25">
      <c r="P3025">
        <v>81.811845541859356</v>
      </c>
      <c r="Q3025">
        <v>744</v>
      </c>
    </row>
    <row r="3026" spans="16:17" x14ac:dyDescent="0.25">
      <c r="P3026">
        <v>81.810430440147329</v>
      </c>
      <c r="Q3026">
        <v>745</v>
      </c>
    </row>
    <row r="3027" spans="16:17" x14ac:dyDescent="0.25">
      <c r="P3027">
        <v>81.809712328830784</v>
      </c>
      <c r="Q3027">
        <v>745</v>
      </c>
    </row>
    <row r="3028" spans="16:17" x14ac:dyDescent="0.25">
      <c r="P3028">
        <v>81.808297227118757</v>
      </c>
      <c r="Q3028">
        <v>745</v>
      </c>
    </row>
    <row r="3029" spans="16:17" x14ac:dyDescent="0.25">
      <c r="P3029">
        <v>81.806861004485668</v>
      </c>
      <c r="Q3029">
        <v>746</v>
      </c>
    </row>
    <row r="3030" spans="16:17" x14ac:dyDescent="0.25">
      <c r="P3030">
        <v>81.805445902773627</v>
      </c>
      <c r="Q3030">
        <v>746</v>
      </c>
    </row>
    <row r="3031" spans="16:17" x14ac:dyDescent="0.25">
      <c r="P3031">
        <v>81.804030801061629</v>
      </c>
      <c r="Q3031">
        <v>746</v>
      </c>
    </row>
    <row r="3032" spans="16:17" x14ac:dyDescent="0.25">
      <c r="P3032">
        <v>81.802594578428526</v>
      </c>
      <c r="Q3032">
        <v>747</v>
      </c>
    </row>
    <row r="3033" spans="16:17" x14ac:dyDescent="0.25">
      <c r="P3033">
        <v>81.801179476716513</v>
      </c>
      <c r="Q3033">
        <v>747</v>
      </c>
    </row>
    <row r="3034" spans="16:17" x14ac:dyDescent="0.25">
      <c r="P3034">
        <v>81.799764375004486</v>
      </c>
      <c r="Q3034">
        <v>747</v>
      </c>
    </row>
    <row r="3035" spans="16:17" x14ac:dyDescent="0.25">
      <c r="P3035">
        <v>81.799046263687941</v>
      </c>
      <c r="Q3035">
        <v>748</v>
      </c>
    </row>
    <row r="3036" spans="16:17" x14ac:dyDescent="0.25">
      <c r="P3036">
        <v>81.797631161975929</v>
      </c>
      <c r="Q3036">
        <v>748</v>
      </c>
    </row>
    <row r="3037" spans="16:17" x14ac:dyDescent="0.25">
      <c r="P3037">
        <v>81.79691305065937</v>
      </c>
      <c r="Q3037">
        <v>748</v>
      </c>
    </row>
    <row r="3038" spans="16:17" x14ac:dyDescent="0.25">
      <c r="P3038">
        <v>81.796194939342826</v>
      </c>
      <c r="Q3038">
        <v>749</v>
      </c>
    </row>
    <row r="3039" spans="16:17" x14ac:dyDescent="0.25">
      <c r="P3039">
        <v>81.794779837630799</v>
      </c>
      <c r="Q3039">
        <v>749</v>
      </c>
    </row>
    <row r="3040" spans="16:17" x14ac:dyDescent="0.25">
      <c r="P3040">
        <v>81.794061726314254</v>
      </c>
      <c r="Q3040">
        <v>749</v>
      </c>
    </row>
    <row r="3041" spans="16:17" x14ac:dyDescent="0.25">
      <c r="P3041">
        <v>81.793364735918772</v>
      </c>
      <c r="Q3041">
        <v>750</v>
      </c>
    </row>
    <row r="3042" spans="16:17" x14ac:dyDescent="0.25">
      <c r="P3042">
        <v>81.792646624602241</v>
      </c>
      <c r="Q3042">
        <v>750</v>
      </c>
    </row>
    <row r="3043" spans="16:17" x14ac:dyDescent="0.25">
      <c r="P3043">
        <v>81.791928513285697</v>
      </c>
      <c r="Q3043">
        <v>750</v>
      </c>
    </row>
    <row r="3044" spans="16:17" x14ac:dyDescent="0.25">
      <c r="P3044">
        <v>81.79051341157367</v>
      </c>
      <c r="Q3044">
        <v>751</v>
      </c>
    </row>
    <row r="3045" spans="16:17" x14ac:dyDescent="0.25">
      <c r="P3045">
        <v>81.789098309861657</v>
      </c>
      <c r="Q3045">
        <v>751</v>
      </c>
    </row>
    <row r="3046" spans="16:17" x14ac:dyDescent="0.25">
      <c r="P3046">
        <v>81.787662087228568</v>
      </c>
      <c r="Q3046">
        <v>751</v>
      </c>
    </row>
    <row r="3047" spans="16:17" x14ac:dyDescent="0.25">
      <c r="P3047">
        <v>81.786965096833086</v>
      </c>
      <c r="Q3047">
        <v>752</v>
      </c>
    </row>
    <row r="3048" spans="16:17" x14ac:dyDescent="0.25">
      <c r="P3048">
        <v>81.786246985516527</v>
      </c>
      <c r="Q3048">
        <v>752</v>
      </c>
    </row>
    <row r="3049" spans="16:17" x14ac:dyDescent="0.25">
      <c r="P3049">
        <v>81.784831883804515</v>
      </c>
      <c r="Q3049">
        <v>752</v>
      </c>
    </row>
    <row r="3050" spans="16:17" x14ac:dyDescent="0.25">
      <c r="P3050">
        <v>81.78411377248797</v>
      </c>
      <c r="Q3050">
        <v>753</v>
      </c>
    </row>
    <row r="3051" spans="16:17" x14ac:dyDescent="0.25">
      <c r="P3051">
        <v>81.782677549854867</v>
      </c>
      <c r="Q3051">
        <v>753</v>
      </c>
    </row>
    <row r="3052" spans="16:17" x14ac:dyDescent="0.25">
      <c r="P3052">
        <v>81.781980559459399</v>
      </c>
      <c r="Q3052">
        <v>753</v>
      </c>
    </row>
    <row r="3053" spans="16:17" x14ac:dyDescent="0.25">
      <c r="P3053">
        <v>81.781262448142854</v>
      </c>
      <c r="Q3053">
        <v>754</v>
      </c>
    </row>
    <row r="3054" spans="16:17" x14ac:dyDescent="0.25">
      <c r="P3054">
        <v>81.780544336826296</v>
      </c>
      <c r="Q3054">
        <v>754</v>
      </c>
    </row>
    <row r="3055" spans="16:17" x14ac:dyDescent="0.25">
      <c r="P3055">
        <v>81.779847346430827</v>
      </c>
      <c r="Q3055">
        <v>754</v>
      </c>
    </row>
    <row r="3056" spans="16:17" x14ac:dyDescent="0.25">
      <c r="P3056">
        <v>81.779129235114283</v>
      </c>
      <c r="Q3056">
        <v>755</v>
      </c>
    </row>
    <row r="3057" spans="16:17" x14ac:dyDescent="0.25">
      <c r="P3057">
        <v>81.778411123797738</v>
      </c>
      <c r="Q3057">
        <v>755</v>
      </c>
    </row>
    <row r="3058" spans="16:17" x14ac:dyDescent="0.25">
      <c r="P3058">
        <v>81.77771413340227</v>
      </c>
      <c r="Q3058">
        <v>755</v>
      </c>
    </row>
    <row r="3059" spans="16:17" x14ac:dyDescent="0.25">
      <c r="P3059">
        <v>81.776996022085712</v>
      </c>
      <c r="Q3059">
        <v>756</v>
      </c>
    </row>
    <row r="3060" spans="16:17" x14ac:dyDescent="0.25">
      <c r="P3060">
        <v>81.776277910769167</v>
      </c>
      <c r="Q3060">
        <v>756</v>
      </c>
    </row>
    <row r="3061" spans="16:17" x14ac:dyDescent="0.25">
      <c r="P3061">
        <v>81.775580920373713</v>
      </c>
      <c r="Q3061">
        <v>756</v>
      </c>
    </row>
    <row r="3062" spans="16:17" x14ac:dyDescent="0.25">
      <c r="P3062">
        <v>81.774862809057154</v>
      </c>
      <c r="Q3062">
        <v>757</v>
      </c>
    </row>
    <row r="3063" spans="16:17" x14ac:dyDescent="0.25">
      <c r="P3063">
        <v>81.77414469774061</v>
      </c>
      <c r="Q3063">
        <v>757</v>
      </c>
    </row>
    <row r="3064" spans="16:17" x14ac:dyDescent="0.25">
      <c r="P3064">
        <v>81.773447707345142</v>
      </c>
      <c r="Q3064">
        <v>757</v>
      </c>
    </row>
    <row r="3065" spans="16:17" x14ac:dyDescent="0.25">
      <c r="P3065">
        <v>81.772011484712053</v>
      </c>
      <c r="Q3065">
        <v>758</v>
      </c>
    </row>
    <row r="3066" spans="16:17" x14ac:dyDescent="0.25">
      <c r="P3066">
        <v>81.770596383000026</v>
      </c>
      <c r="Q3066">
        <v>758</v>
      </c>
    </row>
    <row r="3067" spans="16:17" x14ac:dyDescent="0.25">
      <c r="P3067">
        <v>81.769878271683481</v>
      </c>
      <c r="Q3067">
        <v>758</v>
      </c>
    </row>
    <row r="3068" spans="16:17" x14ac:dyDescent="0.25">
      <c r="P3068">
        <v>81.769181281288013</v>
      </c>
      <c r="Q3068">
        <v>759</v>
      </c>
    </row>
    <row r="3069" spans="16:17" x14ac:dyDescent="0.25">
      <c r="P3069">
        <v>81.767745058654924</v>
      </c>
      <c r="Q3069">
        <v>759</v>
      </c>
    </row>
    <row r="3070" spans="16:17" x14ac:dyDescent="0.25">
      <c r="P3070">
        <v>81.767048068259427</v>
      </c>
      <c r="Q3070">
        <v>759</v>
      </c>
    </row>
    <row r="3071" spans="16:17" x14ac:dyDescent="0.25">
      <c r="P3071">
        <v>81.766329956942897</v>
      </c>
      <c r="Q3071">
        <v>760</v>
      </c>
    </row>
    <row r="3072" spans="16:17" x14ac:dyDescent="0.25">
      <c r="P3072">
        <v>81.765611845626353</v>
      </c>
      <c r="Q3072">
        <v>760</v>
      </c>
    </row>
    <row r="3073" spans="16:17" x14ac:dyDescent="0.25">
      <c r="P3073">
        <v>81.764196743914326</v>
      </c>
      <c r="Q3073">
        <v>760</v>
      </c>
    </row>
    <row r="3074" spans="16:17" x14ac:dyDescent="0.25">
      <c r="P3074">
        <v>81.763478632597781</v>
      </c>
      <c r="Q3074">
        <v>761</v>
      </c>
    </row>
    <row r="3075" spans="16:17" x14ac:dyDescent="0.25">
      <c r="P3075">
        <v>81.762781642202327</v>
      </c>
      <c r="Q3075">
        <v>761</v>
      </c>
    </row>
    <row r="3076" spans="16:17" x14ac:dyDescent="0.25">
      <c r="P3076">
        <v>81.762063530885754</v>
      </c>
      <c r="Q3076">
        <v>761</v>
      </c>
    </row>
    <row r="3077" spans="16:17" x14ac:dyDescent="0.25">
      <c r="P3077">
        <v>81.760648429173742</v>
      </c>
      <c r="Q3077">
        <v>762</v>
      </c>
    </row>
    <row r="3078" spans="16:17" x14ac:dyDescent="0.25">
      <c r="P3078">
        <v>81.759930317857183</v>
      </c>
      <c r="Q3078">
        <v>762</v>
      </c>
    </row>
    <row r="3079" spans="16:17" x14ac:dyDescent="0.25">
      <c r="P3079">
        <v>81.758515216145184</v>
      </c>
      <c r="Q3079">
        <v>762</v>
      </c>
    </row>
    <row r="3080" spans="16:17" x14ac:dyDescent="0.25">
      <c r="P3080">
        <v>81.757797104828626</v>
      </c>
      <c r="Q3080">
        <v>763</v>
      </c>
    </row>
    <row r="3081" spans="16:17" x14ac:dyDescent="0.25">
      <c r="P3081">
        <v>81.756360882195523</v>
      </c>
      <c r="Q3081">
        <v>763</v>
      </c>
    </row>
    <row r="3082" spans="16:17" x14ac:dyDescent="0.25">
      <c r="P3082">
        <v>81.755663891800054</v>
      </c>
      <c r="Q3082">
        <v>763</v>
      </c>
    </row>
    <row r="3083" spans="16:17" x14ac:dyDescent="0.25">
      <c r="P3083">
        <v>81.75494578048351</v>
      </c>
      <c r="Q3083">
        <v>764</v>
      </c>
    </row>
    <row r="3084" spans="16:17" x14ac:dyDescent="0.25">
      <c r="P3084">
        <v>81.754227669166951</v>
      </c>
      <c r="Q3084">
        <v>764</v>
      </c>
    </row>
    <row r="3085" spans="16:17" x14ac:dyDescent="0.25">
      <c r="P3085">
        <v>81.752812567454939</v>
      </c>
      <c r="Q3085">
        <v>764</v>
      </c>
    </row>
    <row r="3086" spans="16:17" x14ac:dyDescent="0.25">
      <c r="P3086">
        <v>81.752094456138394</v>
      </c>
      <c r="Q3086">
        <v>765</v>
      </c>
    </row>
    <row r="3087" spans="16:17" x14ac:dyDescent="0.25">
      <c r="P3087">
        <v>81.751397465742926</v>
      </c>
      <c r="Q3087">
        <v>765</v>
      </c>
    </row>
    <row r="3088" spans="16:17" x14ac:dyDescent="0.25">
      <c r="P3088">
        <v>81.749961243109823</v>
      </c>
      <c r="Q3088">
        <v>765</v>
      </c>
    </row>
    <row r="3089" spans="16:17" x14ac:dyDescent="0.25">
      <c r="P3089">
        <v>81.749264252714354</v>
      </c>
      <c r="Q3089">
        <v>766</v>
      </c>
    </row>
    <row r="3090" spans="16:17" x14ac:dyDescent="0.25">
      <c r="P3090">
        <v>81.74854614139781</v>
      </c>
      <c r="Q3090">
        <v>766</v>
      </c>
    </row>
    <row r="3091" spans="16:17" x14ac:dyDescent="0.25">
      <c r="P3091">
        <v>81.747828030081266</v>
      </c>
      <c r="Q3091">
        <v>766</v>
      </c>
    </row>
    <row r="3092" spans="16:17" x14ac:dyDescent="0.25">
      <c r="P3092">
        <v>81.747131039685797</v>
      </c>
      <c r="Q3092">
        <v>767</v>
      </c>
    </row>
    <row r="3093" spans="16:17" x14ac:dyDescent="0.25">
      <c r="P3093">
        <v>81.746412928369239</v>
      </c>
      <c r="Q3093">
        <v>767</v>
      </c>
    </row>
    <row r="3094" spans="16:17" x14ac:dyDescent="0.25">
      <c r="P3094">
        <v>81.746412928369239</v>
      </c>
      <c r="Q3094">
        <v>767</v>
      </c>
    </row>
    <row r="3095" spans="16:17" x14ac:dyDescent="0.25">
      <c r="P3095">
        <v>81.745694817052694</v>
      </c>
      <c r="Q3095">
        <v>768</v>
      </c>
    </row>
    <row r="3096" spans="16:17" x14ac:dyDescent="0.25">
      <c r="P3096">
        <v>81.744997826657226</v>
      </c>
      <c r="Q3096">
        <v>768</v>
      </c>
    </row>
    <row r="3097" spans="16:17" x14ac:dyDescent="0.25">
      <c r="P3097">
        <v>81.744279715340681</v>
      </c>
      <c r="Q3097">
        <v>768</v>
      </c>
    </row>
    <row r="3098" spans="16:17" x14ac:dyDescent="0.25">
      <c r="P3098">
        <v>81.743561604024123</v>
      </c>
      <c r="Q3098">
        <v>769</v>
      </c>
    </row>
    <row r="3099" spans="16:17" x14ac:dyDescent="0.25">
      <c r="P3099">
        <v>81.742864613628669</v>
      </c>
      <c r="Q3099">
        <v>769</v>
      </c>
    </row>
    <row r="3100" spans="16:17" x14ac:dyDescent="0.25">
      <c r="P3100">
        <v>81.74214650231211</v>
      </c>
      <c r="Q3100">
        <v>769</v>
      </c>
    </row>
    <row r="3101" spans="16:17" x14ac:dyDescent="0.25">
      <c r="P3101">
        <v>81.740731400600083</v>
      </c>
      <c r="Q3101">
        <v>770</v>
      </c>
    </row>
    <row r="3102" spans="16:17" x14ac:dyDescent="0.25">
      <c r="P3102">
        <v>81.740731400600083</v>
      </c>
      <c r="Q3102">
        <v>770</v>
      </c>
    </row>
    <row r="3103" spans="16:17" x14ac:dyDescent="0.25">
      <c r="P3103">
        <v>81.740013289283525</v>
      </c>
      <c r="Q3103">
        <v>770</v>
      </c>
    </row>
    <row r="3104" spans="16:17" x14ac:dyDescent="0.25">
      <c r="P3104">
        <v>81.739295177966994</v>
      </c>
      <c r="Q3104">
        <v>771</v>
      </c>
    </row>
    <row r="3105" spans="16:17" x14ac:dyDescent="0.25">
      <c r="P3105">
        <v>81.738598187571512</v>
      </c>
      <c r="Q3105">
        <v>771</v>
      </c>
    </row>
    <row r="3106" spans="16:17" x14ac:dyDescent="0.25">
      <c r="P3106">
        <v>81.737880076254967</v>
      </c>
      <c r="Q3106">
        <v>771</v>
      </c>
    </row>
    <row r="3107" spans="16:17" x14ac:dyDescent="0.25">
      <c r="P3107">
        <v>81.737161964938437</v>
      </c>
      <c r="Q3107">
        <v>772</v>
      </c>
    </row>
    <row r="3108" spans="16:17" x14ac:dyDescent="0.25">
      <c r="P3108">
        <v>81.73646497454294</v>
      </c>
      <c r="Q3108">
        <v>772</v>
      </c>
    </row>
    <row r="3109" spans="16:17" x14ac:dyDescent="0.25">
      <c r="P3109">
        <v>81.735028751909852</v>
      </c>
      <c r="Q3109">
        <v>772</v>
      </c>
    </row>
    <row r="3110" spans="16:17" x14ac:dyDescent="0.25">
      <c r="P3110">
        <v>81.734331761514383</v>
      </c>
      <c r="Q3110">
        <v>773</v>
      </c>
    </row>
    <row r="3111" spans="16:17" x14ac:dyDescent="0.25">
      <c r="P3111">
        <v>81.733613650197839</v>
      </c>
      <c r="Q3111">
        <v>773</v>
      </c>
    </row>
    <row r="3112" spans="16:17" x14ac:dyDescent="0.25">
      <c r="P3112">
        <v>81.732198548485826</v>
      </c>
      <c r="Q3112">
        <v>773</v>
      </c>
    </row>
    <row r="3113" spans="16:17" x14ac:dyDescent="0.25">
      <c r="P3113">
        <v>81.731480437169267</v>
      </c>
      <c r="Q3113">
        <v>774</v>
      </c>
    </row>
    <row r="3114" spans="16:17" x14ac:dyDescent="0.25">
      <c r="P3114">
        <v>81.730762325852723</v>
      </c>
      <c r="Q3114">
        <v>774</v>
      </c>
    </row>
    <row r="3115" spans="16:17" x14ac:dyDescent="0.25">
      <c r="P3115">
        <v>81.730762325852723</v>
      </c>
      <c r="Q3115">
        <v>774</v>
      </c>
    </row>
    <row r="3116" spans="16:17" x14ac:dyDescent="0.25">
      <c r="P3116">
        <v>81.73006533545724</v>
      </c>
      <c r="Q3116">
        <v>775</v>
      </c>
    </row>
    <row r="3117" spans="16:17" x14ac:dyDescent="0.25">
      <c r="P3117">
        <v>81.728629112824152</v>
      </c>
      <c r="Q3117">
        <v>775</v>
      </c>
    </row>
    <row r="3118" spans="16:17" x14ac:dyDescent="0.25">
      <c r="P3118">
        <v>81.727911001507607</v>
      </c>
      <c r="Q3118">
        <v>775</v>
      </c>
    </row>
    <row r="3119" spans="16:17" x14ac:dyDescent="0.25">
      <c r="P3119">
        <v>81.726495899795594</v>
      </c>
      <c r="Q3119">
        <v>776</v>
      </c>
    </row>
    <row r="3120" spans="16:17" x14ac:dyDescent="0.25">
      <c r="P3120">
        <v>81.725777788479036</v>
      </c>
      <c r="Q3120">
        <v>776</v>
      </c>
    </row>
    <row r="3121" spans="16:17" x14ac:dyDescent="0.25">
      <c r="P3121">
        <v>81.725080798083567</v>
      </c>
      <c r="Q3121">
        <v>776</v>
      </c>
    </row>
    <row r="3122" spans="16:17" x14ac:dyDescent="0.25">
      <c r="P3122">
        <v>81.724362686767023</v>
      </c>
      <c r="Q3122">
        <v>777</v>
      </c>
    </row>
    <row r="3123" spans="16:17" x14ac:dyDescent="0.25">
      <c r="P3123">
        <v>81.72294758505501</v>
      </c>
      <c r="Q3123">
        <v>777</v>
      </c>
    </row>
    <row r="3124" spans="16:17" x14ac:dyDescent="0.25">
      <c r="P3124">
        <v>81.722229473738452</v>
      </c>
      <c r="Q3124">
        <v>777</v>
      </c>
    </row>
    <row r="3125" spans="16:17" x14ac:dyDescent="0.25">
      <c r="P3125">
        <v>81.722229473738452</v>
      </c>
      <c r="Q3125">
        <v>778</v>
      </c>
    </row>
    <row r="3126" spans="16:17" x14ac:dyDescent="0.25">
      <c r="P3126">
        <v>81.721511362421907</v>
      </c>
      <c r="Q3126">
        <v>778</v>
      </c>
    </row>
    <row r="3127" spans="16:17" x14ac:dyDescent="0.25">
      <c r="P3127">
        <v>81.720814372026425</v>
      </c>
      <c r="Q3127">
        <v>778</v>
      </c>
    </row>
    <row r="3128" spans="16:17" x14ac:dyDescent="0.25">
      <c r="P3128">
        <v>81.719378149393336</v>
      </c>
      <c r="Q3128">
        <v>779</v>
      </c>
    </row>
    <row r="3129" spans="16:17" x14ac:dyDescent="0.25">
      <c r="P3129">
        <v>81.718681158997882</v>
      </c>
      <c r="Q3129">
        <v>779</v>
      </c>
    </row>
    <row r="3130" spans="16:17" x14ac:dyDescent="0.25">
      <c r="P3130">
        <v>81.717963047681337</v>
      </c>
      <c r="Q3130">
        <v>779</v>
      </c>
    </row>
    <row r="3131" spans="16:17" x14ac:dyDescent="0.25">
      <c r="P3131">
        <v>81.717244936364779</v>
      </c>
      <c r="Q3131">
        <v>780</v>
      </c>
    </row>
    <row r="3132" spans="16:17" x14ac:dyDescent="0.25">
      <c r="P3132">
        <v>81.716547945969324</v>
      </c>
      <c r="Q3132">
        <v>780</v>
      </c>
    </row>
    <row r="3133" spans="16:17" x14ac:dyDescent="0.25">
      <c r="P3133">
        <v>81.716547945969324</v>
      </c>
      <c r="Q3133">
        <v>780</v>
      </c>
    </row>
    <row r="3134" spans="16:17" x14ac:dyDescent="0.25">
      <c r="P3134">
        <v>81.715829834652766</v>
      </c>
      <c r="Q3134">
        <v>781</v>
      </c>
    </row>
    <row r="3135" spans="16:17" x14ac:dyDescent="0.25">
      <c r="P3135">
        <v>81.715829834652766</v>
      </c>
      <c r="Q3135">
        <v>781</v>
      </c>
    </row>
    <row r="3136" spans="16:17" x14ac:dyDescent="0.25">
      <c r="P3136">
        <v>81.715111723336221</v>
      </c>
      <c r="Q3136">
        <v>781</v>
      </c>
    </row>
    <row r="3137" spans="16:17" x14ac:dyDescent="0.25">
      <c r="P3137">
        <v>81.715111723336221</v>
      </c>
      <c r="Q3137">
        <v>782</v>
      </c>
    </row>
    <row r="3138" spans="16:17" x14ac:dyDescent="0.25">
      <c r="P3138">
        <v>81.714414732940753</v>
      </c>
      <c r="Q3138">
        <v>782</v>
      </c>
    </row>
    <row r="3139" spans="16:17" x14ac:dyDescent="0.25">
      <c r="P3139">
        <v>81.713696621624194</v>
      </c>
      <c r="Q3139">
        <v>782</v>
      </c>
    </row>
    <row r="3140" spans="16:17" x14ac:dyDescent="0.25">
      <c r="P3140">
        <v>81.71297851030765</v>
      </c>
      <c r="Q3140">
        <v>783</v>
      </c>
    </row>
    <row r="3141" spans="16:17" x14ac:dyDescent="0.25">
      <c r="P3141">
        <v>81.712281519912167</v>
      </c>
      <c r="Q3141">
        <v>783</v>
      </c>
    </row>
    <row r="3142" spans="16:17" x14ac:dyDescent="0.25">
      <c r="P3142">
        <v>81.712281519912167</v>
      </c>
      <c r="Q3142">
        <v>783</v>
      </c>
    </row>
    <row r="3143" spans="16:17" x14ac:dyDescent="0.25">
      <c r="P3143">
        <v>81.711563408595623</v>
      </c>
      <c r="Q3143">
        <v>784</v>
      </c>
    </row>
    <row r="3144" spans="16:17" x14ac:dyDescent="0.25">
      <c r="P3144">
        <v>81.710845297279093</v>
      </c>
      <c r="Q3144">
        <v>784</v>
      </c>
    </row>
    <row r="3145" spans="16:17" x14ac:dyDescent="0.25">
      <c r="P3145">
        <v>81.710845297279093</v>
      </c>
      <c r="Q3145">
        <v>784</v>
      </c>
    </row>
    <row r="3146" spans="16:17" x14ac:dyDescent="0.25">
      <c r="P3146">
        <v>81.710148306883596</v>
      </c>
      <c r="Q3146">
        <v>785</v>
      </c>
    </row>
    <row r="3147" spans="16:17" x14ac:dyDescent="0.25">
      <c r="P3147">
        <v>81.709430195567052</v>
      </c>
      <c r="Q3147">
        <v>785</v>
      </c>
    </row>
    <row r="3148" spans="16:17" x14ac:dyDescent="0.25">
      <c r="P3148">
        <v>81.709430195567052</v>
      </c>
      <c r="Q3148">
        <v>785</v>
      </c>
    </row>
    <row r="3149" spans="16:17" x14ac:dyDescent="0.25">
      <c r="P3149">
        <v>81.708712084250507</v>
      </c>
      <c r="Q3149">
        <v>786</v>
      </c>
    </row>
    <row r="3150" spans="16:17" x14ac:dyDescent="0.25">
      <c r="P3150">
        <v>81.708015093855039</v>
      </c>
      <c r="Q3150">
        <v>786</v>
      </c>
    </row>
    <row r="3151" spans="16:17" x14ac:dyDescent="0.25">
      <c r="P3151">
        <v>81.708015093855039</v>
      </c>
      <c r="Q3151">
        <v>786</v>
      </c>
    </row>
    <row r="3152" spans="16:17" x14ac:dyDescent="0.25">
      <c r="P3152">
        <v>81.708015093855039</v>
      </c>
      <c r="Q3152">
        <v>787</v>
      </c>
    </row>
    <row r="3153" spans="16:17" x14ac:dyDescent="0.25">
      <c r="P3153">
        <v>81.707296982538494</v>
      </c>
      <c r="Q3153">
        <v>787</v>
      </c>
    </row>
    <row r="3154" spans="16:17" x14ac:dyDescent="0.25">
      <c r="P3154">
        <v>81.707296982538494</v>
      </c>
      <c r="Q3154">
        <v>787</v>
      </c>
    </row>
    <row r="3155" spans="16:17" x14ac:dyDescent="0.25">
      <c r="P3155">
        <v>81.706578871221936</v>
      </c>
      <c r="Q3155">
        <v>788</v>
      </c>
    </row>
    <row r="3156" spans="16:17" x14ac:dyDescent="0.25">
      <c r="P3156">
        <v>81.706578871221936</v>
      </c>
      <c r="Q3156">
        <v>788</v>
      </c>
    </row>
    <row r="3157" spans="16:17" x14ac:dyDescent="0.25">
      <c r="P3157">
        <v>81.705881880826482</v>
      </c>
      <c r="Q3157">
        <v>788</v>
      </c>
    </row>
    <row r="3158" spans="16:17" x14ac:dyDescent="0.25">
      <c r="P3158">
        <v>81.705163769509923</v>
      </c>
      <c r="Q3158">
        <v>789</v>
      </c>
    </row>
    <row r="3159" spans="16:17" x14ac:dyDescent="0.25">
      <c r="P3159">
        <v>81.704445658193364</v>
      </c>
      <c r="Q3159">
        <v>789</v>
      </c>
    </row>
    <row r="3160" spans="16:17" x14ac:dyDescent="0.25">
      <c r="P3160">
        <v>81.70374866779791</v>
      </c>
      <c r="Q3160">
        <v>789</v>
      </c>
    </row>
    <row r="3161" spans="16:17" x14ac:dyDescent="0.25">
      <c r="P3161">
        <v>81.70374866779791</v>
      </c>
      <c r="Q3161">
        <v>790</v>
      </c>
    </row>
    <row r="3162" spans="16:17" x14ac:dyDescent="0.25">
      <c r="P3162">
        <v>81.703030556481366</v>
      </c>
      <c r="Q3162">
        <v>790</v>
      </c>
    </row>
    <row r="3163" spans="16:17" x14ac:dyDescent="0.25">
      <c r="P3163">
        <v>81.702312445164821</v>
      </c>
      <c r="Q3163">
        <v>790</v>
      </c>
    </row>
    <row r="3164" spans="16:17" x14ac:dyDescent="0.25">
      <c r="P3164">
        <v>81.701594333848263</v>
      </c>
      <c r="Q3164">
        <v>791</v>
      </c>
    </row>
    <row r="3165" spans="16:17" x14ac:dyDescent="0.25">
      <c r="P3165">
        <v>81.700897343452795</v>
      </c>
      <c r="Q3165">
        <v>791</v>
      </c>
    </row>
    <row r="3166" spans="16:17" x14ac:dyDescent="0.25">
      <c r="P3166">
        <v>81.70017923213625</v>
      </c>
      <c r="Q3166">
        <v>791</v>
      </c>
    </row>
    <row r="3167" spans="16:17" x14ac:dyDescent="0.25">
      <c r="P3167">
        <v>81.699461120819706</v>
      </c>
      <c r="Q3167">
        <v>792</v>
      </c>
    </row>
    <row r="3168" spans="16:17" x14ac:dyDescent="0.25">
      <c r="P3168">
        <v>81.699461120819706</v>
      </c>
      <c r="Q3168">
        <v>792</v>
      </c>
    </row>
    <row r="3169" spans="16:17" x14ac:dyDescent="0.25">
      <c r="P3169">
        <v>81.698764130424223</v>
      </c>
      <c r="Q3169">
        <v>792</v>
      </c>
    </row>
    <row r="3170" spans="16:17" x14ac:dyDescent="0.25">
      <c r="P3170">
        <v>81.698046019107679</v>
      </c>
      <c r="Q3170">
        <v>793</v>
      </c>
    </row>
    <row r="3171" spans="16:17" x14ac:dyDescent="0.25">
      <c r="P3171">
        <v>81.698046019107679</v>
      </c>
      <c r="Q3171">
        <v>793</v>
      </c>
    </row>
    <row r="3172" spans="16:17" x14ac:dyDescent="0.25">
      <c r="P3172">
        <v>81.697327907791134</v>
      </c>
      <c r="Q3172">
        <v>793</v>
      </c>
    </row>
    <row r="3173" spans="16:17" x14ac:dyDescent="0.25">
      <c r="P3173">
        <v>81.697327907791134</v>
      </c>
      <c r="Q3173">
        <v>794</v>
      </c>
    </row>
    <row r="3174" spans="16:17" x14ac:dyDescent="0.25">
      <c r="P3174">
        <v>81.697327907791134</v>
      </c>
      <c r="Q3174">
        <v>794</v>
      </c>
    </row>
    <row r="3175" spans="16:17" x14ac:dyDescent="0.25">
      <c r="P3175">
        <v>81.696630917395666</v>
      </c>
      <c r="Q3175">
        <v>794</v>
      </c>
    </row>
    <row r="3176" spans="16:17" x14ac:dyDescent="0.25">
      <c r="P3176">
        <v>81.695194694762563</v>
      </c>
      <c r="Q3176">
        <v>795</v>
      </c>
    </row>
    <row r="3177" spans="16:17" x14ac:dyDescent="0.25">
      <c r="P3177">
        <v>81.694497704367095</v>
      </c>
      <c r="Q3177">
        <v>795</v>
      </c>
    </row>
    <row r="3178" spans="16:17" x14ac:dyDescent="0.25">
      <c r="P3178">
        <v>81.693779593050536</v>
      </c>
      <c r="Q3178">
        <v>795</v>
      </c>
    </row>
    <row r="3179" spans="16:17" x14ac:dyDescent="0.25">
      <c r="P3179">
        <v>81.693061481733992</v>
      </c>
      <c r="Q3179">
        <v>796</v>
      </c>
    </row>
    <row r="3180" spans="16:17" x14ac:dyDescent="0.25">
      <c r="P3180">
        <v>81.692364491338523</v>
      </c>
      <c r="Q3180">
        <v>796</v>
      </c>
    </row>
    <row r="3181" spans="16:17" x14ac:dyDescent="0.25">
      <c r="P3181">
        <v>81.692364491338523</v>
      </c>
      <c r="Q3181">
        <v>796</v>
      </c>
    </row>
    <row r="3182" spans="16:17" x14ac:dyDescent="0.25">
      <c r="P3182">
        <v>81.691646380021965</v>
      </c>
      <c r="Q3182">
        <v>797</v>
      </c>
    </row>
    <row r="3183" spans="16:17" x14ac:dyDescent="0.25">
      <c r="P3183">
        <v>81.691646380021965</v>
      </c>
      <c r="Q3183">
        <v>797</v>
      </c>
    </row>
    <row r="3184" spans="16:17" x14ac:dyDescent="0.25">
      <c r="P3184">
        <v>81.690928268705434</v>
      </c>
      <c r="Q3184">
        <v>797</v>
      </c>
    </row>
    <row r="3185" spans="16:17" x14ac:dyDescent="0.25">
      <c r="P3185">
        <v>81.690928268705434</v>
      </c>
      <c r="Q3185">
        <v>798</v>
      </c>
    </row>
    <row r="3186" spans="16:17" x14ac:dyDescent="0.25">
      <c r="P3186">
        <v>81.690231278309952</v>
      </c>
      <c r="Q3186">
        <v>798</v>
      </c>
    </row>
    <row r="3187" spans="16:17" x14ac:dyDescent="0.25">
      <c r="P3187">
        <v>81.690231278309952</v>
      </c>
      <c r="Q3187">
        <v>798</v>
      </c>
    </row>
    <row r="3188" spans="16:17" x14ac:dyDescent="0.25">
      <c r="P3188">
        <v>81.690231278309952</v>
      </c>
      <c r="Q3188">
        <v>799</v>
      </c>
    </row>
    <row r="3189" spans="16:17" x14ac:dyDescent="0.25">
      <c r="P3189">
        <v>81.690231278309952</v>
      </c>
      <c r="Q3189">
        <v>799</v>
      </c>
    </row>
    <row r="3190" spans="16:17" x14ac:dyDescent="0.25">
      <c r="P3190">
        <v>81.690928268705434</v>
      </c>
      <c r="Q3190">
        <v>799</v>
      </c>
    </row>
    <row r="3191" spans="16:17" x14ac:dyDescent="0.25">
      <c r="P3191">
        <v>81.690928268705434</v>
      </c>
      <c r="Q3191">
        <v>800</v>
      </c>
    </row>
    <row r="3192" spans="16:17" x14ac:dyDescent="0.25">
      <c r="P3192">
        <v>81.690928268705434</v>
      </c>
      <c r="Q3192">
        <v>800</v>
      </c>
    </row>
    <row r="3193" spans="16:17" x14ac:dyDescent="0.25">
      <c r="P3193">
        <v>81.690928268705434</v>
      </c>
      <c r="Q3193">
        <v>800</v>
      </c>
    </row>
    <row r="3194" spans="16:17" x14ac:dyDescent="0.25">
      <c r="P3194">
        <v>81.690928268705434</v>
      </c>
      <c r="Q3194">
        <v>800</v>
      </c>
    </row>
    <row r="3195" spans="16:17" x14ac:dyDescent="0.25">
      <c r="P3195">
        <v>81.690928268705434</v>
      </c>
      <c r="Q3195">
        <v>800</v>
      </c>
    </row>
    <row r="3196" spans="16:17" x14ac:dyDescent="0.25">
      <c r="P3196">
        <v>81.692364491338523</v>
      </c>
      <c r="Q3196">
        <v>800</v>
      </c>
    </row>
    <row r="3197" spans="16:17" x14ac:dyDescent="0.25">
      <c r="P3197">
        <v>81.693061481733992</v>
      </c>
      <c r="Q3197">
        <v>800</v>
      </c>
    </row>
    <row r="3198" spans="16:17" x14ac:dyDescent="0.25">
      <c r="P3198">
        <v>81.695194694762563</v>
      </c>
      <c r="Q3198">
        <v>800</v>
      </c>
    </row>
    <row r="3199" spans="16:17" x14ac:dyDescent="0.25">
      <c r="P3199">
        <v>81.696630917395666</v>
      </c>
      <c r="Q3199">
        <v>800</v>
      </c>
    </row>
    <row r="3200" spans="16:17" x14ac:dyDescent="0.25">
      <c r="P3200">
        <v>81.698764130424223</v>
      </c>
      <c r="Q3200">
        <v>800</v>
      </c>
    </row>
    <row r="3201" spans="16:17" x14ac:dyDescent="0.25">
      <c r="P3201">
        <v>81.70017923213625</v>
      </c>
      <c r="Q3201">
        <v>800</v>
      </c>
    </row>
    <row r="3202" spans="16:17" x14ac:dyDescent="0.25">
      <c r="P3202">
        <v>81.700897343452795</v>
      </c>
      <c r="Q3202">
        <v>800</v>
      </c>
    </row>
    <row r="3203" spans="16:17" x14ac:dyDescent="0.25">
      <c r="P3203">
        <v>81.700897343452795</v>
      </c>
      <c r="Q3203">
        <v>800</v>
      </c>
    </row>
    <row r="3204" spans="16:17" x14ac:dyDescent="0.25">
      <c r="P3204">
        <v>81.699461120819706</v>
      </c>
      <c r="Q3204">
        <v>800</v>
      </c>
    </row>
    <row r="3205" spans="16:17" x14ac:dyDescent="0.25">
      <c r="P3205">
        <v>81.696630917395666</v>
      </c>
      <c r="Q3205">
        <v>800</v>
      </c>
    </row>
    <row r="3206" spans="16:17" x14ac:dyDescent="0.25">
      <c r="P3206">
        <v>81.693061481733992</v>
      </c>
      <c r="Q3206">
        <v>800</v>
      </c>
    </row>
    <row r="3207" spans="16:17" x14ac:dyDescent="0.25">
      <c r="P3207">
        <v>81.68737995396485</v>
      </c>
      <c r="Q3207">
        <v>800</v>
      </c>
    </row>
    <row r="3208" spans="16:17" x14ac:dyDescent="0.25">
      <c r="P3208">
        <v>81.680980314879136</v>
      </c>
      <c r="Q3208">
        <v>800</v>
      </c>
    </row>
    <row r="3209" spans="16:17" x14ac:dyDescent="0.25">
      <c r="P3209">
        <v>81.673144453160347</v>
      </c>
      <c r="Q3209">
        <v>800</v>
      </c>
    </row>
    <row r="3210" spans="16:17" x14ac:dyDescent="0.25">
      <c r="P3210">
        <v>81.664611601046062</v>
      </c>
      <c r="Q3210">
        <v>800</v>
      </c>
    </row>
    <row r="3211" spans="16:17" x14ac:dyDescent="0.25">
      <c r="P3211">
        <v>81.655381758536336</v>
      </c>
      <c r="Q3211">
        <v>800</v>
      </c>
    </row>
    <row r="3212" spans="16:17" x14ac:dyDescent="0.25">
      <c r="P3212">
        <v>81.644694572472432</v>
      </c>
      <c r="Q3212">
        <v>800</v>
      </c>
    </row>
    <row r="3213" spans="16:17" x14ac:dyDescent="0.25">
      <c r="P3213">
        <v>81.63333151693412</v>
      </c>
      <c r="Q3213">
        <v>800</v>
      </c>
    </row>
    <row r="3214" spans="16:17" x14ac:dyDescent="0.25">
      <c r="P3214">
        <v>81.620532238762721</v>
      </c>
      <c r="Q3214">
        <v>800</v>
      </c>
    </row>
    <row r="3215" spans="16:17" x14ac:dyDescent="0.25">
      <c r="P3215">
        <v>81.606296737958232</v>
      </c>
      <c r="Q3215">
        <v>800</v>
      </c>
    </row>
    <row r="3216" spans="16:17" x14ac:dyDescent="0.25">
      <c r="P3216">
        <v>81.590646135441716</v>
      </c>
      <c r="Q3216">
        <v>800</v>
      </c>
    </row>
    <row r="3217" spans="16:17" x14ac:dyDescent="0.25">
      <c r="P3217">
        <v>81.5749955329252</v>
      </c>
      <c r="Q3217">
        <v>800</v>
      </c>
    </row>
    <row r="3218" spans="16:17" x14ac:dyDescent="0.25">
      <c r="P3218">
        <v>81.558647940013202</v>
      </c>
      <c r="Q3218">
        <v>800</v>
      </c>
    </row>
    <row r="3219" spans="16:17" x14ac:dyDescent="0.25">
      <c r="P3219">
        <v>81.542279226180142</v>
      </c>
      <c r="Q3219">
        <v>800</v>
      </c>
    </row>
    <row r="3220" spans="16:17" x14ac:dyDescent="0.25">
      <c r="P3220">
        <v>81.525213521951599</v>
      </c>
      <c r="Q3220">
        <v>800</v>
      </c>
    </row>
    <row r="3221" spans="16:17" x14ac:dyDescent="0.25">
      <c r="P3221">
        <v>81.508147817723071</v>
      </c>
      <c r="Q3221">
        <v>800</v>
      </c>
    </row>
    <row r="3222" spans="16:17" x14ac:dyDescent="0.25">
      <c r="P3222">
        <v>81.491082113494542</v>
      </c>
      <c r="Q3222">
        <v>800</v>
      </c>
    </row>
    <row r="3223" spans="16:17" x14ac:dyDescent="0.25">
      <c r="P3223">
        <v>81.473995288344952</v>
      </c>
      <c r="Q3223">
        <v>800</v>
      </c>
    </row>
    <row r="3224" spans="16:17" x14ac:dyDescent="0.25">
      <c r="P3224">
        <v>81.456232593720912</v>
      </c>
      <c r="Q3224">
        <v>800</v>
      </c>
    </row>
    <row r="3225" spans="16:17" x14ac:dyDescent="0.25">
      <c r="P3225">
        <v>81.439863879887838</v>
      </c>
      <c r="Q3225">
        <v>800</v>
      </c>
    </row>
    <row r="3226" spans="16:17" x14ac:dyDescent="0.25">
      <c r="P3226">
        <v>81.423495166054792</v>
      </c>
      <c r="Q3226">
        <v>800</v>
      </c>
    </row>
    <row r="3227" spans="16:17" x14ac:dyDescent="0.25">
      <c r="P3227">
        <v>81.408562674854821</v>
      </c>
      <c r="Q3227">
        <v>800</v>
      </c>
    </row>
    <row r="3228" spans="16:17" x14ac:dyDescent="0.25">
      <c r="P3228">
        <v>81.394348294971394</v>
      </c>
      <c r="Q3228">
        <v>800</v>
      </c>
    </row>
    <row r="3229" spans="16:17" x14ac:dyDescent="0.25">
      <c r="P3229">
        <v>81.380112794166905</v>
      </c>
      <c r="Q3229">
        <v>800</v>
      </c>
    </row>
    <row r="3230" spans="16:17" x14ac:dyDescent="0.25">
      <c r="P3230">
        <v>81.367313515995505</v>
      </c>
      <c r="Q3230">
        <v>800</v>
      </c>
    </row>
    <row r="3231" spans="16:17" x14ac:dyDescent="0.25">
      <c r="P3231">
        <v>81.355232349140664</v>
      </c>
      <c r="Q3231">
        <v>800</v>
      </c>
    </row>
    <row r="3232" spans="16:17" x14ac:dyDescent="0.25">
      <c r="P3232">
        <v>81.343848172681263</v>
      </c>
      <c r="Q3232">
        <v>800</v>
      </c>
    </row>
    <row r="3233" spans="16:17" x14ac:dyDescent="0.25">
      <c r="P3233">
        <v>81.333182107538434</v>
      </c>
      <c r="Q3233">
        <v>800</v>
      </c>
    </row>
    <row r="3234" spans="16:17" x14ac:dyDescent="0.25">
      <c r="P3234">
        <v>81.323931144107632</v>
      </c>
      <c r="Q3234">
        <v>800</v>
      </c>
    </row>
    <row r="3235" spans="16:17" x14ac:dyDescent="0.25">
      <c r="P3235">
        <v>81.315398291993347</v>
      </c>
      <c r="Q3235">
        <v>800</v>
      </c>
    </row>
    <row r="3236" spans="16:17" x14ac:dyDescent="0.25">
      <c r="P3236">
        <v>81.307562430274558</v>
      </c>
      <c r="Q3236">
        <v>800</v>
      </c>
    </row>
    <row r="3237" spans="16:17" x14ac:dyDescent="0.25">
      <c r="P3237">
        <v>81.30046580079339</v>
      </c>
      <c r="Q3237">
        <v>800</v>
      </c>
    </row>
    <row r="3238" spans="16:17" x14ac:dyDescent="0.25">
      <c r="P3238">
        <v>81.293348050391145</v>
      </c>
      <c r="Q3238">
        <v>800</v>
      </c>
    </row>
    <row r="3239" spans="16:17" x14ac:dyDescent="0.25">
      <c r="P3239">
        <v>81.287645401700914</v>
      </c>
      <c r="Q3239">
        <v>800</v>
      </c>
    </row>
    <row r="3240" spans="16:17" x14ac:dyDescent="0.25">
      <c r="P3240">
        <v>81.282681985248303</v>
      </c>
      <c r="Q3240">
        <v>800</v>
      </c>
    </row>
    <row r="3241" spans="16:17" x14ac:dyDescent="0.25">
      <c r="P3241">
        <v>81.27769744787463</v>
      </c>
      <c r="Q3241">
        <v>800</v>
      </c>
    </row>
    <row r="3242" spans="16:17" x14ac:dyDescent="0.25">
      <c r="P3242">
        <v>81.273431021817473</v>
      </c>
      <c r="Q3242">
        <v>800</v>
      </c>
    </row>
    <row r="3243" spans="16:17" x14ac:dyDescent="0.25">
      <c r="P3243">
        <v>81.269164595760358</v>
      </c>
      <c r="Q3243">
        <v>800</v>
      </c>
    </row>
    <row r="3244" spans="16:17" x14ac:dyDescent="0.25">
      <c r="P3244">
        <v>81.265616281019774</v>
      </c>
      <c r="Q3244">
        <v>800</v>
      </c>
    </row>
    <row r="3245" spans="16:17" x14ac:dyDescent="0.25">
      <c r="P3245">
        <v>81.262764956674644</v>
      </c>
      <c r="Q3245">
        <v>800</v>
      </c>
    </row>
    <row r="3246" spans="16:17" x14ac:dyDescent="0.25">
      <c r="P3246">
        <v>81.259913632329543</v>
      </c>
      <c r="Q3246">
        <v>800</v>
      </c>
    </row>
    <row r="3247" spans="16:17" x14ac:dyDescent="0.25">
      <c r="P3247">
        <v>81.257062307984427</v>
      </c>
      <c r="Q3247">
        <v>800</v>
      </c>
    </row>
    <row r="3248" spans="16:17" x14ac:dyDescent="0.25">
      <c r="P3248">
        <v>81.25492909495587</v>
      </c>
      <c r="Q3248">
        <v>800</v>
      </c>
    </row>
    <row r="3249" spans="16:17" x14ac:dyDescent="0.25">
      <c r="P3249">
        <v>81.252098891531816</v>
      </c>
      <c r="Q3249">
        <v>800</v>
      </c>
    </row>
    <row r="3250" spans="16:17" x14ac:dyDescent="0.25">
      <c r="P3250">
        <v>81.249965678503258</v>
      </c>
      <c r="Q3250">
        <v>800</v>
      </c>
    </row>
    <row r="3251" spans="16:17" x14ac:dyDescent="0.25">
      <c r="P3251">
        <v>81.247832465474687</v>
      </c>
      <c r="Q3251">
        <v>800</v>
      </c>
    </row>
    <row r="3252" spans="16:17" x14ac:dyDescent="0.25">
      <c r="P3252">
        <v>81.24569925244613</v>
      </c>
      <c r="Q3252">
        <v>800</v>
      </c>
    </row>
    <row r="3253" spans="16:17" x14ac:dyDescent="0.25">
      <c r="P3253">
        <v>81.243566039417544</v>
      </c>
      <c r="Q3253">
        <v>800</v>
      </c>
    </row>
    <row r="3254" spans="16:17" x14ac:dyDescent="0.25">
      <c r="P3254">
        <v>81.242129816784455</v>
      </c>
      <c r="Q3254">
        <v>800</v>
      </c>
    </row>
    <row r="3255" spans="16:17" x14ac:dyDescent="0.25">
      <c r="P3255">
        <v>81.240714715072443</v>
      </c>
      <c r="Q3255">
        <v>800</v>
      </c>
    </row>
    <row r="3256" spans="16:17" x14ac:dyDescent="0.25">
      <c r="P3256">
        <v>81.23929961336043</v>
      </c>
      <c r="Q3256">
        <v>800</v>
      </c>
    </row>
    <row r="3257" spans="16:17" x14ac:dyDescent="0.25">
      <c r="P3257">
        <v>81.237863390727327</v>
      </c>
      <c r="Q3257">
        <v>800</v>
      </c>
    </row>
    <row r="3258" spans="16:17" x14ac:dyDescent="0.25">
      <c r="P3258">
        <v>81.237166400331859</v>
      </c>
      <c r="Q3258">
        <v>800</v>
      </c>
    </row>
    <row r="3259" spans="16:17" x14ac:dyDescent="0.25">
      <c r="P3259">
        <v>81.236448289015314</v>
      </c>
      <c r="Q3259">
        <v>800</v>
      </c>
    </row>
    <row r="3260" spans="16:17" x14ac:dyDescent="0.25">
      <c r="P3260">
        <v>81.235033187303301</v>
      </c>
      <c r="Q3260">
        <v>800</v>
      </c>
    </row>
    <row r="3261" spans="16:17" x14ac:dyDescent="0.25">
      <c r="P3261">
        <v>81.234315075986743</v>
      </c>
      <c r="Q3261">
        <v>800</v>
      </c>
    </row>
    <row r="3262" spans="16:17" x14ac:dyDescent="0.25">
      <c r="P3262">
        <v>81.233596964670198</v>
      </c>
      <c r="Q3262">
        <v>800</v>
      </c>
    </row>
    <row r="3263" spans="16:17" x14ac:dyDescent="0.25">
      <c r="P3263">
        <v>81.232878853353654</v>
      </c>
      <c r="Q3263">
        <v>800</v>
      </c>
    </row>
    <row r="3264" spans="16:17" x14ac:dyDescent="0.25">
      <c r="P3264">
        <v>81.232181862958157</v>
      </c>
      <c r="Q3264">
        <v>800</v>
      </c>
    </row>
    <row r="3265" spans="16:17" x14ac:dyDescent="0.25">
      <c r="P3265">
        <v>81.231463751641627</v>
      </c>
      <c r="Q3265">
        <v>800</v>
      </c>
    </row>
    <row r="3266" spans="16:17" x14ac:dyDescent="0.25">
      <c r="P3266">
        <v>81.230745640325082</v>
      </c>
      <c r="Q3266">
        <v>800</v>
      </c>
    </row>
    <row r="3267" spans="16:17" x14ac:dyDescent="0.25">
      <c r="P3267">
        <v>81.22933053861307</v>
      </c>
      <c r="Q3267">
        <v>800</v>
      </c>
    </row>
    <row r="3268" spans="16:17" x14ac:dyDescent="0.25">
      <c r="P3268">
        <v>81.228612427296511</v>
      </c>
      <c r="Q3268">
        <v>800</v>
      </c>
    </row>
    <row r="3269" spans="16:17" x14ac:dyDescent="0.25">
      <c r="P3269">
        <v>81.227915436901029</v>
      </c>
      <c r="Q3269">
        <v>800</v>
      </c>
    </row>
    <row r="3270" spans="16:17" x14ac:dyDescent="0.25">
      <c r="P3270">
        <v>81.227197325584484</v>
      </c>
      <c r="Q3270">
        <v>800</v>
      </c>
    </row>
    <row r="3271" spans="16:17" x14ac:dyDescent="0.25">
      <c r="P3271">
        <v>81.226479214267925</v>
      </c>
      <c r="Q3271">
        <v>800</v>
      </c>
    </row>
    <row r="3272" spans="16:17" x14ac:dyDescent="0.25">
      <c r="P3272">
        <v>81.225782223872471</v>
      </c>
      <c r="Q3272">
        <v>800</v>
      </c>
    </row>
    <row r="3273" spans="16:17" x14ac:dyDescent="0.25">
      <c r="P3273">
        <v>81.225064112555927</v>
      </c>
      <c r="Q3273">
        <v>800</v>
      </c>
    </row>
    <row r="3274" spans="16:17" x14ac:dyDescent="0.25">
      <c r="P3274">
        <v>81.224346001239368</v>
      </c>
      <c r="Q3274">
        <v>800</v>
      </c>
    </row>
    <row r="3275" spans="16:17" x14ac:dyDescent="0.25">
      <c r="P3275">
        <v>81.224346001239368</v>
      </c>
      <c r="Q3275">
        <v>800</v>
      </c>
    </row>
    <row r="3276" spans="16:17" x14ac:dyDescent="0.25">
      <c r="P3276">
        <v>81.2236490108439</v>
      </c>
      <c r="Q3276">
        <v>800</v>
      </c>
    </row>
    <row r="3277" spans="16:17" x14ac:dyDescent="0.25">
      <c r="P3277">
        <v>81.222930899527356</v>
      </c>
      <c r="Q3277">
        <v>800</v>
      </c>
    </row>
    <row r="3278" spans="16:17" x14ac:dyDescent="0.25">
      <c r="P3278">
        <v>81.222930899527356</v>
      </c>
      <c r="Q3278">
        <v>800</v>
      </c>
    </row>
    <row r="3279" spans="16:17" x14ac:dyDescent="0.25">
      <c r="P3279">
        <v>81.222212788210825</v>
      </c>
      <c r="Q3279">
        <v>800</v>
      </c>
    </row>
    <row r="3280" spans="16:17" x14ac:dyDescent="0.25">
      <c r="P3280">
        <v>81.222212788210825</v>
      </c>
      <c r="Q3280">
        <v>800</v>
      </c>
    </row>
    <row r="3281" spans="16:17" x14ac:dyDescent="0.25">
      <c r="P3281">
        <v>81.221515797815329</v>
      </c>
      <c r="Q3281">
        <v>800</v>
      </c>
    </row>
    <row r="3282" spans="16:17" x14ac:dyDescent="0.25">
      <c r="P3282">
        <v>81.220797686498798</v>
      </c>
      <c r="Q3282">
        <v>800</v>
      </c>
    </row>
    <row r="3283" spans="16:17" x14ac:dyDescent="0.25">
      <c r="P3283">
        <v>81.220797686498798</v>
      </c>
      <c r="Q3283">
        <v>800</v>
      </c>
    </row>
    <row r="3284" spans="16:17" x14ac:dyDescent="0.25">
      <c r="P3284">
        <v>81.22007957518224</v>
      </c>
      <c r="Q3284">
        <v>800</v>
      </c>
    </row>
    <row r="3285" spans="16:17" x14ac:dyDescent="0.25">
      <c r="P3285">
        <v>81.22007957518224</v>
      </c>
      <c r="Q3285">
        <v>800</v>
      </c>
    </row>
    <row r="3286" spans="16:17" x14ac:dyDescent="0.25">
      <c r="P3286">
        <v>81.219382584786771</v>
      </c>
      <c r="Q3286">
        <v>800</v>
      </c>
    </row>
    <row r="3287" spans="16:17" x14ac:dyDescent="0.25">
      <c r="P3287">
        <v>81.218664473470227</v>
      </c>
      <c r="Q3287">
        <v>800</v>
      </c>
    </row>
    <row r="3288" spans="16:17" x14ac:dyDescent="0.25">
      <c r="P3288">
        <v>81.217946362153668</v>
      </c>
      <c r="Q3288">
        <v>800</v>
      </c>
    </row>
    <row r="3289" spans="16:17" x14ac:dyDescent="0.25">
      <c r="P3289">
        <v>81.217946362153668</v>
      </c>
      <c r="Q3289">
        <v>800</v>
      </c>
    </row>
    <row r="3290" spans="16:17" x14ac:dyDescent="0.25">
      <c r="P3290">
        <v>81.217946362153668</v>
      </c>
      <c r="Q3290">
        <v>800</v>
      </c>
    </row>
    <row r="3291" spans="16:17" x14ac:dyDescent="0.25">
      <c r="P3291">
        <v>81.2172493717582</v>
      </c>
      <c r="Q3291">
        <v>800</v>
      </c>
    </row>
    <row r="3292" spans="16:17" x14ac:dyDescent="0.25">
      <c r="P3292">
        <v>81.2172493717582</v>
      </c>
      <c r="Q3292">
        <v>800</v>
      </c>
    </row>
    <row r="3293" spans="16:17" x14ac:dyDescent="0.25">
      <c r="P3293">
        <v>81.216531260441656</v>
      </c>
      <c r="Q3293">
        <v>800</v>
      </c>
    </row>
    <row r="3294" spans="16:17" x14ac:dyDescent="0.25">
      <c r="P3294">
        <v>81.216531260441656</v>
      </c>
      <c r="Q3294">
        <v>800</v>
      </c>
    </row>
    <row r="3295" spans="16:17" x14ac:dyDescent="0.25">
      <c r="P3295">
        <v>81.216531260441656</v>
      </c>
      <c r="Q3295">
        <v>800</v>
      </c>
    </row>
    <row r="3296" spans="16:17" x14ac:dyDescent="0.25">
      <c r="P3296">
        <v>81.215813149125111</v>
      </c>
      <c r="Q3296">
        <v>800</v>
      </c>
    </row>
    <row r="3297" spans="16:17" x14ac:dyDescent="0.25">
      <c r="P3297">
        <v>81.215813149125111</v>
      </c>
      <c r="Q3297">
        <v>800</v>
      </c>
    </row>
    <row r="3298" spans="16:17" x14ac:dyDescent="0.25">
      <c r="P3298">
        <v>81.215116158729643</v>
      </c>
      <c r="Q3298">
        <v>800</v>
      </c>
    </row>
    <row r="3299" spans="16:17" x14ac:dyDescent="0.25">
      <c r="P3299">
        <v>81.215116158729643</v>
      </c>
      <c r="Q3299">
        <v>800</v>
      </c>
    </row>
    <row r="3300" spans="16:17" x14ac:dyDescent="0.25">
      <c r="P3300">
        <v>81.214398047413084</v>
      </c>
      <c r="Q3300">
        <v>800</v>
      </c>
    </row>
    <row r="3301" spans="16:17" x14ac:dyDescent="0.25">
      <c r="P3301">
        <v>81.214398047413084</v>
      </c>
      <c r="Q3301">
        <v>800</v>
      </c>
    </row>
    <row r="3302" spans="16:17" x14ac:dyDescent="0.25">
      <c r="P3302">
        <v>81.21367993609654</v>
      </c>
      <c r="Q3302">
        <v>800</v>
      </c>
    </row>
    <row r="3303" spans="16:17" x14ac:dyDescent="0.25">
      <c r="P3303">
        <v>81.21367993609654</v>
      </c>
      <c r="Q3303">
        <v>800</v>
      </c>
    </row>
    <row r="3304" spans="16:17" x14ac:dyDescent="0.25">
      <c r="P3304">
        <v>81.212982945701071</v>
      </c>
      <c r="Q3304">
        <v>800</v>
      </c>
    </row>
    <row r="3305" spans="16:17" x14ac:dyDescent="0.25">
      <c r="P3305">
        <v>81.212982945701071</v>
      </c>
      <c r="Q3305">
        <v>800</v>
      </c>
    </row>
    <row r="3306" spans="16:17" x14ac:dyDescent="0.25">
      <c r="P3306">
        <v>81.212264834384527</v>
      </c>
      <c r="Q3306">
        <v>800</v>
      </c>
    </row>
    <row r="3307" spans="16:17" x14ac:dyDescent="0.25">
      <c r="P3307">
        <v>81.212264834384527</v>
      </c>
      <c r="Q3307">
        <v>800</v>
      </c>
    </row>
    <row r="3308" spans="16:17" x14ac:dyDescent="0.25">
      <c r="P3308">
        <v>81.212264834384527</v>
      </c>
      <c r="Q3308">
        <v>800</v>
      </c>
    </row>
    <row r="3309" spans="16:17" x14ac:dyDescent="0.25">
      <c r="P3309">
        <v>81.212264834384527</v>
      </c>
      <c r="Q3309">
        <v>800</v>
      </c>
    </row>
    <row r="3310" spans="16:17" x14ac:dyDescent="0.25">
      <c r="P3310">
        <v>81.211546723067968</v>
      </c>
      <c r="Q3310">
        <v>800</v>
      </c>
    </row>
    <row r="3311" spans="16:17" x14ac:dyDescent="0.25">
      <c r="P3311">
        <v>81.211546723067968</v>
      </c>
      <c r="Q3311">
        <v>800</v>
      </c>
    </row>
    <row r="3312" spans="16:17" x14ac:dyDescent="0.25">
      <c r="P3312">
        <v>81.211546723067968</v>
      </c>
      <c r="Q3312">
        <v>800</v>
      </c>
    </row>
    <row r="3313" spans="16:17" x14ac:dyDescent="0.25">
      <c r="P3313">
        <v>81.212264834384527</v>
      </c>
      <c r="Q3313">
        <v>800</v>
      </c>
    </row>
    <row r="3314" spans="16:17" x14ac:dyDescent="0.25">
      <c r="P3314">
        <v>81.212264834384527</v>
      </c>
      <c r="Q3314">
        <v>800</v>
      </c>
    </row>
    <row r="3315" spans="16:17" x14ac:dyDescent="0.25">
      <c r="P3315">
        <v>81.211546723067968</v>
      </c>
      <c r="Q3315">
        <v>800</v>
      </c>
    </row>
    <row r="3316" spans="16:17" x14ac:dyDescent="0.25">
      <c r="P3316">
        <v>81.211546723067968</v>
      </c>
      <c r="Q3316">
        <v>800</v>
      </c>
    </row>
    <row r="3317" spans="16:17" x14ac:dyDescent="0.25">
      <c r="P3317">
        <v>81.212264834384527</v>
      </c>
      <c r="Q3317">
        <v>800</v>
      </c>
    </row>
    <row r="3318" spans="16:17" x14ac:dyDescent="0.25">
      <c r="P3318">
        <v>81.212264834384527</v>
      </c>
      <c r="Q3318">
        <v>800</v>
      </c>
    </row>
    <row r="3319" spans="16:17" x14ac:dyDescent="0.25">
      <c r="P3319">
        <v>81.212264834384527</v>
      </c>
      <c r="Q3319">
        <v>800</v>
      </c>
    </row>
    <row r="3320" spans="16:17" x14ac:dyDescent="0.25">
      <c r="P3320">
        <v>81.212264834384527</v>
      </c>
      <c r="Q3320">
        <v>800</v>
      </c>
    </row>
    <row r="3321" spans="16:17" x14ac:dyDescent="0.25">
      <c r="P3321">
        <v>81.212264834384527</v>
      </c>
      <c r="Q3321">
        <v>800</v>
      </c>
    </row>
    <row r="3322" spans="16:17" x14ac:dyDescent="0.25">
      <c r="P3322">
        <v>81.212982945701071</v>
      </c>
      <c r="Q3322">
        <v>800</v>
      </c>
    </row>
    <row r="3323" spans="16:17" x14ac:dyDescent="0.25">
      <c r="P3323">
        <v>81.212982945701071</v>
      </c>
      <c r="Q3323">
        <v>800</v>
      </c>
    </row>
    <row r="3324" spans="16:17" x14ac:dyDescent="0.25">
      <c r="P3324">
        <v>81.212982945701071</v>
      </c>
      <c r="Q3324">
        <v>800</v>
      </c>
    </row>
    <row r="3325" spans="16:17" x14ac:dyDescent="0.25">
      <c r="P3325">
        <v>81.212982945701071</v>
      </c>
      <c r="Q3325">
        <v>800</v>
      </c>
    </row>
    <row r="3326" spans="16:17" x14ac:dyDescent="0.25">
      <c r="P3326">
        <v>81.212982945701071</v>
      </c>
      <c r="Q3326">
        <v>800</v>
      </c>
    </row>
    <row r="3327" spans="16:17" x14ac:dyDescent="0.25">
      <c r="P3327">
        <v>81.212982945701071</v>
      </c>
      <c r="Q3327">
        <v>800</v>
      </c>
    </row>
    <row r="3328" spans="16:17" x14ac:dyDescent="0.25">
      <c r="P3328">
        <v>81.212982945701071</v>
      </c>
      <c r="Q3328">
        <v>800</v>
      </c>
    </row>
    <row r="3329" spans="16:17" x14ac:dyDescent="0.25">
      <c r="P3329">
        <v>81.212982945701071</v>
      </c>
      <c r="Q3329">
        <v>800</v>
      </c>
    </row>
    <row r="3330" spans="16:17" x14ac:dyDescent="0.25">
      <c r="P3330">
        <v>81.212982945701071</v>
      </c>
      <c r="Q3330">
        <v>800</v>
      </c>
    </row>
    <row r="3331" spans="16:17" x14ac:dyDescent="0.25">
      <c r="P3331">
        <v>81.212982945701071</v>
      </c>
      <c r="Q3331">
        <v>800</v>
      </c>
    </row>
    <row r="3332" spans="16:17" x14ac:dyDescent="0.25">
      <c r="P3332">
        <v>81.212982945701071</v>
      </c>
      <c r="Q3332">
        <v>800</v>
      </c>
    </row>
    <row r="3333" spans="16:17" x14ac:dyDescent="0.25">
      <c r="P3333">
        <v>81.212982945701071</v>
      </c>
      <c r="Q3333">
        <v>800</v>
      </c>
    </row>
    <row r="3334" spans="16:17" x14ac:dyDescent="0.25">
      <c r="P3334">
        <v>81.212982945701071</v>
      </c>
      <c r="Q3334">
        <v>800</v>
      </c>
    </row>
    <row r="3335" spans="16:17" x14ac:dyDescent="0.25">
      <c r="P3335">
        <v>81.212982945701071</v>
      </c>
      <c r="Q3335">
        <v>800</v>
      </c>
    </row>
    <row r="3336" spans="16:17" x14ac:dyDescent="0.25">
      <c r="P3336">
        <v>81.212982945701071</v>
      </c>
      <c r="Q3336">
        <v>800</v>
      </c>
    </row>
    <row r="3337" spans="16:17" x14ac:dyDescent="0.25">
      <c r="P3337">
        <v>81.212982945701071</v>
      </c>
      <c r="Q3337">
        <v>800</v>
      </c>
    </row>
    <row r="3338" spans="16:17" x14ac:dyDescent="0.25">
      <c r="P3338">
        <v>81.212982945701071</v>
      </c>
      <c r="Q3338">
        <v>800</v>
      </c>
    </row>
    <row r="3339" spans="16:17" x14ac:dyDescent="0.25">
      <c r="P3339">
        <v>81.212982945701071</v>
      </c>
      <c r="Q3339">
        <v>800</v>
      </c>
    </row>
    <row r="3340" spans="16:17" x14ac:dyDescent="0.25">
      <c r="P3340">
        <v>81.212982945701071</v>
      </c>
      <c r="Q3340">
        <v>800</v>
      </c>
    </row>
    <row r="3341" spans="16:17" x14ac:dyDescent="0.25">
      <c r="P3341">
        <v>81.212982945701071</v>
      </c>
      <c r="Q3341">
        <v>800</v>
      </c>
    </row>
    <row r="3342" spans="16:17" x14ac:dyDescent="0.25">
      <c r="P3342">
        <v>81.212264834384527</v>
      </c>
      <c r="Q3342">
        <v>800</v>
      </c>
    </row>
    <row r="3343" spans="16:17" x14ac:dyDescent="0.25">
      <c r="P3343">
        <v>81.212264834384527</v>
      </c>
      <c r="Q3343">
        <v>800</v>
      </c>
    </row>
    <row r="3344" spans="16:17" x14ac:dyDescent="0.25">
      <c r="P3344">
        <v>81.211546723067968</v>
      </c>
      <c r="Q3344">
        <v>800</v>
      </c>
    </row>
    <row r="3345" spans="16:17" x14ac:dyDescent="0.25">
      <c r="P3345">
        <v>81.211546723067968</v>
      </c>
      <c r="Q3345">
        <v>800</v>
      </c>
    </row>
    <row r="3346" spans="16:17" x14ac:dyDescent="0.25">
      <c r="P3346">
        <v>81.211546723067968</v>
      </c>
      <c r="Q3346">
        <v>800</v>
      </c>
    </row>
    <row r="3347" spans="16:17" x14ac:dyDescent="0.25">
      <c r="P3347">
        <v>81.212264834384527</v>
      </c>
      <c r="Q3347">
        <v>800</v>
      </c>
    </row>
    <row r="3348" spans="16:17" x14ac:dyDescent="0.25">
      <c r="P3348">
        <v>81.212264834384527</v>
      </c>
      <c r="Q3348">
        <v>800</v>
      </c>
    </row>
    <row r="3349" spans="16:17" x14ac:dyDescent="0.25">
      <c r="P3349">
        <v>81.212264834384527</v>
      </c>
      <c r="Q3349">
        <v>800</v>
      </c>
    </row>
    <row r="3350" spans="16:17" x14ac:dyDescent="0.25">
      <c r="P3350">
        <v>81.212264834384527</v>
      </c>
      <c r="Q3350">
        <v>800</v>
      </c>
    </row>
    <row r="3351" spans="16:17" x14ac:dyDescent="0.25">
      <c r="P3351">
        <v>81.212264834384527</v>
      </c>
      <c r="Q3351">
        <v>800</v>
      </c>
    </row>
    <row r="3352" spans="16:17" x14ac:dyDescent="0.25">
      <c r="P3352">
        <v>81.212264834384527</v>
      </c>
      <c r="Q3352">
        <v>800</v>
      </c>
    </row>
    <row r="3353" spans="16:17" x14ac:dyDescent="0.25">
      <c r="P3353">
        <v>81.212264834384527</v>
      </c>
      <c r="Q3353">
        <v>800</v>
      </c>
    </row>
    <row r="3354" spans="16:17" x14ac:dyDescent="0.25">
      <c r="P3354">
        <v>81.212264834384527</v>
      </c>
      <c r="Q3354">
        <v>800</v>
      </c>
    </row>
    <row r="3355" spans="16:17" x14ac:dyDescent="0.25">
      <c r="P3355">
        <v>81.212264834384527</v>
      </c>
      <c r="Q3355">
        <v>800</v>
      </c>
    </row>
    <row r="3356" spans="16:17" x14ac:dyDescent="0.25">
      <c r="P3356">
        <v>81.212264834384527</v>
      </c>
      <c r="Q3356">
        <v>800</v>
      </c>
    </row>
    <row r="3357" spans="16:17" x14ac:dyDescent="0.25">
      <c r="P3357">
        <v>81.212264834384527</v>
      </c>
      <c r="Q3357">
        <v>800</v>
      </c>
    </row>
    <row r="3358" spans="16:17" x14ac:dyDescent="0.25">
      <c r="P3358">
        <v>81.212264834384527</v>
      </c>
      <c r="Q3358">
        <v>800</v>
      </c>
    </row>
    <row r="3359" spans="16:17" x14ac:dyDescent="0.25">
      <c r="P3359">
        <v>81.212264834384527</v>
      </c>
      <c r="Q3359">
        <v>800</v>
      </c>
    </row>
    <row r="3360" spans="16:17" x14ac:dyDescent="0.25">
      <c r="P3360">
        <v>81.212264834384527</v>
      </c>
      <c r="Q3360">
        <v>800</v>
      </c>
    </row>
    <row r="3361" spans="16:17" x14ac:dyDescent="0.25">
      <c r="P3361">
        <v>81.212264834384527</v>
      </c>
      <c r="Q3361">
        <v>800</v>
      </c>
    </row>
    <row r="3362" spans="16:17" x14ac:dyDescent="0.25">
      <c r="P3362">
        <v>81.211546723067968</v>
      </c>
      <c r="Q3362">
        <v>800</v>
      </c>
    </row>
    <row r="3363" spans="16:17" x14ac:dyDescent="0.25">
      <c r="P3363">
        <v>81.211546723067968</v>
      </c>
      <c r="Q3363">
        <v>800</v>
      </c>
    </row>
    <row r="3364" spans="16:17" x14ac:dyDescent="0.25">
      <c r="P3364">
        <v>81.211546723067968</v>
      </c>
      <c r="Q3364">
        <v>800</v>
      </c>
    </row>
    <row r="3365" spans="16:17" x14ac:dyDescent="0.25">
      <c r="P3365">
        <v>81.211546723067968</v>
      </c>
      <c r="Q3365">
        <v>800</v>
      </c>
    </row>
    <row r="3366" spans="16:17" x14ac:dyDescent="0.25">
      <c r="P3366">
        <v>81.211546723067968</v>
      </c>
      <c r="Q3366">
        <v>800</v>
      </c>
    </row>
    <row r="3367" spans="16:17" x14ac:dyDescent="0.25">
      <c r="P3367">
        <v>81.211546723067968</v>
      </c>
      <c r="Q3367">
        <v>800</v>
      </c>
    </row>
    <row r="3368" spans="16:17" x14ac:dyDescent="0.25">
      <c r="P3368">
        <v>81.211546723067968</v>
      </c>
      <c r="Q3368">
        <v>800</v>
      </c>
    </row>
    <row r="3369" spans="16:17" x14ac:dyDescent="0.25">
      <c r="P3369">
        <v>81.211546723067968</v>
      </c>
      <c r="Q3369">
        <v>800</v>
      </c>
    </row>
    <row r="3370" spans="16:17" x14ac:dyDescent="0.25">
      <c r="P3370">
        <v>81.212264834384527</v>
      </c>
      <c r="Q3370">
        <v>800</v>
      </c>
    </row>
    <row r="3371" spans="16:17" x14ac:dyDescent="0.25">
      <c r="P3371">
        <v>81.212264834384527</v>
      </c>
      <c r="Q3371">
        <v>800</v>
      </c>
    </row>
    <row r="3372" spans="16:17" x14ac:dyDescent="0.25">
      <c r="P3372">
        <v>81.212264834384527</v>
      </c>
      <c r="Q3372">
        <v>800</v>
      </c>
    </row>
    <row r="3373" spans="16:17" x14ac:dyDescent="0.25">
      <c r="P3373">
        <v>81.212982945701071</v>
      </c>
      <c r="Q3373">
        <v>800</v>
      </c>
    </row>
    <row r="3374" spans="16:17" x14ac:dyDescent="0.25">
      <c r="P3374">
        <v>81.212982945701071</v>
      </c>
      <c r="Q3374">
        <v>800</v>
      </c>
    </row>
    <row r="3375" spans="16:17" x14ac:dyDescent="0.25">
      <c r="P3375">
        <v>81.21367993609654</v>
      </c>
      <c r="Q3375">
        <v>800</v>
      </c>
    </row>
    <row r="3376" spans="16:17" x14ac:dyDescent="0.25">
      <c r="P3376">
        <v>81.214398047413084</v>
      </c>
      <c r="Q3376">
        <v>800</v>
      </c>
    </row>
    <row r="3377" spans="16:17" x14ac:dyDescent="0.25">
      <c r="P3377">
        <v>81.214398047413084</v>
      </c>
      <c r="Q3377">
        <v>800</v>
      </c>
    </row>
    <row r="3378" spans="16:17" x14ac:dyDescent="0.25">
      <c r="P3378">
        <v>81.214398047413084</v>
      </c>
      <c r="Q3378">
        <v>800</v>
      </c>
    </row>
    <row r="3379" spans="16:17" x14ac:dyDescent="0.25">
      <c r="P3379">
        <v>81.214398047413084</v>
      </c>
      <c r="Q3379">
        <v>800</v>
      </c>
    </row>
    <row r="3380" spans="16:17" x14ac:dyDescent="0.25">
      <c r="P3380">
        <v>81.214398047413084</v>
      </c>
      <c r="Q3380">
        <v>800</v>
      </c>
    </row>
    <row r="3381" spans="16:17" x14ac:dyDescent="0.25">
      <c r="P3381">
        <v>81.214398047413084</v>
      </c>
      <c r="Q3381">
        <v>800</v>
      </c>
    </row>
    <row r="3382" spans="16:17" x14ac:dyDescent="0.25">
      <c r="P3382">
        <v>81.214398047413084</v>
      </c>
      <c r="Q3382">
        <v>800</v>
      </c>
    </row>
    <row r="3383" spans="16:17" x14ac:dyDescent="0.25">
      <c r="P3383">
        <v>81.214398047413084</v>
      </c>
      <c r="Q3383">
        <v>800</v>
      </c>
    </row>
    <row r="3384" spans="16:17" x14ac:dyDescent="0.25">
      <c r="P3384">
        <v>81.21367993609654</v>
      </c>
      <c r="Q3384">
        <v>800</v>
      </c>
    </row>
    <row r="3385" spans="16:17" x14ac:dyDescent="0.25">
      <c r="P3385">
        <v>81.21367993609654</v>
      </c>
      <c r="Q3385">
        <v>800</v>
      </c>
    </row>
    <row r="3386" spans="16:17" x14ac:dyDescent="0.25">
      <c r="P3386">
        <v>81.21367993609654</v>
      </c>
      <c r="Q3386">
        <v>800</v>
      </c>
    </row>
    <row r="3387" spans="16:17" x14ac:dyDescent="0.25">
      <c r="P3387">
        <v>81.21367993609654</v>
      </c>
      <c r="Q3387">
        <v>800</v>
      </c>
    </row>
    <row r="3388" spans="16:17" x14ac:dyDescent="0.25">
      <c r="P3388">
        <v>81.21367993609654</v>
      </c>
      <c r="Q3388">
        <v>800</v>
      </c>
    </row>
    <row r="3389" spans="16:17" x14ac:dyDescent="0.25">
      <c r="P3389">
        <v>81.21367993609654</v>
      </c>
      <c r="Q3389">
        <v>800</v>
      </c>
    </row>
    <row r="3390" spans="16:17" x14ac:dyDescent="0.25">
      <c r="P3390">
        <v>81.214398047413084</v>
      </c>
      <c r="Q3390">
        <v>800</v>
      </c>
    </row>
    <row r="3391" spans="16:17" x14ac:dyDescent="0.25">
      <c r="P3391">
        <v>81.214398047413084</v>
      </c>
      <c r="Q3391">
        <v>800</v>
      </c>
    </row>
    <row r="3392" spans="16:17" x14ac:dyDescent="0.25">
      <c r="P3392">
        <v>81.214398047413084</v>
      </c>
      <c r="Q3392">
        <v>800</v>
      </c>
    </row>
    <row r="3393" spans="16:17" x14ac:dyDescent="0.25">
      <c r="P3393">
        <v>81.215116158729643</v>
      </c>
      <c r="Q3393">
        <v>800</v>
      </c>
    </row>
    <row r="3394" spans="16:17" x14ac:dyDescent="0.25">
      <c r="P3394">
        <v>81.215116158729643</v>
      </c>
      <c r="Q3394">
        <v>800</v>
      </c>
    </row>
    <row r="3395" spans="16:17" x14ac:dyDescent="0.25">
      <c r="P3395">
        <v>81.215116158729643</v>
      </c>
      <c r="Q3395">
        <v>800</v>
      </c>
    </row>
    <row r="3396" spans="16:17" x14ac:dyDescent="0.25">
      <c r="P3396">
        <v>81.215116158729643</v>
      </c>
      <c r="Q3396">
        <v>800</v>
      </c>
    </row>
    <row r="3397" spans="16:17" x14ac:dyDescent="0.25">
      <c r="P3397">
        <v>81.215116158729643</v>
      </c>
      <c r="Q3397">
        <v>800</v>
      </c>
    </row>
    <row r="3398" spans="16:17" x14ac:dyDescent="0.25">
      <c r="P3398">
        <v>81.215116158729643</v>
      </c>
      <c r="Q3398">
        <v>800</v>
      </c>
    </row>
    <row r="3399" spans="16:17" x14ac:dyDescent="0.25">
      <c r="P3399">
        <v>81.215813149125111</v>
      </c>
      <c r="Q3399">
        <v>800</v>
      </c>
    </row>
    <row r="3400" spans="16:17" x14ac:dyDescent="0.25">
      <c r="P3400">
        <v>81.215813149125111</v>
      </c>
      <c r="Q3400">
        <v>800</v>
      </c>
    </row>
    <row r="3401" spans="16:17" x14ac:dyDescent="0.25">
      <c r="P3401">
        <v>81.215813149125111</v>
      </c>
      <c r="Q3401">
        <v>800</v>
      </c>
    </row>
    <row r="3402" spans="16:17" x14ac:dyDescent="0.25">
      <c r="P3402">
        <v>81.215813149125111</v>
      </c>
      <c r="Q3402">
        <v>800</v>
      </c>
    </row>
    <row r="3403" spans="16:17" x14ac:dyDescent="0.25">
      <c r="P3403">
        <v>81.215813149125111</v>
      </c>
      <c r="Q3403">
        <v>800</v>
      </c>
    </row>
    <row r="3404" spans="16:17" x14ac:dyDescent="0.25">
      <c r="P3404">
        <v>81.215813149125111</v>
      </c>
      <c r="Q3404">
        <v>800</v>
      </c>
    </row>
    <row r="3405" spans="16:17" x14ac:dyDescent="0.25">
      <c r="P3405">
        <v>81.216531260441656</v>
      </c>
      <c r="Q3405">
        <v>800</v>
      </c>
    </row>
    <row r="3406" spans="16:17" x14ac:dyDescent="0.25">
      <c r="P3406">
        <v>81.216531260441656</v>
      </c>
      <c r="Q3406">
        <v>800</v>
      </c>
    </row>
    <row r="3407" spans="16:17" x14ac:dyDescent="0.25">
      <c r="P3407">
        <v>81.216531260441656</v>
      </c>
      <c r="Q3407">
        <v>800</v>
      </c>
    </row>
    <row r="3408" spans="16:17" x14ac:dyDescent="0.25">
      <c r="P3408">
        <v>81.2172493717582</v>
      </c>
      <c r="Q3408">
        <v>800</v>
      </c>
    </row>
    <row r="3409" spans="16:17" x14ac:dyDescent="0.25">
      <c r="P3409">
        <v>81.2172493717582</v>
      </c>
      <c r="Q3409">
        <v>800</v>
      </c>
    </row>
    <row r="3410" spans="16:17" x14ac:dyDescent="0.25">
      <c r="P3410">
        <v>81.2172493717582</v>
      </c>
      <c r="Q3410">
        <v>800</v>
      </c>
    </row>
    <row r="3411" spans="16:17" x14ac:dyDescent="0.25">
      <c r="P3411">
        <v>81.2172493717582</v>
      </c>
      <c r="Q3411">
        <v>800</v>
      </c>
    </row>
    <row r="3412" spans="16:17" x14ac:dyDescent="0.25">
      <c r="P3412">
        <v>81.217946362153668</v>
      </c>
      <c r="Q3412">
        <v>800</v>
      </c>
    </row>
    <row r="3413" spans="16:17" x14ac:dyDescent="0.25">
      <c r="P3413">
        <v>81.217946362153668</v>
      </c>
      <c r="Q3413">
        <v>800</v>
      </c>
    </row>
    <row r="3414" spans="16:17" x14ac:dyDescent="0.25">
      <c r="P3414">
        <v>81.218664473470227</v>
      </c>
      <c r="Q3414">
        <v>800</v>
      </c>
    </row>
    <row r="3415" spans="16:17" x14ac:dyDescent="0.25">
      <c r="P3415">
        <v>81.218664473470227</v>
      </c>
      <c r="Q3415">
        <v>800</v>
      </c>
    </row>
    <row r="3416" spans="16:17" x14ac:dyDescent="0.25">
      <c r="P3416">
        <v>81.218664473470227</v>
      </c>
      <c r="Q3416">
        <v>800</v>
      </c>
    </row>
    <row r="3417" spans="16:17" x14ac:dyDescent="0.25">
      <c r="P3417">
        <v>81.218664473470227</v>
      </c>
      <c r="Q3417">
        <v>800</v>
      </c>
    </row>
    <row r="3418" spans="16:17" x14ac:dyDescent="0.25">
      <c r="P3418">
        <v>81.217946362153668</v>
      </c>
      <c r="Q3418">
        <v>800</v>
      </c>
    </row>
    <row r="3419" spans="16:17" x14ac:dyDescent="0.25">
      <c r="P3419">
        <v>81.2172493717582</v>
      </c>
      <c r="Q3419">
        <v>800</v>
      </c>
    </row>
    <row r="3420" spans="16:17" x14ac:dyDescent="0.25">
      <c r="P3420">
        <v>81.2172493717582</v>
      </c>
      <c r="Q3420">
        <v>800</v>
      </c>
    </row>
    <row r="3421" spans="16:17" x14ac:dyDescent="0.25">
      <c r="P3421">
        <v>81.216531260441656</v>
      </c>
      <c r="Q3421">
        <v>800</v>
      </c>
    </row>
    <row r="3422" spans="16:17" x14ac:dyDescent="0.25">
      <c r="P3422">
        <v>81.216531260441656</v>
      </c>
      <c r="Q3422">
        <v>800</v>
      </c>
    </row>
    <row r="3423" spans="16:17" x14ac:dyDescent="0.25">
      <c r="P3423">
        <v>81.215813149125111</v>
      </c>
      <c r="Q3423">
        <v>800</v>
      </c>
    </row>
    <row r="3424" spans="16:17" x14ac:dyDescent="0.25">
      <c r="P3424">
        <v>81.215813149125111</v>
      </c>
      <c r="Q3424">
        <v>800</v>
      </c>
    </row>
    <row r="3425" spans="16:17" x14ac:dyDescent="0.25">
      <c r="P3425">
        <v>81.215116158729643</v>
      </c>
      <c r="Q3425">
        <v>800</v>
      </c>
    </row>
    <row r="3426" spans="16:17" x14ac:dyDescent="0.25">
      <c r="P3426">
        <v>81.215116158729643</v>
      </c>
      <c r="Q3426">
        <v>800</v>
      </c>
    </row>
    <row r="3427" spans="16:17" x14ac:dyDescent="0.25">
      <c r="P3427">
        <v>81.215116158729643</v>
      </c>
      <c r="Q3427">
        <v>800</v>
      </c>
    </row>
    <row r="3428" spans="16:17" x14ac:dyDescent="0.25">
      <c r="P3428">
        <v>81.215116158729643</v>
      </c>
      <c r="Q3428">
        <v>800</v>
      </c>
    </row>
    <row r="3429" spans="16:17" x14ac:dyDescent="0.25">
      <c r="P3429">
        <v>81.214398047413084</v>
      </c>
      <c r="Q3429">
        <v>800</v>
      </c>
    </row>
    <row r="3430" spans="16:17" x14ac:dyDescent="0.25">
      <c r="P3430">
        <v>81.214398047413084</v>
      </c>
      <c r="Q3430">
        <v>800</v>
      </c>
    </row>
    <row r="3431" spans="16:17" x14ac:dyDescent="0.25">
      <c r="P3431">
        <v>81.214398047413084</v>
      </c>
      <c r="Q3431">
        <v>800</v>
      </c>
    </row>
    <row r="3432" spans="16:17" x14ac:dyDescent="0.25">
      <c r="P3432">
        <v>81.214398047413084</v>
      </c>
      <c r="Q3432">
        <v>800</v>
      </c>
    </row>
    <row r="3433" spans="16:17" x14ac:dyDescent="0.25">
      <c r="P3433">
        <v>81.214398047413084</v>
      </c>
      <c r="Q3433">
        <v>800</v>
      </c>
    </row>
    <row r="3434" spans="16:17" x14ac:dyDescent="0.25">
      <c r="P3434">
        <v>81.215116158729643</v>
      </c>
      <c r="Q3434">
        <v>800</v>
      </c>
    </row>
    <row r="3435" spans="16:17" x14ac:dyDescent="0.25">
      <c r="P3435">
        <v>81.215116158729643</v>
      </c>
      <c r="Q3435">
        <v>800</v>
      </c>
    </row>
    <row r="3436" spans="16:17" x14ac:dyDescent="0.25">
      <c r="P3436">
        <v>81.215813149125111</v>
      </c>
      <c r="Q3436">
        <v>800</v>
      </c>
    </row>
    <row r="3437" spans="16:17" x14ac:dyDescent="0.25">
      <c r="P3437">
        <v>81.215813149125111</v>
      </c>
      <c r="Q3437">
        <v>800</v>
      </c>
    </row>
    <row r="3438" spans="16:17" x14ac:dyDescent="0.25">
      <c r="P3438">
        <v>81.215813149125111</v>
      </c>
      <c r="Q3438">
        <v>800</v>
      </c>
    </row>
    <row r="3439" spans="16:17" x14ac:dyDescent="0.25">
      <c r="P3439">
        <v>81.215813149125111</v>
      </c>
      <c r="Q3439">
        <v>800</v>
      </c>
    </row>
    <row r="3440" spans="16:17" x14ac:dyDescent="0.25">
      <c r="P3440">
        <v>81.215813149125111</v>
      </c>
      <c r="Q3440">
        <v>800</v>
      </c>
    </row>
    <row r="3441" spans="16:17" x14ac:dyDescent="0.25">
      <c r="P3441">
        <v>81.216531260441656</v>
      </c>
      <c r="Q3441">
        <v>800</v>
      </c>
    </row>
    <row r="3442" spans="16:17" x14ac:dyDescent="0.25">
      <c r="P3442">
        <v>81.216531260441656</v>
      </c>
      <c r="Q3442">
        <v>800</v>
      </c>
    </row>
    <row r="3443" spans="16:17" x14ac:dyDescent="0.25">
      <c r="P3443">
        <v>81.2172493717582</v>
      </c>
      <c r="Q3443">
        <v>800</v>
      </c>
    </row>
    <row r="3444" spans="16:17" x14ac:dyDescent="0.25">
      <c r="P3444">
        <v>81.217946362153668</v>
      </c>
      <c r="Q3444">
        <v>800</v>
      </c>
    </row>
    <row r="3445" spans="16:17" x14ac:dyDescent="0.25">
      <c r="P3445">
        <v>81.218664473470227</v>
      </c>
      <c r="Q3445">
        <v>800</v>
      </c>
    </row>
    <row r="3446" spans="16:17" x14ac:dyDescent="0.25">
      <c r="P3446">
        <v>81.218664473470227</v>
      </c>
      <c r="Q3446">
        <v>800</v>
      </c>
    </row>
    <row r="3447" spans="16:17" x14ac:dyDescent="0.25">
      <c r="P3447">
        <v>81.218664473470227</v>
      </c>
      <c r="Q3447">
        <v>800</v>
      </c>
    </row>
    <row r="3448" spans="16:17" x14ac:dyDescent="0.25">
      <c r="P3448">
        <v>81.218664473470227</v>
      </c>
      <c r="Q3448">
        <v>800</v>
      </c>
    </row>
    <row r="3449" spans="16:17" x14ac:dyDescent="0.25">
      <c r="P3449">
        <v>81.218664473470227</v>
      </c>
      <c r="Q3449">
        <v>800</v>
      </c>
    </row>
    <row r="3450" spans="16:17" x14ac:dyDescent="0.25">
      <c r="P3450">
        <v>81.218664473470227</v>
      </c>
      <c r="Q3450">
        <v>800</v>
      </c>
    </row>
    <row r="3451" spans="16:17" x14ac:dyDescent="0.25">
      <c r="P3451">
        <v>81.218664473470227</v>
      </c>
      <c r="Q3451">
        <v>800</v>
      </c>
    </row>
    <row r="3452" spans="16:17" x14ac:dyDescent="0.25">
      <c r="P3452">
        <v>81.218664473470227</v>
      </c>
      <c r="Q3452">
        <v>800</v>
      </c>
    </row>
    <row r="3453" spans="16:17" x14ac:dyDescent="0.25">
      <c r="P3453">
        <v>81.218664473470227</v>
      </c>
      <c r="Q3453">
        <v>800</v>
      </c>
    </row>
    <row r="3454" spans="16:17" x14ac:dyDescent="0.25">
      <c r="P3454">
        <v>81.217946362153668</v>
      </c>
      <c r="Q3454">
        <v>800</v>
      </c>
    </row>
    <row r="3455" spans="16:17" x14ac:dyDescent="0.25">
      <c r="P3455">
        <v>81.218664473470227</v>
      </c>
      <c r="Q3455">
        <v>800</v>
      </c>
    </row>
    <row r="3456" spans="16:17" x14ac:dyDescent="0.25">
      <c r="P3456">
        <v>81.218664473470227</v>
      </c>
      <c r="Q3456">
        <v>800</v>
      </c>
    </row>
    <row r="3457" spans="16:17" x14ac:dyDescent="0.25">
      <c r="P3457">
        <v>81.218664473470227</v>
      </c>
      <c r="Q3457">
        <v>800</v>
      </c>
    </row>
    <row r="3458" spans="16:17" x14ac:dyDescent="0.25">
      <c r="P3458">
        <v>81.218664473470227</v>
      </c>
      <c r="Q3458">
        <v>800</v>
      </c>
    </row>
    <row r="3459" spans="16:17" x14ac:dyDescent="0.25">
      <c r="P3459">
        <v>81.218664473470227</v>
      </c>
      <c r="Q3459">
        <v>800</v>
      </c>
    </row>
    <row r="3460" spans="16:17" x14ac:dyDescent="0.25">
      <c r="P3460">
        <v>81.218664473470227</v>
      </c>
      <c r="Q3460">
        <v>800</v>
      </c>
    </row>
    <row r="3461" spans="16:17" x14ac:dyDescent="0.25">
      <c r="P3461">
        <v>81.218664473470227</v>
      </c>
      <c r="Q3461">
        <v>800</v>
      </c>
    </row>
    <row r="3462" spans="16:17" x14ac:dyDescent="0.25">
      <c r="P3462">
        <v>81.219382584786771</v>
      </c>
      <c r="Q3462">
        <v>800</v>
      </c>
    </row>
    <row r="3463" spans="16:17" x14ac:dyDescent="0.25">
      <c r="P3463">
        <v>81.219382584786771</v>
      </c>
      <c r="Q3463">
        <v>800</v>
      </c>
    </row>
    <row r="3464" spans="16:17" x14ac:dyDescent="0.25">
      <c r="P3464">
        <v>81.219382584786771</v>
      </c>
      <c r="Q3464">
        <v>800</v>
      </c>
    </row>
    <row r="3465" spans="16:17" x14ac:dyDescent="0.25">
      <c r="P3465">
        <v>81.219382584786771</v>
      </c>
      <c r="Q3465">
        <v>800</v>
      </c>
    </row>
    <row r="3466" spans="16:17" x14ac:dyDescent="0.25">
      <c r="P3466">
        <v>81.219382584786771</v>
      </c>
      <c r="Q3466">
        <v>800</v>
      </c>
    </row>
    <row r="3467" spans="16:17" x14ac:dyDescent="0.25">
      <c r="P3467">
        <v>81.219382584786771</v>
      </c>
      <c r="Q3467">
        <v>800</v>
      </c>
    </row>
    <row r="3468" spans="16:17" x14ac:dyDescent="0.25">
      <c r="P3468">
        <v>81.218664473470227</v>
      </c>
      <c r="Q3468">
        <v>800</v>
      </c>
    </row>
    <row r="3469" spans="16:17" x14ac:dyDescent="0.25">
      <c r="P3469">
        <v>81.218664473470227</v>
      </c>
      <c r="Q3469">
        <v>800</v>
      </c>
    </row>
    <row r="3470" spans="16:17" x14ac:dyDescent="0.25">
      <c r="P3470">
        <v>81.218664473470227</v>
      </c>
      <c r="Q3470">
        <v>800</v>
      </c>
    </row>
    <row r="3471" spans="16:17" x14ac:dyDescent="0.25">
      <c r="P3471">
        <v>81.219382584786771</v>
      </c>
      <c r="Q3471">
        <v>800</v>
      </c>
    </row>
    <row r="3472" spans="16:17" x14ac:dyDescent="0.25">
      <c r="P3472">
        <v>81.219382584786771</v>
      </c>
      <c r="Q3472">
        <v>800</v>
      </c>
    </row>
    <row r="3473" spans="16:17" x14ac:dyDescent="0.25">
      <c r="P3473">
        <v>81.219382584786771</v>
      </c>
      <c r="Q3473">
        <v>800</v>
      </c>
    </row>
    <row r="3474" spans="16:17" x14ac:dyDescent="0.25">
      <c r="P3474">
        <v>81.219382584786771</v>
      </c>
      <c r="Q3474">
        <v>800</v>
      </c>
    </row>
    <row r="3475" spans="16:17" x14ac:dyDescent="0.25">
      <c r="P3475">
        <v>81.219382584786771</v>
      </c>
      <c r="Q3475">
        <v>800</v>
      </c>
    </row>
    <row r="3476" spans="16:17" x14ac:dyDescent="0.25">
      <c r="P3476">
        <v>81.22007957518224</v>
      </c>
      <c r="Q3476">
        <v>800</v>
      </c>
    </row>
    <row r="3477" spans="16:17" x14ac:dyDescent="0.25">
      <c r="P3477">
        <v>81.22007957518224</v>
      </c>
      <c r="Q3477">
        <v>800</v>
      </c>
    </row>
    <row r="3478" spans="16:17" x14ac:dyDescent="0.25">
      <c r="P3478">
        <v>81.220797686498798</v>
      </c>
      <c r="Q3478">
        <v>800</v>
      </c>
    </row>
    <row r="3479" spans="16:17" x14ac:dyDescent="0.25">
      <c r="P3479">
        <v>81.220797686498798</v>
      </c>
      <c r="Q3479">
        <v>800</v>
      </c>
    </row>
    <row r="3480" spans="16:17" x14ac:dyDescent="0.25">
      <c r="P3480">
        <v>81.220797686498798</v>
      </c>
      <c r="Q3480">
        <v>800</v>
      </c>
    </row>
    <row r="3481" spans="16:17" x14ac:dyDescent="0.25">
      <c r="P3481">
        <v>81.221515797815329</v>
      </c>
      <c r="Q3481">
        <v>800</v>
      </c>
    </row>
    <row r="3482" spans="16:17" x14ac:dyDescent="0.25">
      <c r="P3482">
        <v>81.221515797815329</v>
      </c>
      <c r="Q3482">
        <v>800</v>
      </c>
    </row>
    <row r="3483" spans="16:17" x14ac:dyDescent="0.25">
      <c r="P3483">
        <v>81.221515797815329</v>
      </c>
      <c r="Q3483">
        <v>800</v>
      </c>
    </row>
    <row r="3484" spans="16:17" x14ac:dyDescent="0.25">
      <c r="P3484">
        <v>81.221515797815329</v>
      </c>
      <c r="Q3484">
        <v>800</v>
      </c>
    </row>
    <row r="3485" spans="16:17" x14ac:dyDescent="0.25">
      <c r="P3485">
        <v>81.221515797815329</v>
      </c>
      <c r="Q3485">
        <v>800</v>
      </c>
    </row>
    <row r="3486" spans="16:17" x14ac:dyDescent="0.25">
      <c r="P3486">
        <v>81.220797686498798</v>
      </c>
      <c r="Q3486">
        <v>800</v>
      </c>
    </row>
    <row r="3487" spans="16:17" x14ac:dyDescent="0.25">
      <c r="P3487">
        <v>81.219382584786771</v>
      </c>
      <c r="Q3487">
        <v>800</v>
      </c>
    </row>
    <row r="3488" spans="16:17" x14ac:dyDescent="0.25">
      <c r="P3488">
        <v>81.217946362153668</v>
      </c>
      <c r="Q3488">
        <v>800</v>
      </c>
    </row>
    <row r="3489" spans="16:17" x14ac:dyDescent="0.25">
      <c r="P3489">
        <v>81.216531260441656</v>
      </c>
      <c r="Q3489">
        <v>800</v>
      </c>
    </row>
    <row r="3490" spans="16:17" x14ac:dyDescent="0.25">
      <c r="P3490">
        <v>81.215116158729643</v>
      </c>
      <c r="Q3490">
        <v>800</v>
      </c>
    </row>
    <row r="3491" spans="16:17" x14ac:dyDescent="0.25">
      <c r="P3491">
        <v>81.21367993609654</v>
      </c>
      <c r="Q3491">
        <v>800</v>
      </c>
    </row>
    <row r="3492" spans="16:17" x14ac:dyDescent="0.25">
      <c r="P3492">
        <v>81.212264834384527</v>
      </c>
      <c r="Q3492">
        <v>800</v>
      </c>
    </row>
  </sheetData>
  <pageMargins left="0.7" right="0.7" top="0.75" bottom="0.75" header="0.3" footer="0.3"/>
  <drawing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D0491F-12F1-42FE-B4B6-F05AF488CF5E}">
  <dimension ref="B4:AB76"/>
  <sheetViews>
    <sheetView tabSelected="1" topLeftCell="A4" zoomScale="77" zoomScaleNormal="77" workbookViewId="0">
      <selection activeCell="AC20" sqref="AC20"/>
    </sheetView>
  </sheetViews>
  <sheetFormatPr defaultColWidth="9" defaultRowHeight="15" x14ac:dyDescent="0.25"/>
  <cols>
    <col min="1" max="2" width="9" style="25"/>
    <col min="3" max="8" width="9.140625" style="25" bestFit="1" customWidth="1"/>
    <col min="9" max="9" width="11.7109375" style="25" bestFit="1" customWidth="1"/>
    <col min="10" max="10" width="9.140625" style="25" bestFit="1" customWidth="1"/>
    <col min="11" max="16384" width="9" style="25"/>
  </cols>
  <sheetData>
    <row r="4" spans="2:24" x14ac:dyDescent="0.25">
      <c r="B4" s="11" t="s">
        <v>9</v>
      </c>
      <c r="C4" s="38">
        <v>313</v>
      </c>
    </row>
    <row r="5" spans="2:24" x14ac:dyDescent="0.25">
      <c r="B5" s="11" t="s">
        <v>10</v>
      </c>
      <c r="C5" s="38" t="s">
        <v>3</v>
      </c>
    </row>
    <row r="6" spans="2:24" x14ac:dyDescent="0.25">
      <c r="B6" s="11" t="s">
        <v>4</v>
      </c>
      <c r="C6" s="19" t="s">
        <v>16</v>
      </c>
      <c r="D6" s="19"/>
      <c r="E6" s="11" t="s">
        <v>12</v>
      </c>
      <c r="F6"/>
      <c r="G6" s="24" t="s">
        <v>15</v>
      </c>
      <c r="H6" s="24"/>
      <c r="I6" s="24" t="s">
        <v>13</v>
      </c>
      <c r="J6" s="24"/>
      <c r="K6" s="11" t="s">
        <v>14</v>
      </c>
      <c r="L6"/>
      <c r="M6" s="24" t="s">
        <v>11</v>
      </c>
    </row>
    <row r="7" spans="2:24" x14ac:dyDescent="0.25">
      <c r="C7" s="16" t="s">
        <v>26</v>
      </c>
      <c r="D7" s="16" t="s">
        <v>27</v>
      </c>
      <c r="E7" s="16" t="s">
        <v>26</v>
      </c>
      <c r="F7" s="16" t="s">
        <v>27</v>
      </c>
      <c r="G7" s="16" t="s">
        <v>26</v>
      </c>
      <c r="H7" s="16" t="s">
        <v>27</v>
      </c>
      <c r="I7" s="16" t="s">
        <v>26</v>
      </c>
      <c r="J7" s="16" t="s">
        <v>27</v>
      </c>
      <c r="K7" s="16" t="s">
        <v>26</v>
      </c>
      <c r="L7" s="16" t="s">
        <v>27</v>
      </c>
      <c r="M7" s="16" t="s">
        <v>26</v>
      </c>
      <c r="N7" s="16" t="s">
        <v>27</v>
      </c>
    </row>
    <row r="8" spans="2:24" x14ac:dyDescent="0.25">
      <c r="C8" s="9">
        <v>5.7719216299999996</v>
      </c>
      <c r="D8" s="26">
        <v>2.1567857142857146E-2</v>
      </c>
      <c r="E8">
        <v>3.6967154</v>
      </c>
      <c r="F8">
        <v>2.4585714285714287E-2</v>
      </c>
      <c r="G8" s="26">
        <v>2.4109013500000001</v>
      </c>
      <c r="H8" s="26">
        <v>1.4052678571428572E-2</v>
      </c>
      <c r="I8" s="26">
        <v>12.048403199999999</v>
      </c>
      <c r="J8" s="26">
        <v>4.8464732142857146E-2</v>
      </c>
      <c r="K8">
        <v>5.7373348599999998</v>
      </c>
      <c r="L8">
        <v>2.3012053571428572E-2</v>
      </c>
      <c r="M8" s="25">
        <v>1.45467887</v>
      </c>
      <c r="N8" s="25">
        <v>9.9714285714285721E-3</v>
      </c>
    </row>
    <row r="9" spans="2:24" x14ac:dyDescent="0.25">
      <c r="C9" s="26">
        <v>11.80833033</v>
      </c>
      <c r="D9" s="26">
        <v>4.0735267857142862E-2</v>
      </c>
      <c r="E9">
        <v>7.5338124100000003</v>
      </c>
      <c r="F9">
        <v>4.2831696428571431E-2</v>
      </c>
      <c r="G9" s="26">
        <v>4.99880558</v>
      </c>
      <c r="H9" s="26">
        <v>2.4770089285714284E-2</v>
      </c>
      <c r="I9" s="26">
        <v>24.106978990000002</v>
      </c>
      <c r="J9" s="26">
        <v>8.7250000000000008E-2</v>
      </c>
      <c r="K9">
        <v>11.51332552</v>
      </c>
      <c r="L9">
        <v>4.2533482142857147E-2</v>
      </c>
      <c r="M9" s="25">
        <v>2.2766232999999998</v>
      </c>
      <c r="N9" s="25">
        <v>1.4530803571428573E-2</v>
      </c>
    </row>
    <row r="10" spans="2:24" x14ac:dyDescent="0.25">
      <c r="C10" s="26">
        <v>17.950533849999999</v>
      </c>
      <c r="D10" s="26">
        <v>6.0320982142857145E-2</v>
      </c>
      <c r="E10">
        <v>11.32615006</v>
      </c>
      <c r="F10">
        <v>6.0131250000000004E-2</v>
      </c>
      <c r="G10" s="26">
        <v>7.4870185400000002</v>
      </c>
      <c r="H10" s="26">
        <v>3.5521428571428579E-2</v>
      </c>
      <c r="I10" s="26">
        <v>36.049587369999998</v>
      </c>
      <c r="J10" s="26">
        <v>0.12423660714285716</v>
      </c>
      <c r="K10">
        <v>17.602631630000001</v>
      </c>
      <c r="L10">
        <v>6.3238839285714291E-2</v>
      </c>
      <c r="M10" s="25">
        <v>3.0375322499999999</v>
      </c>
      <c r="N10" s="25">
        <v>1.8948660714285716E-2</v>
      </c>
    </row>
    <row r="11" spans="2:24" x14ac:dyDescent="0.25">
      <c r="C11" s="26">
        <v>24.092737379999999</v>
      </c>
      <c r="D11" s="26">
        <v>7.9070535714285725E-2</v>
      </c>
      <c r="E11">
        <v>17.907809019999998</v>
      </c>
      <c r="F11">
        <v>8.8862946428571427E-2</v>
      </c>
      <c r="G11" s="26">
        <v>9.9101269900000002</v>
      </c>
      <c r="H11" s="26">
        <v>4.540580357142858E-2</v>
      </c>
      <c r="I11" s="26">
        <v>47.276046139999998</v>
      </c>
      <c r="J11" s="26">
        <v>0.15867098214285716</v>
      </c>
      <c r="K11">
        <v>23.696006780000001</v>
      </c>
      <c r="L11">
        <v>8.3263392857142862E-2</v>
      </c>
      <c r="M11" s="25">
        <v>3.8167518399999998</v>
      </c>
      <c r="N11" s="25">
        <v>2.3046428571428575E-2</v>
      </c>
      <c r="W11" s="8"/>
      <c r="X11" s="8"/>
    </row>
    <row r="12" spans="2:24" x14ac:dyDescent="0.25">
      <c r="C12" s="26">
        <v>32.05786715</v>
      </c>
      <c r="D12" s="26">
        <v>0.10322901785714288</v>
      </c>
      <c r="E12">
        <v>24.501675070000001</v>
      </c>
      <c r="F12">
        <v>0.11621116071428574</v>
      </c>
      <c r="G12" s="26">
        <v>12.35358059</v>
      </c>
      <c r="H12" s="26">
        <v>5.5690178571428578E-2</v>
      </c>
      <c r="I12" s="26">
        <v>66.614119840000001</v>
      </c>
      <c r="J12" s="26">
        <v>0.21393080357142857</v>
      </c>
      <c r="K12">
        <v>31.5004098</v>
      </c>
      <c r="L12">
        <v>0.108390625</v>
      </c>
      <c r="M12" s="25">
        <v>5.51760714</v>
      </c>
      <c r="N12" s="25">
        <v>3.2351339285714292E-2</v>
      </c>
      <c r="W12" s="8"/>
      <c r="X12" s="8"/>
    </row>
    <row r="13" spans="2:24" x14ac:dyDescent="0.25">
      <c r="C13" s="26">
        <v>39.660853099999997</v>
      </c>
      <c r="D13" s="26">
        <v>0.12600267857142858</v>
      </c>
      <c r="E13">
        <v>31.085368549999998</v>
      </c>
      <c r="F13">
        <v>0.14440937500000001</v>
      </c>
      <c r="G13" s="26">
        <v>18.882342139999999</v>
      </c>
      <c r="H13" s="26">
        <v>8.0623214285714298E-2</v>
      </c>
      <c r="I13" s="26">
        <v>86.129196429999993</v>
      </c>
      <c r="J13" s="26">
        <v>0.27074241071428573</v>
      </c>
      <c r="K13">
        <v>38.9569106</v>
      </c>
      <c r="L13">
        <v>0.13100089285714286</v>
      </c>
      <c r="M13" s="25">
        <v>6.1299964300000003</v>
      </c>
      <c r="N13" s="25">
        <v>3.6166517857142859E-2</v>
      </c>
      <c r="W13" s="8"/>
      <c r="X13" s="8"/>
    </row>
    <row r="14" spans="2:24" x14ac:dyDescent="0.25">
      <c r="C14" s="26">
        <v>47.015628110000002</v>
      </c>
      <c r="D14" s="26">
        <v>0.14710625000000002</v>
      </c>
      <c r="E14">
        <v>37.382195279999998</v>
      </c>
      <c r="F14">
        <v>0.16942678571428574</v>
      </c>
      <c r="G14" s="26">
        <v>25.341930139999999</v>
      </c>
      <c r="H14" s="26">
        <v>0.10494330357142857</v>
      </c>
      <c r="I14" s="26">
        <v>101.65662184</v>
      </c>
      <c r="J14" s="26">
        <v>0.32911428571428575</v>
      </c>
      <c r="K14">
        <v>46.523275259999998</v>
      </c>
      <c r="L14">
        <v>0.15427276785714286</v>
      </c>
      <c r="M14" s="25">
        <v>7.8410243099999999</v>
      </c>
      <c r="N14" s="25">
        <v>4.5137946428571434E-2</v>
      </c>
      <c r="W14" s="8"/>
      <c r="X14" s="8"/>
    </row>
    <row r="15" spans="2:24" x14ac:dyDescent="0.25">
      <c r="C15" s="26">
        <v>58.620506839999997</v>
      </c>
      <c r="D15" s="26">
        <v>0.17756294642857143</v>
      </c>
      <c r="E15">
        <v>43.593572350000002</v>
      </c>
      <c r="F15">
        <v>0.19327187500000004</v>
      </c>
      <c r="G15" s="26">
        <v>31.762862349999999</v>
      </c>
      <c r="H15" s="26">
        <v>0.12936964285714286</v>
      </c>
      <c r="I15" s="26"/>
      <c r="J15" s="26"/>
      <c r="K15">
        <v>59.212550970000002</v>
      </c>
      <c r="L15">
        <v>0.1907294642857143</v>
      </c>
      <c r="M15" s="25">
        <v>8.2540310399999992</v>
      </c>
      <c r="N15" s="25">
        <v>4.7533482142857152E-2</v>
      </c>
      <c r="W15" s="8"/>
      <c r="X15" s="8"/>
    </row>
    <row r="16" spans="2:24" x14ac:dyDescent="0.25">
      <c r="C16" s="26">
        <v>71.350472879999998</v>
      </c>
      <c r="D16" s="26">
        <v>0.21369241071428574</v>
      </c>
      <c r="E16">
        <v>52.136504649999999</v>
      </c>
      <c r="F16">
        <v>0.224146875</v>
      </c>
      <c r="G16" s="26">
        <v>37.921342000000003</v>
      </c>
      <c r="H16" s="26">
        <v>0.15145044642857144</v>
      </c>
      <c r="I16" s="26"/>
      <c r="J16" s="26"/>
      <c r="K16">
        <v>71.877412500000005</v>
      </c>
      <c r="L16">
        <v>0.22746651785714286</v>
      </c>
      <c r="M16" s="25">
        <v>9.8450224800000008</v>
      </c>
      <c r="N16" s="25">
        <v>5.5878125000000008E-2</v>
      </c>
      <c r="W16" s="8"/>
      <c r="X16" s="8"/>
    </row>
    <row r="17" spans="3:28" x14ac:dyDescent="0.25">
      <c r="C17" s="26">
        <v>83.992954729999994</v>
      </c>
      <c r="D17" s="26">
        <v>0.24683125000000003</v>
      </c>
      <c r="E17">
        <v>60.94799304</v>
      </c>
      <c r="F17">
        <v>0.25620044642857143</v>
      </c>
      <c r="G17" s="26">
        <v>43.900784250000001</v>
      </c>
      <c r="H17" s="26">
        <v>0.17180223214285717</v>
      </c>
      <c r="I17" s="26"/>
      <c r="J17" s="26"/>
      <c r="K17">
        <v>84.489376609999994</v>
      </c>
      <c r="L17">
        <v>0.26400982142857143</v>
      </c>
      <c r="M17" s="25">
        <v>10.044405039999999</v>
      </c>
      <c r="N17" s="25">
        <v>5.6960267857142866E-2</v>
      </c>
      <c r="W17" s="8"/>
      <c r="X17" s="8"/>
    </row>
    <row r="18" spans="3:28" x14ac:dyDescent="0.25">
      <c r="C18" s="26">
        <v>87.701877229999994</v>
      </c>
      <c r="D18" s="26">
        <v>0.25788303571428572</v>
      </c>
      <c r="E18">
        <v>70.628219729999998</v>
      </c>
      <c r="F18">
        <v>0.28993973214285718</v>
      </c>
      <c r="G18" s="26">
        <v>52.468130739999999</v>
      </c>
      <c r="H18" s="26">
        <v>0.19980223214285717</v>
      </c>
      <c r="I18" s="26"/>
      <c r="J18" s="26"/>
      <c r="K18">
        <v>88.367163930000004</v>
      </c>
      <c r="L18">
        <v>0.2756397321428572</v>
      </c>
      <c r="M18" s="25">
        <v>10.01592181</v>
      </c>
      <c r="N18" s="25">
        <v>5.7025892857142858E-2</v>
      </c>
      <c r="W18" s="8"/>
      <c r="X18" s="8"/>
    </row>
    <row r="19" spans="3:28" x14ac:dyDescent="0.25">
      <c r="C19" s="26">
        <v>91.516594549999994</v>
      </c>
      <c r="D19" s="26">
        <v>0.26921964285714289</v>
      </c>
      <c r="E19">
        <v>79.091805910000005</v>
      </c>
      <c r="F19">
        <v>0.31826294642857145</v>
      </c>
      <c r="G19" s="26">
        <v>61.106685280000001</v>
      </c>
      <c r="H19" s="26">
        <v>0.2275933035714286</v>
      </c>
      <c r="I19" s="26"/>
      <c r="J19" s="26"/>
      <c r="K19">
        <v>92.401608969999998</v>
      </c>
      <c r="L19">
        <v>0.28746830357142855</v>
      </c>
      <c r="M19" s="25">
        <v>10.199028240000001</v>
      </c>
      <c r="N19" s="25">
        <v>5.7368303571428574E-2</v>
      </c>
      <c r="W19" s="8"/>
      <c r="X19" s="8"/>
    </row>
    <row r="20" spans="3:28" x14ac:dyDescent="0.25">
      <c r="C20" s="26">
        <v>95.557143139999994</v>
      </c>
      <c r="D20" s="26">
        <v>0.28004107142857143</v>
      </c>
      <c r="E20">
        <v>89.158590619999998</v>
      </c>
      <c r="F20">
        <v>0.35036517857142863</v>
      </c>
      <c r="G20" s="26">
        <v>69.47261469</v>
      </c>
      <c r="H20" s="26">
        <v>0.25398839285714286</v>
      </c>
      <c r="I20" s="26"/>
      <c r="J20" s="26"/>
      <c r="K20">
        <v>96.185808559999998</v>
      </c>
      <c r="L20">
        <v>0.29714687500000003</v>
      </c>
      <c r="M20" s="25">
        <v>10.2193734</v>
      </c>
      <c r="N20" s="25">
        <v>5.7570982142857149E-2</v>
      </c>
      <c r="W20" s="8"/>
      <c r="X20" s="8"/>
    </row>
    <row r="21" spans="3:28" x14ac:dyDescent="0.25">
      <c r="C21" s="26">
        <v>99.235547909999994</v>
      </c>
      <c r="D21" s="26">
        <v>0.29099107142857145</v>
      </c>
      <c r="E21">
        <v>99.314894030000005</v>
      </c>
      <c r="F21">
        <v>0.38076339285714289</v>
      </c>
      <c r="G21" s="26">
        <v>77.789715720000004</v>
      </c>
      <c r="H21" s="26">
        <v>0.27963482142857143</v>
      </c>
      <c r="I21" s="26"/>
      <c r="J21" s="26"/>
      <c r="K21">
        <v>100.13276942</v>
      </c>
      <c r="L21">
        <v>0.30776741071428571</v>
      </c>
      <c r="M21" s="25">
        <v>15.29142156</v>
      </c>
      <c r="N21" s="25">
        <v>8.271116071428572E-2</v>
      </c>
      <c r="W21" s="8"/>
      <c r="X21" s="8"/>
    </row>
    <row r="22" spans="3:28" x14ac:dyDescent="0.25">
      <c r="C22" s="26">
        <v>101.91093632</v>
      </c>
      <c r="D22" s="26">
        <v>0.30133928571428575</v>
      </c>
      <c r="E22" s="26"/>
      <c r="F22" s="26"/>
      <c r="G22" s="26">
        <v>87.461804349999994</v>
      </c>
      <c r="H22" s="26">
        <v>0.30770892857142862</v>
      </c>
      <c r="I22" s="26"/>
      <c r="J22" s="26"/>
      <c r="K22">
        <v>101.56710314</v>
      </c>
      <c r="L22">
        <v>0.3169642857142857</v>
      </c>
      <c r="M22" s="25">
        <v>16.35954241</v>
      </c>
      <c r="N22" s="25">
        <v>8.8094196428571428E-2</v>
      </c>
      <c r="W22" s="8"/>
      <c r="X22" s="8"/>
    </row>
    <row r="23" spans="3:28" x14ac:dyDescent="0.25">
      <c r="C23" s="26"/>
      <c r="D23" s="26"/>
      <c r="E23" s="26"/>
      <c r="F23" s="26"/>
      <c r="G23" s="26">
        <v>97.39227649</v>
      </c>
      <c r="H23" s="26">
        <v>0.33614508928571429</v>
      </c>
      <c r="I23" s="27"/>
      <c r="J23" s="27"/>
      <c r="M23" s="25">
        <v>17.4317323</v>
      </c>
      <c r="N23" s="25">
        <v>9.2784821428571446E-2</v>
      </c>
      <c r="W23" s="8"/>
      <c r="X23" s="8"/>
    </row>
    <row r="24" spans="3:28" x14ac:dyDescent="0.25">
      <c r="C24" s="26"/>
      <c r="D24" s="26"/>
      <c r="E24" s="26"/>
      <c r="F24" s="26"/>
      <c r="G24" s="26">
        <v>99.835730100000006</v>
      </c>
      <c r="H24" s="26">
        <v>0.35038973214285718</v>
      </c>
      <c r="I24" s="27"/>
      <c r="J24" s="27"/>
      <c r="M24" s="25">
        <v>18.479507989999998</v>
      </c>
      <c r="N24" s="25">
        <v>9.8045089285714301E-2</v>
      </c>
      <c r="W24" s="8"/>
      <c r="X24" s="8"/>
      <c r="AA24" s="28"/>
    </row>
    <row r="25" spans="3:28" x14ac:dyDescent="0.25">
      <c r="C25" s="26"/>
      <c r="D25" s="26"/>
      <c r="E25" s="26"/>
      <c r="F25" s="26"/>
      <c r="G25" s="26"/>
      <c r="H25" s="26"/>
      <c r="I25" s="29"/>
      <c r="J25" s="27"/>
      <c r="M25" s="25">
        <v>23.407105520000002</v>
      </c>
      <c r="N25" s="25">
        <v>0.12148794642857144</v>
      </c>
      <c r="W25" s="8"/>
      <c r="X25" s="8"/>
    </row>
    <row r="26" spans="3:28" x14ac:dyDescent="0.25">
      <c r="C26" s="26"/>
      <c r="D26" s="26"/>
      <c r="E26" s="26"/>
      <c r="F26" s="26"/>
      <c r="G26" s="26"/>
      <c r="H26" s="26"/>
      <c r="I26" s="27"/>
      <c r="J26" s="27"/>
      <c r="M26" s="25">
        <v>26.601295489999998</v>
      </c>
      <c r="N26" s="25">
        <v>0.13656383928571428</v>
      </c>
      <c r="W26" s="8"/>
      <c r="X26" s="8"/>
    </row>
    <row r="27" spans="3:28" x14ac:dyDescent="0.25">
      <c r="C27" s="26"/>
      <c r="D27" s="26"/>
      <c r="E27" s="26"/>
      <c r="F27" s="26"/>
      <c r="G27" s="26"/>
      <c r="H27" s="26"/>
      <c r="I27" s="27"/>
      <c r="J27" s="27"/>
      <c r="M27" s="25">
        <v>27.49851701</v>
      </c>
      <c r="N27" s="25">
        <v>0.1410875</v>
      </c>
      <c r="W27" s="8"/>
      <c r="X27" s="8"/>
    </row>
    <row r="28" spans="3:28" x14ac:dyDescent="0.25">
      <c r="C28" s="26"/>
      <c r="D28" s="26"/>
      <c r="E28" s="26"/>
      <c r="F28" s="26"/>
      <c r="G28" s="26"/>
      <c r="H28" s="26"/>
      <c r="I28" s="27"/>
      <c r="J28" s="27"/>
      <c r="M28" s="25">
        <v>31.913416529999999</v>
      </c>
      <c r="N28" s="25">
        <v>0.16077187500000001</v>
      </c>
      <c r="W28" s="8"/>
      <c r="X28" s="8"/>
      <c r="AA28" s="30"/>
      <c r="AB28" s="15"/>
    </row>
    <row r="29" spans="3:28" x14ac:dyDescent="0.25">
      <c r="C29" s="26"/>
      <c r="D29" s="26"/>
      <c r="E29" s="26"/>
      <c r="F29" s="26"/>
      <c r="G29" s="26"/>
      <c r="H29" s="26"/>
      <c r="I29" s="31"/>
      <c r="J29" s="22"/>
      <c r="M29" s="25">
        <v>32.808603519999998</v>
      </c>
      <c r="N29" s="25">
        <v>0.16532991071428574</v>
      </c>
      <c r="W29" s="8"/>
      <c r="X29" s="8"/>
      <c r="AA29" s="30"/>
      <c r="AB29" s="15"/>
    </row>
    <row r="30" spans="3:28" x14ac:dyDescent="0.25">
      <c r="C30" s="26"/>
      <c r="D30" s="26"/>
      <c r="E30" s="26"/>
      <c r="F30" s="26"/>
      <c r="G30" s="26"/>
      <c r="H30" s="26"/>
      <c r="I30" s="31"/>
      <c r="J30" s="22"/>
      <c r="M30" s="25">
        <v>33.624444400000002</v>
      </c>
      <c r="N30" s="25">
        <v>0.16942812500000001</v>
      </c>
      <c r="W30" s="8"/>
      <c r="X30" s="8"/>
      <c r="AA30" s="30"/>
      <c r="AB30" s="15"/>
    </row>
    <row r="31" spans="3:28" x14ac:dyDescent="0.25">
      <c r="C31" s="26"/>
      <c r="D31" s="26"/>
      <c r="E31" s="26"/>
      <c r="F31" s="26"/>
      <c r="G31" s="26"/>
      <c r="H31" s="26"/>
      <c r="I31" s="31"/>
      <c r="J31" s="22"/>
      <c r="M31" s="25">
        <v>38.063758110000002</v>
      </c>
      <c r="N31" s="25">
        <v>0.18909107142857146</v>
      </c>
      <c r="W31" s="8"/>
      <c r="X31" s="8"/>
      <c r="AA31" s="30"/>
      <c r="AB31" s="15"/>
    </row>
    <row r="32" spans="3:28" x14ac:dyDescent="0.25">
      <c r="C32" s="26"/>
      <c r="D32" s="26"/>
      <c r="E32" s="26"/>
      <c r="F32" s="26"/>
      <c r="G32" s="26"/>
      <c r="H32" s="26"/>
      <c r="I32" s="31"/>
      <c r="J32" s="22"/>
      <c r="M32" s="25">
        <v>42.871319200000002</v>
      </c>
      <c r="N32" s="25">
        <v>0.21010848214285716</v>
      </c>
      <c r="W32" s="8"/>
      <c r="X32" s="8"/>
      <c r="AA32" s="30"/>
      <c r="AB32" s="15"/>
    </row>
    <row r="33" spans="3:28" x14ac:dyDescent="0.25">
      <c r="C33" s="32"/>
      <c r="D33" s="32"/>
      <c r="E33" s="26"/>
      <c r="F33" s="26"/>
      <c r="G33" s="26"/>
      <c r="H33" s="26"/>
      <c r="I33" s="31"/>
      <c r="J33" s="22"/>
      <c r="M33" s="25">
        <v>43.558985579999998</v>
      </c>
      <c r="N33" s="25">
        <v>0.21418794642857145</v>
      </c>
      <c r="W33" s="8"/>
      <c r="X33" s="8"/>
      <c r="AA33" s="30"/>
      <c r="AB33" s="15"/>
    </row>
    <row r="34" spans="3:28" x14ac:dyDescent="0.25">
      <c r="C34" s="32"/>
      <c r="D34" s="32"/>
      <c r="E34" s="26"/>
      <c r="F34" s="26"/>
      <c r="G34" s="26"/>
      <c r="H34" s="26"/>
      <c r="I34" s="31"/>
      <c r="J34" s="22"/>
      <c r="M34" s="25">
        <v>47.145837129999997</v>
      </c>
      <c r="N34" s="25">
        <v>0.23028348214285718</v>
      </c>
      <c r="W34" s="8"/>
      <c r="X34" s="8"/>
      <c r="AA34" s="30"/>
      <c r="AB34" s="15"/>
    </row>
    <row r="35" spans="3:28" x14ac:dyDescent="0.25">
      <c r="C35" s="32"/>
      <c r="D35" s="32"/>
      <c r="E35" s="26"/>
      <c r="F35" s="26"/>
      <c r="G35" s="26"/>
      <c r="H35" s="26"/>
      <c r="I35" s="31"/>
      <c r="J35" s="22"/>
      <c r="M35" s="25">
        <v>52.301300429999998</v>
      </c>
      <c r="N35" s="25">
        <v>0.25243526785714288</v>
      </c>
      <c r="W35" s="8"/>
      <c r="X35" s="8"/>
      <c r="AA35" s="30"/>
      <c r="AB35" s="15"/>
    </row>
    <row r="36" spans="3:28" x14ac:dyDescent="0.25">
      <c r="C36" s="32"/>
      <c r="D36" s="32"/>
      <c r="E36" s="26"/>
      <c r="F36" s="26"/>
      <c r="G36" s="26"/>
      <c r="H36" s="26"/>
      <c r="I36" s="31"/>
      <c r="J36" s="22"/>
      <c r="M36" s="25">
        <v>53.117141310000001</v>
      </c>
      <c r="N36" s="25">
        <v>0.25622276785714287</v>
      </c>
      <c r="W36" s="8"/>
      <c r="X36" s="8"/>
      <c r="AA36" s="30"/>
      <c r="AB36" s="15"/>
    </row>
    <row r="37" spans="3:28" x14ac:dyDescent="0.25">
      <c r="C37" s="32"/>
      <c r="D37" s="32"/>
      <c r="E37" s="26"/>
      <c r="F37" s="26"/>
      <c r="G37" s="26"/>
      <c r="H37" s="26"/>
      <c r="I37" s="31"/>
      <c r="J37" s="22"/>
      <c r="M37" s="25">
        <v>56.935927669999998</v>
      </c>
      <c r="N37" s="25">
        <v>0.27175000000000005</v>
      </c>
      <c r="W37" s="8"/>
      <c r="X37" s="8"/>
    </row>
    <row r="38" spans="3:28" x14ac:dyDescent="0.25">
      <c r="C38" s="32"/>
      <c r="D38" s="32"/>
      <c r="E38" s="26"/>
      <c r="F38" s="26"/>
      <c r="G38" s="26"/>
      <c r="H38" s="26"/>
      <c r="I38" s="27"/>
      <c r="J38" s="27"/>
      <c r="M38" s="25">
        <v>57.645973720000001</v>
      </c>
      <c r="N38" s="25">
        <v>0.27635937500000002</v>
      </c>
      <c r="W38" s="8"/>
      <c r="X38" s="8"/>
    </row>
    <row r="39" spans="3:28" x14ac:dyDescent="0.25">
      <c r="C39" s="26"/>
      <c r="D39" s="26"/>
      <c r="E39" s="26"/>
      <c r="F39" s="26"/>
      <c r="G39" s="26"/>
      <c r="H39" s="26"/>
      <c r="I39" s="27"/>
      <c r="J39" s="27"/>
      <c r="M39" s="25">
        <v>58.282777199999998</v>
      </c>
      <c r="N39" s="25">
        <v>0.27957678571428574</v>
      </c>
      <c r="W39" s="8"/>
      <c r="X39" s="8"/>
    </row>
    <row r="40" spans="3:28" x14ac:dyDescent="0.25">
      <c r="C40" s="26"/>
      <c r="D40" s="26"/>
      <c r="E40" s="26"/>
      <c r="F40" s="26"/>
      <c r="G40" s="26"/>
      <c r="H40" s="26"/>
      <c r="I40" s="27"/>
      <c r="J40" s="27"/>
      <c r="K40" s="33"/>
      <c r="L40" s="33"/>
      <c r="M40" s="25">
        <v>58.811751340000001</v>
      </c>
      <c r="N40" s="25">
        <v>0.28220133928571434</v>
      </c>
      <c r="W40" s="8"/>
      <c r="X40" s="8"/>
    </row>
    <row r="41" spans="3:28" x14ac:dyDescent="0.25">
      <c r="C41" s="26"/>
      <c r="D41" s="26"/>
      <c r="E41" s="26"/>
      <c r="F41" s="26"/>
      <c r="G41" s="26"/>
      <c r="H41" s="26"/>
      <c r="I41" s="27"/>
      <c r="J41" s="27"/>
      <c r="M41" s="25">
        <v>63.942800460000001</v>
      </c>
      <c r="N41" s="25">
        <v>0.30231116071428571</v>
      </c>
      <c r="W41" s="8"/>
      <c r="X41" s="8"/>
    </row>
    <row r="42" spans="3:28" x14ac:dyDescent="0.25">
      <c r="C42" s="26"/>
      <c r="D42" s="26"/>
      <c r="E42" s="26"/>
      <c r="F42" s="26"/>
      <c r="G42" s="26"/>
      <c r="H42" s="26"/>
      <c r="I42" s="27"/>
      <c r="J42" s="27"/>
      <c r="M42" s="25">
        <v>67.895864869999997</v>
      </c>
      <c r="N42" s="25">
        <v>0.31805044642857144</v>
      </c>
      <c r="W42" s="8"/>
      <c r="X42" s="8"/>
    </row>
    <row r="43" spans="3:28" x14ac:dyDescent="0.25">
      <c r="C43" s="26"/>
      <c r="D43" s="26"/>
      <c r="E43" s="26"/>
      <c r="F43" s="26"/>
      <c r="G43" s="26"/>
      <c r="H43" s="26"/>
      <c r="I43" s="27"/>
      <c r="J43" s="27"/>
      <c r="M43" s="25">
        <v>68.270215789999995</v>
      </c>
      <c r="N43" s="25">
        <v>0.3207714285714286</v>
      </c>
      <c r="W43" s="8"/>
      <c r="X43" s="8"/>
    </row>
    <row r="44" spans="3:28" x14ac:dyDescent="0.25">
      <c r="C44" s="26"/>
      <c r="D44" s="26"/>
      <c r="E44" s="26"/>
      <c r="F44" s="26"/>
      <c r="G44" s="26"/>
      <c r="H44" s="26"/>
      <c r="I44" s="27"/>
      <c r="J44" s="27"/>
      <c r="M44" s="25">
        <v>68.548944469999995</v>
      </c>
      <c r="N44" s="25">
        <v>0.32261071428571431</v>
      </c>
      <c r="W44" s="8"/>
      <c r="X44" s="8"/>
    </row>
    <row r="45" spans="3:28" x14ac:dyDescent="0.25">
      <c r="C45" s="26"/>
      <c r="D45" s="26"/>
      <c r="E45" s="26"/>
      <c r="F45" s="26"/>
      <c r="G45" s="26"/>
      <c r="H45" s="26"/>
      <c r="I45" s="27"/>
      <c r="J45" s="27"/>
      <c r="M45" s="25">
        <v>71.944551520000005</v>
      </c>
      <c r="N45" s="25">
        <v>0.33580446428571431</v>
      </c>
      <c r="W45" s="8"/>
      <c r="X45" s="8"/>
    </row>
    <row r="46" spans="3:28" x14ac:dyDescent="0.25">
      <c r="C46" s="26"/>
      <c r="D46" s="26"/>
      <c r="E46" s="26"/>
      <c r="F46" s="26"/>
      <c r="G46" s="26"/>
      <c r="H46" s="26"/>
      <c r="I46" s="27"/>
      <c r="J46" s="27"/>
      <c r="M46" s="25">
        <v>76.343174910000002</v>
      </c>
      <c r="N46" s="25">
        <v>0.35272767857142856</v>
      </c>
      <c r="W46" s="8"/>
      <c r="X46" s="8"/>
    </row>
    <row r="47" spans="3:28" x14ac:dyDescent="0.25">
      <c r="C47" s="26"/>
      <c r="D47" s="26"/>
      <c r="E47" s="26"/>
      <c r="F47" s="26"/>
      <c r="G47" s="26"/>
      <c r="H47" s="26"/>
      <c r="I47" s="26"/>
      <c r="J47" s="26"/>
      <c r="M47" s="25">
        <v>81.468120490000004</v>
      </c>
      <c r="N47" s="25">
        <v>0.37126383928571427</v>
      </c>
      <c r="W47" s="8"/>
      <c r="X47" s="8"/>
    </row>
    <row r="48" spans="3:28" x14ac:dyDescent="0.25">
      <c r="C48" s="26"/>
      <c r="D48" s="26"/>
      <c r="E48" s="26"/>
      <c r="F48" s="26"/>
      <c r="G48" s="26"/>
      <c r="H48" s="26"/>
      <c r="I48" s="26"/>
      <c r="J48" s="26"/>
      <c r="M48" s="25">
        <v>82.157821380000001</v>
      </c>
      <c r="N48" s="25">
        <v>0.37468214285714285</v>
      </c>
      <c r="W48" s="8"/>
      <c r="X48" s="8"/>
    </row>
    <row r="49" spans="2:24" x14ac:dyDescent="0.25">
      <c r="C49" s="26"/>
      <c r="D49" s="26"/>
      <c r="E49" s="26"/>
      <c r="F49" s="26"/>
      <c r="G49" s="26"/>
      <c r="H49" s="26"/>
      <c r="I49" s="26"/>
      <c r="J49" s="26"/>
      <c r="M49" s="25">
        <v>87.215627920000003</v>
      </c>
      <c r="N49" s="25">
        <v>0.39240178571428574</v>
      </c>
      <c r="W49" s="8"/>
      <c r="X49" s="8"/>
    </row>
    <row r="50" spans="2:24" x14ac:dyDescent="0.25">
      <c r="C50" s="26"/>
      <c r="D50" s="26"/>
      <c r="E50" s="26"/>
      <c r="F50" s="26"/>
      <c r="G50" s="26"/>
      <c r="H50" s="26"/>
      <c r="I50" s="26"/>
      <c r="J50" s="26"/>
      <c r="M50" s="25">
        <v>87.830051729999994</v>
      </c>
      <c r="N50" s="25">
        <v>0.39574375000000006</v>
      </c>
      <c r="W50" s="8"/>
      <c r="X50" s="8"/>
    </row>
    <row r="51" spans="2:24" x14ac:dyDescent="0.25">
      <c r="C51" s="26"/>
      <c r="D51" s="26"/>
      <c r="E51" s="26"/>
      <c r="F51" s="26"/>
      <c r="G51" s="26"/>
      <c r="H51" s="26"/>
      <c r="I51" s="26"/>
      <c r="J51" s="26"/>
      <c r="M51" s="25">
        <v>88.059952030000005</v>
      </c>
      <c r="N51" s="25">
        <v>0.39740982142857145</v>
      </c>
      <c r="W51" s="8"/>
      <c r="X51" s="8"/>
    </row>
    <row r="52" spans="2:24" x14ac:dyDescent="0.25">
      <c r="B52" s="11"/>
      <c r="C52" s="38"/>
      <c r="D52" s="26"/>
      <c r="E52" s="26"/>
      <c r="F52" s="26"/>
      <c r="G52" s="26"/>
      <c r="H52" s="26"/>
      <c r="I52" s="26"/>
      <c r="J52" s="26"/>
      <c r="M52" s="25">
        <v>88.835102590000005</v>
      </c>
      <c r="N52" s="25">
        <v>0.40062142857142857</v>
      </c>
      <c r="W52" s="8"/>
      <c r="X52" s="8"/>
    </row>
    <row r="53" spans="2:24" x14ac:dyDescent="0.25">
      <c r="B53" s="11"/>
      <c r="C53" s="38"/>
      <c r="D53" s="32"/>
      <c r="E53" s="26"/>
      <c r="F53" s="26"/>
      <c r="G53" s="32"/>
      <c r="H53" s="32"/>
      <c r="I53" s="32"/>
      <c r="J53" s="32"/>
      <c r="M53" s="25">
        <v>94.161465230000005</v>
      </c>
      <c r="N53" s="25">
        <v>0.4187147321428572</v>
      </c>
      <c r="W53" s="35"/>
      <c r="X53" s="15"/>
    </row>
    <row r="54" spans="2:24" x14ac:dyDescent="0.25">
      <c r="B54" s="11"/>
      <c r="C54" s="34"/>
      <c r="D54" s="34"/>
      <c r="E54" s="34"/>
      <c r="F54" s="34"/>
      <c r="G54" s="34"/>
      <c r="H54" s="34"/>
      <c r="I54" s="34"/>
      <c r="J54" s="34"/>
      <c r="M54" s="25">
        <v>94.621265829999999</v>
      </c>
      <c r="N54" s="25">
        <v>0.42139330357142857</v>
      </c>
      <c r="W54" s="35"/>
      <c r="X54" s="15"/>
    </row>
    <row r="55" spans="2:24" x14ac:dyDescent="0.25">
      <c r="C55" s="34"/>
      <c r="D55" s="18"/>
      <c r="E55" s="34"/>
      <c r="F55" s="18"/>
      <c r="G55" s="34"/>
      <c r="H55" s="18"/>
      <c r="I55" s="34"/>
      <c r="J55" s="18"/>
      <c r="M55" s="25">
        <v>94.8857529</v>
      </c>
      <c r="N55" s="25">
        <v>0.42307678571428575</v>
      </c>
      <c r="W55" s="35"/>
      <c r="X55" s="15"/>
    </row>
    <row r="56" spans="2:24" x14ac:dyDescent="0.25">
      <c r="C56" s="32"/>
      <c r="D56" s="32"/>
      <c r="E56" s="9"/>
      <c r="F56" s="9"/>
      <c r="G56" s="26"/>
      <c r="H56" s="26"/>
      <c r="I56" s="26"/>
      <c r="J56" s="26"/>
      <c r="M56" s="25">
        <v>95.237724150000005</v>
      </c>
      <c r="N56" s="25">
        <v>0.42530982142857143</v>
      </c>
      <c r="W56" s="35"/>
      <c r="X56" s="15"/>
    </row>
    <row r="57" spans="2:24" x14ac:dyDescent="0.25">
      <c r="C57" s="32"/>
      <c r="D57" s="32"/>
      <c r="E57" s="9"/>
      <c r="F57" s="9"/>
      <c r="G57" s="26"/>
      <c r="H57" s="26"/>
      <c r="I57" s="26"/>
      <c r="J57" s="26"/>
      <c r="M57" s="25">
        <v>96.023047289999994</v>
      </c>
      <c r="N57" s="25">
        <v>0.42858080357142864</v>
      </c>
      <c r="W57" s="35"/>
      <c r="X57" s="15"/>
    </row>
    <row r="58" spans="2:24" x14ac:dyDescent="0.25">
      <c r="C58" s="32"/>
      <c r="D58" s="32"/>
      <c r="E58" s="9"/>
      <c r="F58" s="9"/>
      <c r="G58" s="26"/>
      <c r="H58" s="26"/>
      <c r="I58" s="26"/>
      <c r="J58" s="26"/>
      <c r="M58" s="25">
        <v>96.130876630000003</v>
      </c>
      <c r="N58" s="25">
        <v>0.4295553571428572</v>
      </c>
      <c r="W58" s="35"/>
      <c r="X58" s="15"/>
    </row>
    <row r="59" spans="2:24" x14ac:dyDescent="0.25">
      <c r="C59" s="32"/>
      <c r="D59" s="32"/>
      <c r="E59" s="9"/>
      <c r="F59" s="9"/>
      <c r="G59" s="26"/>
      <c r="H59" s="26"/>
      <c r="I59" s="26"/>
      <c r="J59" s="26"/>
      <c r="M59" s="25">
        <v>96.21022275</v>
      </c>
      <c r="N59" s="25">
        <v>0.43024241071428576</v>
      </c>
      <c r="W59" s="35"/>
      <c r="X59" s="15"/>
    </row>
    <row r="60" spans="2:24" x14ac:dyDescent="0.25">
      <c r="C60" s="32"/>
      <c r="D60" s="32"/>
      <c r="E60" s="9"/>
      <c r="F60" s="9"/>
      <c r="G60" s="26"/>
      <c r="H60" s="26"/>
      <c r="I60" s="26"/>
      <c r="J60" s="26"/>
      <c r="M60" s="25">
        <v>96.72902431</v>
      </c>
      <c r="N60" s="25">
        <v>0.43224241071428576</v>
      </c>
      <c r="W60" s="35"/>
      <c r="X60" s="15"/>
    </row>
    <row r="61" spans="2:24" x14ac:dyDescent="0.25">
      <c r="C61" s="32"/>
      <c r="D61" s="32"/>
      <c r="E61" s="9"/>
      <c r="F61" s="9"/>
      <c r="G61" s="26"/>
      <c r="H61" s="26"/>
      <c r="I61" s="26"/>
      <c r="J61" s="26"/>
      <c r="M61" s="25">
        <v>96.962993639999993</v>
      </c>
      <c r="N61" s="25">
        <v>0.43382767857142857</v>
      </c>
      <c r="W61" s="35"/>
      <c r="X61" s="15"/>
    </row>
    <row r="62" spans="2:24" x14ac:dyDescent="0.25">
      <c r="C62" s="32"/>
      <c r="D62" s="32"/>
      <c r="E62" s="9"/>
      <c r="F62" s="9"/>
      <c r="G62" s="26"/>
      <c r="H62" s="26"/>
      <c r="I62" s="26"/>
      <c r="J62" s="26"/>
      <c r="M62" s="25">
        <v>97.575382930000004</v>
      </c>
      <c r="N62" s="25">
        <v>0.43649553571428573</v>
      </c>
      <c r="W62" s="35"/>
      <c r="X62" s="15"/>
    </row>
    <row r="63" spans="2:24" x14ac:dyDescent="0.25">
      <c r="C63" s="32"/>
      <c r="D63" s="32"/>
      <c r="E63" s="9"/>
      <c r="F63" s="9"/>
      <c r="G63" s="26"/>
      <c r="H63" s="26"/>
      <c r="I63" s="26"/>
      <c r="J63" s="26"/>
      <c r="M63" s="25">
        <v>99.9</v>
      </c>
      <c r="N63" s="25">
        <v>0.45380491071428569</v>
      </c>
      <c r="W63" s="35"/>
      <c r="X63" s="15"/>
    </row>
    <row r="64" spans="2:24" x14ac:dyDescent="0.25">
      <c r="C64" s="32"/>
      <c r="D64" s="32"/>
      <c r="E64" s="9"/>
      <c r="F64" s="9"/>
      <c r="G64" s="26"/>
      <c r="H64" s="26"/>
      <c r="I64" s="26"/>
      <c r="J64" s="26"/>
      <c r="W64" s="35"/>
      <c r="X64" s="15"/>
    </row>
    <row r="65" spans="3:24" x14ac:dyDescent="0.25">
      <c r="C65" s="32"/>
      <c r="D65" s="32"/>
      <c r="E65" s="9"/>
      <c r="F65" s="9"/>
      <c r="G65" s="26"/>
      <c r="H65" s="26"/>
      <c r="I65" s="26"/>
      <c r="J65" s="26"/>
      <c r="W65" s="35"/>
      <c r="X65" s="15"/>
    </row>
    <row r="66" spans="3:24" x14ac:dyDescent="0.25">
      <c r="C66" s="32"/>
      <c r="D66" s="32"/>
      <c r="E66" s="9"/>
      <c r="F66" s="9"/>
      <c r="G66" s="26"/>
      <c r="H66" s="26"/>
      <c r="I66" s="26"/>
      <c r="J66" s="26"/>
      <c r="X66" s="36"/>
    </row>
    <row r="67" spans="3:24" x14ac:dyDescent="0.25">
      <c r="C67" s="32"/>
      <c r="D67" s="32"/>
      <c r="E67" s="9"/>
      <c r="F67" s="9"/>
      <c r="G67" s="26"/>
      <c r="H67" s="26"/>
      <c r="I67" s="26"/>
      <c r="J67" s="26"/>
      <c r="X67" s="36"/>
    </row>
    <row r="68" spans="3:24" x14ac:dyDescent="0.25">
      <c r="C68" s="32"/>
      <c r="D68" s="32"/>
      <c r="E68" s="9"/>
      <c r="F68" s="9"/>
      <c r="G68" s="26"/>
      <c r="H68" s="26"/>
      <c r="I68" s="26"/>
      <c r="J68" s="26"/>
      <c r="X68" s="36"/>
    </row>
    <row r="69" spans="3:24" x14ac:dyDescent="0.25">
      <c r="C69" s="32"/>
      <c r="D69" s="32"/>
      <c r="E69" s="9"/>
      <c r="F69" s="9"/>
      <c r="G69" s="26"/>
      <c r="H69" s="26"/>
      <c r="I69" s="26"/>
      <c r="J69" s="26"/>
      <c r="X69" s="36"/>
    </row>
    <row r="70" spans="3:24" x14ac:dyDescent="0.25">
      <c r="C70" s="33"/>
      <c r="D70" s="33"/>
      <c r="E70" s="9"/>
      <c r="F70" s="9"/>
      <c r="G70" s="26"/>
      <c r="H70" s="26"/>
      <c r="X70" s="36"/>
    </row>
    <row r="71" spans="3:24" x14ac:dyDescent="0.25">
      <c r="C71" s="33"/>
      <c r="D71" s="33"/>
      <c r="E71" s="26"/>
      <c r="F71" s="26"/>
      <c r="G71" s="26"/>
      <c r="H71" s="26"/>
      <c r="X71" s="36"/>
    </row>
    <row r="72" spans="3:24" x14ac:dyDescent="0.25">
      <c r="C72" s="19"/>
      <c r="D72" s="33"/>
      <c r="E72" s="26"/>
      <c r="F72" s="26"/>
      <c r="G72" s="26"/>
      <c r="H72" s="26"/>
    </row>
    <row r="73" spans="3:24" x14ac:dyDescent="0.25">
      <c r="C73" s="33"/>
      <c r="D73" s="33"/>
      <c r="E73" s="26"/>
      <c r="F73" s="26"/>
      <c r="G73" s="26"/>
      <c r="H73" s="26"/>
    </row>
    <row r="74" spans="3:24" x14ac:dyDescent="0.25">
      <c r="C74" s="33"/>
      <c r="D74" s="33"/>
      <c r="E74" s="26"/>
      <c r="F74" s="26"/>
      <c r="G74" s="26"/>
      <c r="H74" s="26"/>
    </row>
    <row r="75" spans="3:24" x14ac:dyDescent="0.25">
      <c r="C75" s="33"/>
      <c r="D75" s="33"/>
      <c r="E75" s="26"/>
      <c r="F75" s="26"/>
      <c r="G75" s="26"/>
      <c r="H75" s="26"/>
    </row>
    <row r="76" spans="3:24" x14ac:dyDescent="0.25">
      <c r="C76" s="33"/>
      <c r="D76" s="33"/>
    </row>
  </sheetData>
  <pageMargins left="0.7" right="0.7" top="0.75" bottom="0.75" header="0.3" footer="0.3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A46E16-F5C1-4C3D-9CBF-7318F5D07F58}">
  <dimension ref="B4:AA76"/>
  <sheetViews>
    <sheetView zoomScale="77" zoomScaleNormal="77" workbookViewId="0">
      <selection activeCell="Q32" sqref="Q32"/>
    </sheetView>
  </sheetViews>
  <sheetFormatPr defaultColWidth="9" defaultRowHeight="15" x14ac:dyDescent="0.25"/>
  <cols>
    <col min="1" max="2" width="9" style="25"/>
    <col min="3" max="6" width="9.140625" style="25" bestFit="1" customWidth="1"/>
    <col min="7" max="7" width="12.7109375" style="25" customWidth="1"/>
    <col min="8" max="8" width="9.140625" style="25" bestFit="1" customWidth="1"/>
    <col min="9" max="16384" width="9" style="25"/>
  </cols>
  <sheetData>
    <row r="4" spans="2:23" x14ac:dyDescent="0.25">
      <c r="B4" s="11" t="s">
        <v>9</v>
      </c>
      <c r="C4" s="38">
        <v>313</v>
      </c>
    </row>
    <row r="5" spans="2:23" x14ac:dyDescent="0.25">
      <c r="B5" s="11" t="s">
        <v>10</v>
      </c>
      <c r="C5" s="38" t="s">
        <v>3</v>
      </c>
    </row>
    <row r="6" spans="2:23" x14ac:dyDescent="0.25">
      <c r="B6" s="11" t="s">
        <v>4</v>
      </c>
      <c r="C6" s="19" t="s">
        <v>20</v>
      </c>
      <c r="D6" s="19"/>
      <c r="E6" s="11" t="s">
        <v>19</v>
      </c>
      <c r="F6"/>
      <c r="G6" s="24" t="s">
        <v>18</v>
      </c>
      <c r="H6" s="24"/>
      <c r="I6" s="11" t="s">
        <v>21</v>
      </c>
      <c r="J6"/>
      <c r="L6" s="24" t="s">
        <v>22</v>
      </c>
    </row>
    <row r="7" spans="2:23" x14ac:dyDescent="0.25">
      <c r="C7" s="16" t="s">
        <v>26</v>
      </c>
      <c r="D7" s="16" t="s">
        <v>27</v>
      </c>
      <c r="E7" s="16" t="s">
        <v>26</v>
      </c>
      <c r="F7" s="16" t="s">
        <v>27</v>
      </c>
      <c r="G7" s="16" t="s">
        <v>26</v>
      </c>
      <c r="H7" s="16" t="s">
        <v>27</v>
      </c>
      <c r="I7" s="16" t="s">
        <v>26</v>
      </c>
      <c r="J7" s="16" t="s">
        <v>27</v>
      </c>
      <c r="L7" s="16" t="s">
        <v>26</v>
      </c>
      <c r="M7" s="16" t="s">
        <v>27</v>
      </c>
    </row>
    <row r="8" spans="2:23" x14ac:dyDescent="0.25">
      <c r="C8" s="9">
        <v>3.9515410000000001E-2</v>
      </c>
      <c r="D8" s="26">
        <v>0.11262053571428572</v>
      </c>
      <c r="E8">
        <v>8.0692219999999995E-2</v>
      </c>
      <c r="F8">
        <v>0.20560669642857146</v>
      </c>
      <c r="G8" s="26">
        <v>8.0692219999999995E-2</v>
      </c>
      <c r="H8" s="26">
        <v>0.22371785714285716</v>
      </c>
      <c r="I8">
        <v>0.18888669999999999</v>
      </c>
      <c r="J8">
        <v>0.29290580357142859</v>
      </c>
      <c r="L8" s="25">
        <v>2.0723289999999998E-2</v>
      </c>
      <c r="M8" s="25">
        <v>8.281875000000001E-2</v>
      </c>
    </row>
    <row r="9" spans="2:23" x14ac:dyDescent="0.25">
      <c r="C9" s="26">
        <v>9.2976760000000006E-2</v>
      </c>
      <c r="D9" s="26">
        <v>0.22163526785714285</v>
      </c>
      <c r="E9">
        <v>0.41081821000000002</v>
      </c>
      <c r="F9">
        <v>0.40115357142857144</v>
      </c>
      <c r="G9" s="26">
        <v>0.41081821000000002</v>
      </c>
      <c r="H9" s="26">
        <v>0.43649017857142863</v>
      </c>
      <c r="I9">
        <v>1.7537527100000001</v>
      </c>
      <c r="J9">
        <v>0.5169263392857143</v>
      </c>
      <c r="L9" s="25">
        <v>3.9515410000000001E-2</v>
      </c>
      <c r="M9" s="25">
        <v>0.15181562500000001</v>
      </c>
    </row>
    <row r="10" spans="2:23" x14ac:dyDescent="0.25">
      <c r="C10" s="26">
        <v>0.22352071000000001</v>
      </c>
      <c r="D10" s="26">
        <v>0.32704375000000002</v>
      </c>
      <c r="E10">
        <v>1.6683030400000001</v>
      </c>
      <c r="F10">
        <v>0.5401424107142857</v>
      </c>
      <c r="G10" s="26">
        <v>1.6683030400000001</v>
      </c>
      <c r="H10" s="26">
        <v>0.58772187500000006</v>
      </c>
      <c r="I10">
        <v>6.0994786899999998</v>
      </c>
      <c r="J10">
        <v>0.61343973214285719</v>
      </c>
      <c r="L10" s="25">
        <v>4.3659950000000003E-2</v>
      </c>
      <c r="M10" s="25">
        <v>0.22121473214285717</v>
      </c>
    </row>
    <row r="11" spans="2:23" x14ac:dyDescent="0.25">
      <c r="C11" s="26">
        <v>0.59600604999999995</v>
      </c>
      <c r="D11" s="26">
        <v>0.42333660714285715</v>
      </c>
      <c r="E11">
        <v>4.3050356599999997</v>
      </c>
      <c r="F11">
        <v>0.61317053571428581</v>
      </c>
      <c r="G11" s="26">
        <v>4.3050356599999997</v>
      </c>
      <c r="H11" s="26">
        <v>0.66718258928571428</v>
      </c>
      <c r="I11">
        <v>11.340391670000001</v>
      </c>
      <c r="J11">
        <v>0.67416964285714287</v>
      </c>
      <c r="L11" s="25">
        <v>6.8385840000000003E-2</v>
      </c>
      <c r="M11" s="25">
        <v>0.28975401785714289</v>
      </c>
      <c r="V11" s="8"/>
      <c r="W11" s="8"/>
    </row>
    <row r="12" spans="2:23" x14ac:dyDescent="0.25">
      <c r="C12" s="26">
        <v>1.26139986</v>
      </c>
      <c r="D12" s="26">
        <v>0.50806651785714285</v>
      </c>
      <c r="E12">
        <v>7.3629130700000003</v>
      </c>
      <c r="F12">
        <v>0.66510044642857147</v>
      </c>
      <c r="G12" s="26">
        <v>7.3629130700000003</v>
      </c>
      <c r="H12" s="26">
        <v>0.72368660714285715</v>
      </c>
      <c r="I12">
        <v>16.794928819999999</v>
      </c>
      <c r="J12">
        <v>0.72444687499999993</v>
      </c>
      <c r="L12" s="25">
        <v>9.9112939999999997E-2</v>
      </c>
      <c r="M12" s="25">
        <v>0.35854241071428572</v>
      </c>
      <c r="V12" s="8"/>
      <c r="W12" s="8"/>
    </row>
    <row r="13" spans="2:23" x14ac:dyDescent="0.25">
      <c r="C13" s="26">
        <v>2.6936990600000001</v>
      </c>
      <c r="D13" s="26">
        <v>0.5599004464285714</v>
      </c>
      <c r="E13">
        <v>10.500136599999999</v>
      </c>
      <c r="F13">
        <v>0.70971473214285719</v>
      </c>
      <c r="G13" s="26">
        <v>10.500136599999999</v>
      </c>
      <c r="H13" s="26">
        <v>0.77223125000000004</v>
      </c>
      <c r="I13">
        <v>22.064325019999998</v>
      </c>
      <c r="J13">
        <v>0.77002767857142862</v>
      </c>
      <c r="L13" s="25">
        <v>0.17665885000000001</v>
      </c>
      <c r="M13" s="25">
        <v>0.42510267857142858</v>
      </c>
      <c r="V13" s="8"/>
      <c r="W13" s="8"/>
    </row>
    <row r="14" spans="2:23" x14ac:dyDescent="0.25">
      <c r="C14" s="26">
        <v>4.2012753500000004</v>
      </c>
      <c r="D14" s="26">
        <v>0.60810223214285719</v>
      </c>
      <c r="E14">
        <v>16.402267250000001</v>
      </c>
      <c r="F14">
        <v>0.77056696428571436</v>
      </c>
      <c r="G14" s="26">
        <v>16.402267250000001</v>
      </c>
      <c r="H14" s="26">
        <v>0.83844375000000004</v>
      </c>
      <c r="I14">
        <v>29.59813742</v>
      </c>
      <c r="J14">
        <v>0.81161651785714284</v>
      </c>
      <c r="L14" s="25">
        <v>0.29072079000000001</v>
      </c>
      <c r="M14" s="25">
        <v>0.4891879464285715</v>
      </c>
      <c r="V14" s="8"/>
      <c r="W14" s="8"/>
    </row>
    <row r="15" spans="2:23" x14ac:dyDescent="0.25">
      <c r="C15" s="26">
        <v>5.8899235499999998</v>
      </c>
      <c r="D15" s="26">
        <v>0.64195312500000001</v>
      </c>
      <c r="E15">
        <v>22.684852370000002</v>
      </c>
      <c r="F15">
        <v>0.81264107142857145</v>
      </c>
      <c r="G15" s="26">
        <v>22.684852370000002</v>
      </c>
      <c r="H15" s="26">
        <v>0.88422366071428571</v>
      </c>
      <c r="I15">
        <v>43.235497549999998</v>
      </c>
      <c r="J15">
        <v>0.87104419642857145</v>
      </c>
      <c r="L15" s="25">
        <v>0.48408350999999999</v>
      </c>
      <c r="M15" s="25">
        <v>0.54906116071428579</v>
      </c>
      <c r="V15" s="8"/>
      <c r="W15" s="8"/>
    </row>
    <row r="16" spans="2:23" x14ac:dyDescent="0.25">
      <c r="C16" s="26">
        <v>7.5114327300000001</v>
      </c>
      <c r="D16" s="26">
        <v>0.67570491071428573</v>
      </c>
      <c r="E16">
        <v>28.914540079999998</v>
      </c>
      <c r="F16">
        <v>0.85852098214285721</v>
      </c>
      <c r="G16" s="26">
        <v>28.914540079999998</v>
      </c>
      <c r="H16" s="26">
        <v>0.93414553571428571</v>
      </c>
      <c r="I16">
        <v>62.15853001</v>
      </c>
      <c r="J16">
        <v>0.94137678571428574</v>
      </c>
      <c r="L16" s="25">
        <v>0.70995585000000005</v>
      </c>
      <c r="M16" s="25">
        <v>0.60622366071428568</v>
      </c>
      <c r="V16" s="8"/>
      <c r="W16" s="8"/>
    </row>
    <row r="17" spans="3:27" x14ac:dyDescent="0.25">
      <c r="C17" s="26">
        <v>9.4360847799999998</v>
      </c>
      <c r="D17" s="26">
        <v>0.70657366071428573</v>
      </c>
      <c r="E17">
        <v>35.205263260000002</v>
      </c>
      <c r="F17">
        <v>0.89213348214285715</v>
      </c>
      <c r="G17" s="26">
        <v>35.205263260000002</v>
      </c>
      <c r="H17" s="26">
        <v>0.97071875000000007</v>
      </c>
      <c r="I17">
        <v>81.472189520000001</v>
      </c>
      <c r="J17">
        <v>0.99931473214285726</v>
      </c>
      <c r="L17" s="25">
        <v>1.1535705199999999</v>
      </c>
      <c r="M17" s="25">
        <v>0.65181383928571435</v>
      </c>
      <c r="V17" s="8"/>
      <c r="W17" s="8"/>
    </row>
    <row r="18" spans="3:27" x14ac:dyDescent="0.25">
      <c r="C18" s="26">
        <v>11.444151979999999</v>
      </c>
      <c r="D18" s="26">
        <v>0.73096026785714285</v>
      </c>
      <c r="E18">
        <v>41.351535820000002</v>
      </c>
      <c r="F18">
        <v>0.9248665178571428</v>
      </c>
      <c r="G18" s="26">
        <v>41.351535820000002</v>
      </c>
      <c r="H18" s="26">
        <v>1.0063348214285714</v>
      </c>
      <c r="I18">
        <v>88.666237769999995</v>
      </c>
      <c r="J18">
        <v>1.0264799107142857</v>
      </c>
      <c r="L18" s="25">
        <v>1.6621995000000001</v>
      </c>
      <c r="M18" s="25">
        <v>0.69423392857142863</v>
      </c>
      <c r="V18" s="8"/>
      <c r="W18" s="8"/>
    </row>
    <row r="19" spans="3:27" x14ac:dyDescent="0.25">
      <c r="C19" s="26">
        <v>17.142831040000001</v>
      </c>
      <c r="D19" s="26">
        <v>0.78543794642857157</v>
      </c>
      <c r="E19">
        <v>49.815122000000002</v>
      </c>
      <c r="F19">
        <v>0.95880982142857152</v>
      </c>
      <c r="G19" s="26">
        <v>49.815122000000002</v>
      </c>
      <c r="H19" s="26">
        <v>1.0432678571428571</v>
      </c>
      <c r="I19">
        <v>95.839940859999999</v>
      </c>
      <c r="J19">
        <v>1.0508571428571429</v>
      </c>
      <c r="L19" s="25">
        <v>2.2867958800000001</v>
      </c>
      <c r="M19" s="25">
        <v>0.72953750000000017</v>
      </c>
      <c r="V19" s="8"/>
      <c r="W19" s="8"/>
    </row>
    <row r="20" spans="3:27" x14ac:dyDescent="0.25">
      <c r="C20" s="26">
        <v>23.193481349999999</v>
      </c>
      <c r="D20" s="26">
        <v>0.82640580357142857</v>
      </c>
      <c r="E20">
        <v>58.516746529999999</v>
      </c>
      <c r="F20">
        <v>0.9962683035714287</v>
      </c>
      <c r="G20" s="26">
        <v>58.516746529999999</v>
      </c>
      <c r="H20" s="26">
        <v>1.0840263392857143</v>
      </c>
      <c r="I20">
        <v>101.75427860000001</v>
      </c>
      <c r="J20">
        <v>1.0914883928571428</v>
      </c>
      <c r="L20" s="25">
        <v>2.84221872</v>
      </c>
      <c r="M20" s="25">
        <v>0.76520937499999997</v>
      </c>
      <c r="V20" s="8"/>
      <c r="W20" s="8"/>
    </row>
    <row r="21" spans="3:27" x14ac:dyDescent="0.25">
      <c r="C21" s="26">
        <v>29.09357748</v>
      </c>
      <c r="D21" s="26">
        <v>0.87026741071428582</v>
      </c>
      <c r="E21">
        <v>67.010850450000007</v>
      </c>
      <c r="F21">
        <v>1.026210267857143</v>
      </c>
      <c r="G21" s="26">
        <v>67.010850450000007</v>
      </c>
      <c r="H21" s="26">
        <v>1.1166058035714288</v>
      </c>
      <c r="I21"/>
      <c r="J21"/>
      <c r="L21" s="25">
        <v>4.0263069800000002</v>
      </c>
      <c r="M21" s="25">
        <v>0.81278839285714288</v>
      </c>
      <c r="V21" s="8"/>
      <c r="W21" s="8"/>
    </row>
    <row r="22" spans="3:27" x14ac:dyDescent="0.25">
      <c r="C22" s="26">
        <v>35.046571020000002</v>
      </c>
      <c r="D22" s="26">
        <v>0.90028348214285725</v>
      </c>
      <c r="E22" s="26">
        <v>75.539541130000003</v>
      </c>
      <c r="F22" s="26">
        <v>1.0547129464285714</v>
      </c>
      <c r="G22" s="26">
        <v>75.539541130000003</v>
      </c>
      <c r="H22" s="26">
        <v>1.1476191964285714</v>
      </c>
      <c r="I22"/>
      <c r="J22"/>
      <c r="L22" s="25">
        <v>4.7994230299999998</v>
      </c>
      <c r="M22" s="25">
        <v>0.83480401785714287</v>
      </c>
      <c r="V22" s="8"/>
      <c r="W22" s="8"/>
    </row>
    <row r="23" spans="3:27" x14ac:dyDescent="0.25">
      <c r="C23" s="26">
        <v>40.958874250000001</v>
      </c>
      <c r="D23" s="26">
        <v>0.92831473214285731</v>
      </c>
      <c r="E23" s="26">
        <v>83.903436029999995</v>
      </c>
      <c r="F23" s="26">
        <v>1.0797066964285715</v>
      </c>
      <c r="G23" s="26">
        <v>83.903436029999995</v>
      </c>
      <c r="H23" s="26">
        <v>1.1748147321428573</v>
      </c>
      <c r="L23" s="25">
        <v>6.2296877100000003</v>
      </c>
      <c r="M23" s="25">
        <v>0.86428482142857144</v>
      </c>
      <c r="V23" s="8"/>
      <c r="W23" s="8"/>
    </row>
    <row r="24" spans="3:27" x14ac:dyDescent="0.25">
      <c r="C24" s="26">
        <v>49.162042390000003</v>
      </c>
      <c r="D24" s="26">
        <v>0.96393705357142856</v>
      </c>
      <c r="E24" s="26">
        <v>93.884771069999999</v>
      </c>
      <c r="F24" s="26">
        <v>1.1114227678571429</v>
      </c>
      <c r="G24" s="26">
        <v>93.884771069999999</v>
      </c>
      <c r="H24" s="26">
        <v>1.2093245535714285</v>
      </c>
      <c r="L24" s="25">
        <v>6.9478718199999996</v>
      </c>
      <c r="M24" s="25">
        <v>0.88440446428571429</v>
      </c>
      <c r="V24" s="8"/>
      <c r="W24" s="8"/>
      <c r="Z24" s="28"/>
    </row>
    <row r="25" spans="3:27" x14ac:dyDescent="0.25">
      <c r="C25" s="26">
        <v>57.383521170000002</v>
      </c>
      <c r="D25" s="26">
        <v>1.0003562500000001</v>
      </c>
      <c r="E25" s="26">
        <v>99.658727209999995</v>
      </c>
      <c r="F25" s="26">
        <v>1.1479089285714286</v>
      </c>
      <c r="G25" s="26">
        <v>99.658727209999995</v>
      </c>
      <c r="H25" s="26">
        <v>1.2490245535714286</v>
      </c>
      <c r="L25" s="25">
        <v>8.4595171400000009</v>
      </c>
      <c r="M25" s="25">
        <v>0.90807455357142863</v>
      </c>
      <c r="V25" s="8"/>
      <c r="W25" s="8"/>
    </row>
    <row r="26" spans="3:27" x14ac:dyDescent="0.25">
      <c r="C26" s="26">
        <v>65.753519620000006</v>
      </c>
      <c r="D26" s="26">
        <v>1.0287620535714286</v>
      </c>
      <c r="E26" s="26"/>
      <c r="F26" s="26"/>
      <c r="G26" s="26"/>
      <c r="H26" s="26"/>
      <c r="L26" s="25">
        <v>12.38206381</v>
      </c>
      <c r="M26" s="25">
        <v>0.95394241071428587</v>
      </c>
      <c r="V26" s="8"/>
      <c r="W26" s="8"/>
    </row>
    <row r="27" spans="3:27" x14ac:dyDescent="0.25">
      <c r="C27" s="26">
        <v>74.072655159999996</v>
      </c>
      <c r="D27" s="26">
        <v>1.0526151785714286</v>
      </c>
      <c r="E27" s="26"/>
      <c r="F27" s="26"/>
      <c r="G27" s="26"/>
      <c r="H27" s="26"/>
      <c r="L27" s="25">
        <v>12.906968920000001</v>
      </c>
      <c r="M27" s="25">
        <v>0.96840267857142859</v>
      </c>
      <c r="V27" s="8"/>
      <c r="W27" s="8"/>
    </row>
    <row r="28" spans="3:27" x14ac:dyDescent="0.25">
      <c r="C28" s="26">
        <v>83.466015110000001</v>
      </c>
      <c r="D28" s="26">
        <v>1.0874424107142857</v>
      </c>
      <c r="E28" s="26"/>
      <c r="F28" s="26"/>
      <c r="G28" s="26"/>
      <c r="H28" s="26"/>
      <c r="L28" s="25">
        <v>16.82544656</v>
      </c>
      <c r="M28" s="25">
        <v>1.0044200892857142</v>
      </c>
      <c r="V28" s="8"/>
      <c r="W28" s="8"/>
      <c r="Z28" s="30"/>
      <c r="AA28" s="15"/>
    </row>
    <row r="29" spans="3:27" x14ac:dyDescent="0.25">
      <c r="C29" s="26">
        <v>93.156414369999993</v>
      </c>
      <c r="D29" s="26">
        <v>1.1160723214285715</v>
      </c>
      <c r="E29" s="26"/>
      <c r="F29" s="26"/>
      <c r="G29" s="26"/>
      <c r="H29" s="26"/>
      <c r="L29" s="25">
        <v>20.522161959999998</v>
      </c>
      <c r="M29" s="25">
        <v>1.0377285714285716</v>
      </c>
      <c r="V29" s="8"/>
      <c r="W29" s="8"/>
      <c r="Z29" s="30"/>
      <c r="AA29" s="15"/>
    </row>
    <row r="30" spans="3:27" x14ac:dyDescent="0.25">
      <c r="C30" s="26">
        <v>99.251824029999995</v>
      </c>
      <c r="D30" s="26">
        <v>1.1535129464285714</v>
      </c>
      <c r="E30" s="26"/>
      <c r="F30" s="26"/>
      <c r="G30" s="26"/>
      <c r="H30" s="26"/>
      <c r="L30" s="25">
        <v>24.265671229999999</v>
      </c>
      <c r="M30" s="25">
        <v>1.066291517857143</v>
      </c>
      <c r="V30" s="8"/>
      <c r="W30" s="8"/>
      <c r="Z30" s="30"/>
      <c r="AA30" s="15"/>
    </row>
    <row r="31" spans="3:27" x14ac:dyDescent="0.25">
      <c r="C31" s="26"/>
      <c r="D31" s="26"/>
      <c r="E31" s="26"/>
      <c r="F31" s="26"/>
      <c r="G31" s="26"/>
      <c r="H31" s="26"/>
      <c r="L31" s="25">
        <v>27.754866010000001</v>
      </c>
      <c r="M31" s="25">
        <v>1.0995816964285714</v>
      </c>
      <c r="V31" s="8"/>
      <c r="W31" s="8"/>
      <c r="Z31" s="30"/>
      <c r="AA31" s="15"/>
    </row>
    <row r="32" spans="3:27" x14ac:dyDescent="0.25">
      <c r="C32" s="26"/>
      <c r="D32" s="26"/>
      <c r="E32" s="26"/>
      <c r="F32" s="26"/>
      <c r="G32" s="26"/>
      <c r="H32" s="26"/>
      <c r="L32" s="25">
        <v>28.768054930000002</v>
      </c>
      <c r="M32" s="25">
        <v>1.1076459821428573</v>
      </c>
      <c r="V32" s="8"/>
      <c r="W32" s="8"/>
      <c r="Z32" s="30"/>
      <c r="AA32" s="15"/>
    </row>
    <row r="33" spans="3:27" x14ac:dyDescent="0.25">
      <c r="C33" s="32"/>
      <c r="D33" s="32"/>
      <c r="E33" s="26"/>
      <c r="F33" s="26"/>
      <c r="G33" s="26"/>
      <c r="H33" s="26"/>
      <c r="L33" s="25">
        <v>29.63068968</v>
      </c>
      <c r="M33" s="25">
        <v>1.1193767857142858</v>
      </c>
      <c r="V33" s="8"/>
      <c r="W33" s="8"/>
      <c r="Z33" s="30"/>
      <c r="AA33" s="15"/>
    </row>
    <row r="34" spans="3:27" x14ac:dyDescent="0.25">
      <c r="C34" s="32"/>
      <c r="D34" s="32"/>
      <c r="E34" s="26"/>
      <c r="F34" s="26"/>
      <c r="G34" s="26"/>
      <c r="H34" s="26"/>
      <c r="L34" s="25">
        <v>30.61742989</v>
      </c>
      <c r="M34" s="25">
        <v>1.125715625</v>
      </c>
      <c r="V34" s="8"/>
      <c r="W34" s="8"/>
      <c r="Z34" s="30"/>
      <c r="AA34" s="15"/>
    </row>
    <row r="35" spans="3:27" x14ac:dyDescent="0.25">
      <c r="C35" s="32"/>
      <c r="D35" s="32"/>
      <c r="E35" s="26"/>
      <c r="F35" s="26"/>
      <c r="G35" s="26"/>
      <c r="H35" s="26"/>
      <c r="L35" s="25">
        <v>31.506513340000001</v>
      </c>
      <c r="M35" s="25">
        <v>1.1353276785714286</v>
      </c>
      <c r="V35" s="8"/>
      <c r="W35" s="8"/>
      <c r="Z35" s="30"/>
      <c r="AA35" s="15"/>
    </row>
    <row r="36" spans="3:27" x14ac:dyDescent="0.25">
      <c r="C36" s="32"/>
      <c r="D36" s="32"/>
      <c r="E36" s="26"/>
      <c r="F36" s="26"/>
      <c r="G36" s="26"/>
      <c r="H36" s="26"/>
      <c r="L36" s="25">
        <v>32.306078100000001</v>
      </c>
      <c r="M36" s="25">
        <v>1.145428125</v>
      </c>
      <c r="V36" s="8"/>
      <c r="W36" s="8"/>
      <c r="Z36" s="30"/>
      <c r="AA36" s="15"/>
    </row>
    <row r="37" spans="3:27" x14ac:dyDescent="0.25">
      <c r="C37" s="32"/>
      <c r="D37" s="32"/>
      <c r="E37" s="26"/>
      <c r="F37" s="26"/>
      <c r="G37" s="26"/>
      <c r="H37" s="26"/>
      <c r="L37" s="25">
        <v>35.831894159999997</v>
      </c>
      <c r="M37" s="25">
        <v>1.1639558035714286</v>
      </c>
      <c r="V37" s="8"/>
      <c r="W37" s="8"/>
    </row>
    <row r="38" spans="3:27" x14ac:dyDescent="0.25">
      <c r="C38" s="32"/>
      <c r="D38" s="32"/>
      <c r="E38" s="26"/>
      <c r="F38" s="26"/>
      <c r="G38" s="26"/>
      <c r="H38" s="26"/>
      <c r="L38" s="25">
        <v>36.474801190000001</v>
      </c>
      <c r="M38" s="25">
        <v>1.172863392857143</v>
      </c>
      <c r="V38" s="8"/>
      <c r="W38" s="8"/>
    </row>
    <row r="39" spans="3:27" x14ac:dyDescent="0.25">
      <c r="C39" s="26"/>
      <c r="D39" s="26"/>
      <c r="E39" s="26"/>
      <c r="F39" s="26"/>
      <c r="G39" s="26"/>
      <c r="H39" s="26"/>
      <c r="L39" s="25">
        <v>39.654749549999998</v>
      </c>
      <c r="M39" s="25">
        <v>1.1897491071428572</v>
      </c>
      <c r="V39" s="8"/>
      <c r="W39" s="8"/>
    </row>
    <row r="40" spans="3:27" x14ac:dyDescent="0.25">
      <c r="C40" s="26"/>
      <c r="D40" s="26"/>
      <c r="E40" s="26"/>
      <c r="F40" s="26"/>
      <c r="G40" s="26"/>
      <c r="H40" s="26"/>
      <c r="I40" s="33"/>
      <c r="J40" s="33"/>
      <c r="K40" s="33"/>
      <c r="L40" s="25">
        <v>40.411589470000003</v>
      </c>
      <c r="M40" s="25">
        <v>1.1968504464285714</v>
      </c>
      <c r="V40" s="8"/>
      <c r="W40" s="8"/>
    </row>
    <row r="41" spans="3:27" x14ac:dyDescent="0.25">
      <c r="C41" s="26"/>
      <c r="D41" s="26"/>
      <c r="E41" s="26"/>
      <c r="F41" s="26"/>
      <c r="G41" s="26"/>
      <c r="H41" s="26"/>
      <c r="L41" s="25">
        <v>44.382964520000002</v>
      </c>
      <c r="M41" s="25">
        <v>1.2174441964285714</v>
      </c>
      <c r="V41" s="8"/>
      <c r="W41" s="8"/>
    </row>
    <row r="42" spans="3:27" x14ac:dyDescent="0.25">
      <c r="C42" s="26"/>
      <c r="D42" s="26"/>
      <c r="E42" s="26"/>
      <c r="F42" s="26"/>
      <c r="G42" s="26"/>
      <c r="H42" s="26"/>
      <c r="L42" s="25">
        <v>48.27092442</v>
      </c>
      <c r="M42" s="25">
        <v>1.2381933035714288</v>
      </c>
      <c r="V42" s="8"/>
      <c r="W42" s="8"/>
    </row>
    <row r="43" spans="3:27" x14ac:dyDescent="0.25">
      <c r="C43" s="26"/>
      <c r="D43" s="26"/>
      <c r="E43" s="26"/>
      <c r="F43" s="26"/>
      <c r="G43" s="26"/>
      <c r="H43" s="26"/>
      <c r="L43" s="25">
        <v>48.862968549999998</v>
      </c>
      <c r="M43" s="25">
        <v>1.2457486607142858</v>
      </c>
      <c r="V43" s="8"/>
      <c r="W43" s="8"/>
    </row>
    <row r="44" spans="3:27" x14ac:dyDescent="0.25">
      <c r="C44" s="26"/>
      <c r="D44" s="26"/>
      <c r="E44" s="26"/>
      <c r="F44" s="26"/>
      <c r="G44" s="26"/>
      <c r="H44" s="26"/>
      <c r="L44" s="25">
        <v>52.553580410000002</v>
      </c>
      <c r="M44" s="25">
        <v>1.2670852678571429</v>
      </c>
      <c r="V44" s="8"/>
      <c r="W44" s="8"/>
    </row>
    <row r="45" spans="3:27" x14ac:dyDescent="0.25">
      <c r="C45" s="26"/>
      <c r="D45" s="26"/>
      <c r="E45" s="26"/>
      <c r="F45" s="26"/>
      <c r="G45" s="26"/>
      <c r="H45" s="26"/>
      <c r="L45" s="25">
        <v>56.372366769999999</v>
      </c>
      <c r="M45" s="25">
        <v>1.2818892857142858</v>
      </c>
      <c r="V45" s="8"/>
      <c r="W45" s="8"/>
    </row>
    <row r="46" spans="3:27" x14ac:dyDescent="0.25">
      <c r="C46" s="26"/>
      <c r="D46" s="26"/>
      <c r="E46" s="26"/>
      <c r="F46" s="26"/>
      <c r="G46" s="26"/>
      <c r="H46" s="26"/>
      <c r="L46" s="25">
        <v>56.826063810000001</v>
      </c>
      <c r="M46" s="25">
        <v>1.2872687500000002</v>
      </c>
      <c r="V46" s="8"/>
      <c r="W46" s="8"/>
    </row>
    <row r="47" spans="3:27" x14ac:dyDescent="0.25">
      <c r="C47" s="26"/>
      <c r="D47" s="26"/>
      <c r="E47" s="26"/>
      <c r="F47" s="26"/>
      <c r="G47" s="26"/>
      <c r="H47" s="26"/>
      <c r="L47" s="25">
        <v>60.006012179999999</v>
      </c>
      <c r="M47" s="25">
        <v>1.3034441964285715</v>
      </c>
      <c r="V47" s="8"/>
      <c r="W47" s="8"/>
    </row>
    <row r="48" spans="3:27" x14ac:dyDescent="0.25">
      <c r="C48" s="26"/>
      <c r="D48" s="26"/>
      <c r="E48" s="26"/>
      <c r="F48" s="26"/>
      <c r="G48" s="26"/>
      <c r="H48" s="26"/>
      <c r="L48" s="25">
        <v>63.491137930000001</v>
      </c>
      <c r="M48" s="25">
        <v>1.3256767857142859</v>
      </c>
      <c r="V48" s="8"/>
      <c r="W48" s="8"/>
    </row>
    <row r="49" spans="2:23" x14ac:dyDescent="0.25">
      <c r="C49" s="26"/>
      <c r="D49" s="26"/>
      <c r="E49" s="26"/>
      <c r="F49" s="26"/>
      <c r="G49" s="26"/>
      <c r="H49" s="26"/>
      <c r="L49" s="25">
        <v>63.405688259999998</v>
      </c>
      <c r="M49" s="25">
        <v>1.3274325892857144</v>
      </c>
      <c r="V49" s="8"/>
      <c r="W49" s="8"/>
    </row>
    <row r="50" spans="2:23" x14ac:dyDescent="0.25">
      <c r="C50" s="26"/>
      <c r="D50" s="26"/>
      <c r="E50" s="26"/>
      <c r="F50" s="26"/>
      <c r="G50" s="26"/>
      <c r="H50" s="26"/>
      <c r="L50" s="25">
        <v>67.383166860000003</v>
      </c>
      <c r="M50" s="25">
        <v>1.3420964285714287</v>
      </c>
      <c r="V50" s="8"/>
      <c r="W50" s="8"/>
    </row>
    <row r="51" spans="2:23" x14ac:dyDescent="0.25">
      <c r="C51" s="26"/>
      <c r="D51" s="26"/>
      <c r="E51" s="26"/>
      <c r="F51" s="26"/>
      <c r="G51" s="26"/>
      <c r="H51" s="26"/>
      <c r="L51" s="25">
        <v>70.793015519999997</v>
      </c>
      <c r="M51" s="25">
        <v>1.3529209821428574</v>
      </c>
      <c r="V51" s="8"/>
      <c r="W51" s="8"/>
    </row>
    <row r="52" spans="2:23" x14ac:dyDescent="0.25">
      <c r="B52" s="11"/>
      <c r="C52" s="38"/>
      <c r="D52" s="26"/>
      <c r="E52" s="26"/>
      <c r="F52" s="26"/>
      <c r="G52" s="26"/>
      <c r="H52" s="26"/>
      <c r="L52" s="25">
        <v>70.937466150000006</v>
      </c>
      <c r="M52" s="25">
        <v>1.3549736607142859</v>
      </c>
      <c r="V52" s="8"/>
      <c r="W52" s="8"/>
    </row>
    <row r="53" spans="2:23" x14ac:dyDescent="0.25">
      <c r="B53" s="11"/>
      <c r="C53" s="38"/>
      <c r="D53" s="32"/>
      <c r="E53" s="26"/>
      <c r="F53" s="26"/>
      <c r="G53" s="32"/>
      <c r="H53" s="32"/>
      <c r="L53" s="25">
        <v>74.860012819999994</v>
      </c>
      <c r="M53" s="25">
        <v>1.3735553571428571</v>
      </c>
      <c r="V53" s="35"/>
      <c r="W53" s="15"/>
    </row>
    <row r="54" spans="2:23" x14ac:dyDescent="0.25">
      <c r="B54" s="11"/>
      <c r="C54" s="34"/>
      <c r="D54" s="34"/>
      <c r="E54" s="34"/>
      <c r="F54" s="34"/>
      <c r="G54" s="34"/>
      <c r="H54" s="34"/>
      <c r="L54" s="25">
        <v>78.784593999999998</v>
      </c>
      <c r="M54" s="25">
        <v>1.385507142857143</v>
      </c>
      <c r="V54" s="35"/>
      <c r="W54" s="15"/>
    </row>
    <row r="55" spans="2:23" x14ac:dyDescent="0.25">
      <c r="C55" s="34"/>
      <c r="D55" s="18"/>
      <c r="E55" s="34"/>
      <c r="F55" s="18"/>
      <c r="G55" s="34"/>
      <c r="H55" s="18"/>
      <c r="L55" s="25">
        <v>82.434515540000007</v>
      </c>
      <c r="M55" s="25">
        <v>1.3946285714285716</v>
      </c>
      <c r="V55" s="35"/>
      <c r="W55" s="15"/>
    </row>
    <row r="56" spans="2:23" x14ac:dyDescent="0.25">
      <c r="C56" s="32"/>
      <c r="D56" s="32"/>
      <c r="E56" s="9"/>
      <c r="F56" s="9"/>
      <c r="G56" s="26"/>
      <c r="H56" s="26"/>
      <c r="L56" s="25">
        <v>86.784310550000001</v>
      </c>
      <c r="M56" s="25">
        <v>1.4071982142857142</v>
      </c>
      <c r="V56" s="35"/>
      <c r="W56" s="15"/>
    </row>
    <row r="57" spans="2:23" x14ac:dyDescent="0.25">
      <c r="C57" s="32"/>
      <c r="D57" s="32"/>
      <c r="E57" s="9"/>
      <c r="F57" s="9"/>
      <c r="G57" s="26"/>
      <c r="H57" s="26"/>
      <c r="L57" s="25">
        <v>87.215627920000003</v>
      </c>
      <c r="M57" s="25">
        <v>1.4104406250000001</v>
      </c>
      <c r="V57" s="35"/>
      <c r="W57" s="15"/>
    </row>
    <row r="58" spans="2:23" x14ac:dyDescent="0.25">
      <c r="C58" s="32"/>
      <c r="D58" s="32"/>
      <c r="E58" s="9"/>
      <c r="F58" s="9"/>
      <c r="G58" s="26"/>
      <c r="H58" s="26"/>
      <c r="L58" s="25">
        <v>86.715137010000007</v>
      </c>
      <c r="M58" s="25">
        <v>1.4118205357142859</v>
      </c>
      <c r="V58" s="35"/>
      <c r="W58" s="15"/>
    </row>
    <row r="59" spans="2:23" x14ac:dyDescent="0.25">
      <c r="C59" s="32"/>
      <c r="D59" s="32"/>
      <c r="E59" s="9"/>
      <c r="F59" s="9"/>
      <c r="G59" s="26"/>
      <c r="H59" s="26"/>
      <c r="L59" s="25">
        <v>90.837066239999999</v>
      </c>
      <c r="M59" s="25">
        <v>1.4223625000000002</v>
      </c>
      <c r="V59" s="35"/>
      <c r="W59" s="15"/>
    </row>
    <row r="60" spans="2:23" x14ac:dyDescent="0.25">
      <c r="C60" s="32"/>
      <c r="D60" s="32"/>
      <c r="E60" s="9"/>
      <c r="F60" s="9"/>
      <c r="G60" s="26"/>
      <c r="H60" s="26"/>
      <c r="L60" s="25">
        <v>94.244880379999998</v>
      </c>
      <c r="M60" s="25">
        <v>1.4313714285714285</v>
      </c>
      <c r="V60" s="35"/>
      <c r="W60" s="15"/>
    </row>
    <row r="61" spans="2:23" x14ac:dyDescent="0.25">
      <c r="C61" s="32"/>
      <c r="D61" s="32"/>
      <c r="E61" s="9"/>
      <c r="F61" s="9"/>
      <c r="G61" s="26"/>
      <c r="H61" s="26"/>
      <c r="L61" s="25">
        <v>98.269152849999998</v>
      </c>
      <c r="M61" s="25">
        <v>1.4429227678571428</v>
      </c>
      <c r="V61" s="35"/>
      <c r="W61" s="15"/>
    </row>
    <row r="62" spans="2:23" x14ac:dyDescent="0.25">
      <c r="C62" s="32"/>
      <c r="D62" s="32"/>
      <c r="E62" s="9"/>
      <c r="F62" s="9"/>
      <c r="G62" s="26"/>
      <c r="H62" s="26"/>
      <c r="L62" s="25">
        <v>98.507191210000002</v>
      </c>
      <c r="M62" s="25">
        <v>1.4466718750000003</v>
      </c>
      <c r="V62" s="35"/>
      <c r="W62" s="15"/>
    </row>
    <row r="63" spans="2:23" x14ac:dyDescent="0.25">
      <c r="C63" s="32"/>
      <c r="D63" s="32"/>
      <c r="E63" s="9"/>
      <c r="F63" s="9"/>
      <c r="G63" s="26"/>
      <c r="H63" s="26"/>
      <c r="L63" s="25">
        <v>99.9</v>
      </c>
      <c r="M63" s="25">
        <v>1.4575366071428573</v>
      </c>
      <c r="V63" s="35"/>
      <c r="W63" s="15"/>
    </row>
    <row r="64" spans="2:23" x14ac:dyDescent="0.25">
      <c r="C64" s="32"/>
      <c r="D64" s="32"/>
      <c r="E64" s="9"/>
      <c r="F64" s="9"/>
      <c r="G64" s="26"/>
      <c r="H64" s="26"/>
      <c r="V64" s="35"/>
      <c r="W64" s="15"/>
    </row>
    <row r="65" spans="3:23" x14ac:dyDescent="0.25">
      <c r="C65" s="32"/>
      <c r="D65" s="32"/>
      <c r="E65" s="9"/>
      <c r="F65" s="9"/>
      <c r="G65" s="26"/>
      <c r="H65" s="26"/>
      <c r="V65" s="35"/>
      <c r="W65" s="15"/>
    </row>
    <row r="66" spans="3:23" x14ac:dyDescent="0.25">
      <c r="C66" s="32"/>
      <c r="D66" s="32"/>
      <c r="E66" s="9"/>
      <c r="F66" s="9"/>
      <c r="G66" s="26"/>
      <c r="H66" s="26"/>
      <c r="W66" s="36"/>
    </row>
    <row r="67" spans="3:23" x14ac:dyDescent="0.25">
      <c r="C67" s="32"/>
      <c r="D67" s="32"/>
      <c r="E67" s="9"/>
      <c r="F67" s="9"/>
      <c r="G67" s="26"/>
      <c r="H67" s="26"/>
      <c r="W67" s="36"/>
    </row>
    <row r="68" spans="3:23" x14ac:dyDescent="0.25">
      <c r="C68" s="32"/>
      <c r="D68" s="32"/>
      <c r="E68" s="9"/>
      <c r="F68" s="9"/>
      <c r="G68" s="26"/>
      <c r="H68" s="26"/>
      <c r="W68" s="36"/>
    </row>
    <row r="69" spans="3:23" x14ac:dyDescent="0.25">
      <c r="C69" s="32"/>
      <c r="D69" s="32"/>
      <c r="E69" s="9"/>
      <c r="F69" s="9"/>
      <c r="G69" s="26"/>
      <c r="H69" s="26"/>
      <c r="W69" s="36"/>
    </row>
    <row r="70" spans="3:23" x14ac:dyDescent="0.25">
      <c r="C70" s="33"/>
      <c r="D70" s="33"/>
      <c r="E70" s="9"/>
      <c r="F70" s="9"/>
      <c r="G70" s="26"/>
      <c r="H70" s="26"/>
      <c r="W70" s="36"/>
    </row>
    <row r="71" spans="3:23" x14ac:dyDescent="0.25">
      <c r="C71" s="33"/>
      <c r="D71" s="33"/>
      <c r="E71" s="26"/>
      <c r="F71" s="26"/>
      <c r="G71" s="26"/>
      <c r="H71" s="26"/>
      <c r="W71" s="36"/>
    </row>
    <row r="72" spans="3:23" x14ac:dyDescent="0.25">
      <c r="C72" s="19"/>
      <c r="D72" s="33"/>
      <c r="E72" s="26"/>
      <c r="F72" s="26"/>
      <c r="G72" s="26"/>
      <c r="H72" s="26"/>
    </row>
    <row r="73" spans="3:23" x14ac:dyDescent="0.25">
      <c r="C73" s="33"/>
      <c r="D73" s="33"/>
      <c r="E73" s="26"/>
      <c r="F73" s="26"/>
      <c r="G73" s="26"/>
      <c r="H73" s="26"/>
    </row>
    <row r="74" spans="3:23" x14ac:dyDescent="0.25">
      <c r="C74" s="33"/>
      <c r="D74" s="33"/>
      <c r="E74" s="26"/>
      <c r="F74" s="26"/>
      <c r="G74" s="26"/>
      <c r="H74" s="26"/>
    </row>
    <row r="75" spans="3:23" x14ac:dyDescent="0.25">
      <c r="C75" s="33"/>
      <c r="D75" s="33"/>
      <c r="E75" s="26"/>
      <c r="F75" s="26"/>
      <c r="G75" s="26"/>
      <c r="H75" s="26"/>
    </row>
    <row r="76" spans="3:23" x14ac:dyDescent="0.25">
      <c r="C76" s="33"/>
      <c r="D76" s="33"/>
    </row>
  </sheetData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9210DD-2630-44B3-8CD4-917B1E8F4BBF}">
  <dimension ref="B3:AF69"/>
  <sheetViews>
    <sheetView topLeftCell="B1" zoomScale="77" zoomScaleNormal="77" workbookViewId="0">
      <selection activeCell="N38" sqref="N38"/>
    </sheetView>
  </sheetViews>
  <sheetFormatPr defaultColWidth="9" defaultRowHeight="15" x14ac:dyDescent="0.25"/>
  <cols>
    <col min="1" max="2" width="9" style="13"/>
    <col min="3" max="3" width="9.140625" style="13" bestFit="1" customWidth="1"/>
    <col min="4" max="4" width="15.28515625" style="13" customWidth="1"/>
    <col min="5" max="6" width="9.140625" style="13" bestFit="1" customWidth="1"/>
    <col min="7" max="7" width="9.5703125" style="13" bestFit="1" customWidth="1"/>
    <col min="8" max="10" width="9.140625" style="13" bestFit="1" customWidth="1"/>
    <col min="11" max="16384" width="9" style="13"/>
  </cols>
  <sheetData>
    <row r="3" spans="2:32" x14ac:dyDescent="0.25">
      <c r="W3"/>
      <c r="X3"/>
      <c r="Y3"/>
      <c r="Z3"/>
      <c r="AA3"/>
      <c r="AB3"/>
      <c r="AC3"/>
      <c r="AD3"/>
      <c r="AE3"/>
      <c r="AF3"/>
    </row>
    <row r="4" spans="2:32" x14ac:dyDescent="0.25">
      <c r="B4" s="11" t="s">
        <v>9</v>
      </c>
      <c r="C4" s="38">
        <v>298</v>
      </c>
      <c r="W4"/>
      <c r="Y4"/>
      <c r="Z4"/>
      <c r="AA4"/>
      <c r="AB4"/>
      <c r="AC4"/>
      <c r="AD4"/>
      <c r="AE4"/>
      <c r="AF4"/>
    </row>
    <row r="5" spans="2:32" x14ac:dyDescent="0.25">
      <c r="B5" s="11" t="s">
        <v>10</v>
      </c>
      <c r="C5" s="38" t="s">
        <v>38</v>
      </c>
      <c r="W5"/>
      <c r="X5"/>
      <c r="Y5"/>
      <c r="Z5"/>
      <c r="AA5"/>
      <c r="AB5"/>
      <c r="AC5"/>
      <c r="AD5"/>
      <c r="AE5"/>
      <c r="AF5"/>
    </row>
    <row r="6" spans="2:32" x14ac:dyDescent="0.25">
      <c r="B6" s="11" t="s">
        <v>4</v>
      </c>
      <c r="C6" s="14" t="s">
        <v>28</v>
      </c>
      <c r="D6" s="14"/>
      <c r="E6" s="14" t="s">
        <v>29</v>
      </c>
      <c r="F6" s="14"/>
      <c r="G6" s="14" t="s">
        <v>30</v>
      </c>
      <c r="H6" s="14"/>
      <c r="I6" s="14" t="s">
        <v>31</v>
      </c>
      <c r="J6" s="12"/>
      <c r="W6"/>
      <c r="X6"/>
      <c r="Y6"/>
      <c r="Z6"/>
      <c r="AA6"/>
      <c r="AB6"/>
      <c r="AC6"/>
      <c r="AD6"/>
      <c r="AE6"/>
      <c r="AF6"/>
    </row>
    <row r="7" spans="2:32" x14ac:dyDescent="0.25">
      <c r="B7" s="17"/>
      <c r="C7" s="16" t="s">
        <v>26</v>
      </c>
      <c r="D7" s="16" t="s">
        <v>32</v>
      </c>
      <c r="E7" s="16" t="s">
        <v>26</v>
      </c>
      <c r="F7" s="16" t="s">
        <v>32</v>
      </c>
      <c r="G7" s="16" t="s">
        <v>26</v>
      </c>
      <c r="H7" s="16" t="s">
        <v>32</v>
      </c>
      <c r="I7" s="16" t="s">
        <v>26</v>
      </c>
      <c r="J7" s="16" t="s">
        <v>32</v>
      </c>
      <c r="W7"/>
      <c r="X7"/>
      <c r="Y7"/>
      <c r="Z7"/>
      <c r="AA7"/>
      <c r="AB7"/>
      <c r="AC7"/>
      <c r="AD7"/>
      <c r="AE7"/>
      <c r="AF7"/>
    </row>
    <row r="8" spans="2:32" x14ac:dyDescent="0.25">
      <c r="B8" s="17"/>
      <c r="C8" s="23">
        <v>14.84586258</v>
      </c>
      <c r="D8" s="23">
        <v>4.4160714285714289E-3</v>
      </c>
      <c r="E8" s="23">
        <v>5.0903587999999997</v>
      </c>
      <c r="F8" s="23">
        <v>1.8977678571428572E-3</v>
      </c>
      <c r="G8" s="23">
        <v>6.5033300799999996</v>
      </c>
      <c r="H8" s="23">
        <v>3.3879464285714285E-3</v>
      </c>
      <c r="I8" s="23">
        <v>7.1779755400000003</v>
      </c>
      <c r="J8" s="23">
        <v>2.7531250000000004E-3</v>
      </c>
      <c r="W8"/>
      <c r="X8"/>
      <c r="Y8"/>
      <c r="Z8"/>
      <c r="AA8"/>
      <c r="AB8"/>
      <c r="AC8"/>
      <c r="AD8"/>
      <c r="AE8"/>
      <c r="AF8"/>
    </row>
    <row r="9" spans="2:32" x14ac:dyDescent="0.25">
      <c r="B9" s="17"/>
      <c r="C9" s="23">
        <v>29.701897729999999</v>
      </c>
      <c r="D9" s="23">
        <v>6.478571428571429E-3</v>
      </c>
      <c r="E9" s="23">
        <v>10.740209480000001</v>
      </c>
      <c r="F9" s="23">
        <v>4.5526785714285721E-3</v>
      </c>
      <c r="G9" s="23">
        <v>13.72586156</v>
      </c>
      <c r="H9" s="23">
        <v>4.7281250000000006E-3</v>
      </c>
      <c r="I9" s="23">
        <v>14.2967467</v>
      </c>
      <c r="J9" s="23">
        <v>4.8223214285714293E-3</v>
      </c>
      <c r="W9"/>
      <c r="X9"/>
      <c r="Y9"/>
      <c r="Z9"/>
      <c r="AA9"/>
      <c r="AB9"/>
      <c r="AC9"/>
      <c r="AD9"/>
      <c r="AE9"/>
      <c r="AF9"/>
    </row>
    <row r="10" spans="2:32" x14ac:dyDescent="0.25">
      <c r="C10" s="20">
        <v>50.789655119999999</v>
      </c>
      <c r="D10" s="20">
        <v>9.6084821428571443E-3</v>
      </c>
      <c r="E10" s="20">
        <v>16.774583660000001</v>
      </c>
      <c r="F10" s="20">
        <v>6.9857142857142869E-3</v>
      </c>
      <c r="G10" s="20">
        <v>20.869046910000002</v>
      </c>
      <c r="H10" s="20">
        <v>5.6566964285714285E-3</v>
      </c>
      <c r="I10" s="20">
        <v>21.35448238</v>
      </c>
      <c r="J10" s="20">
        <v>7.2964285714285718E-3</v>
      </c>
      <c r="W10"/>
      <c r="X10"/>
      <c r="Y10"/>
      <c r="Z10"/>
      <c r="AA10"/>
      <c r="AB10"/>
      <c r="AC10"/>
      <c r="AD10"/>
      <c r="AE10"/>
      <c r="AF10"/>
    </row>
    <row r="11" spans="2:32" x14ac:dyDescent="0.25">
      <c r="C11" s="20">
        <v>72.831600460000004</v>
      </c>
      <c r="D11" s="20">
        <v>1.2487946428571428E-2</v>
      </c>
      <c r="E11" s="20">
        <v>22.31457047</v>
      </c>
      <c r="F11" s="20">
        <v>9.1250000000000012E-3</v>
      </c>
      <c r="G11" s="20">
        <v>27.963403880000001</v>
      </c>
      <c r="H11" s="20">
        <v>6.9191964285714282E-3</v>
      </c>
      <c r="I11" s="20">
        <v>28.157903579999999</v>
      </c>
      <c r="J11" s="20">
        <v>9.2187499999999995E-3</v>
      </c>
      <c r="W11"/>
      <c r="X11"/>
      <c r="Y11"/>
      <c r="Z11"/>
      <c r="AA11"/>
      <c r="AB11"/>
      <c r="AC11"/>
      <c r="AD11"/>
      <c r="AE11"/>
      <c r="AF11"/>
    </row>
    <row r="12" spans="2:32" x14ac:dyDescent="0.25">
      <c r="C12" s="20">
        <v>97.001649439999994</v>
      </c>
      <c r="D12" s="20">
        <v>1.5918750000000002E-2</v>
      </c>
      <c r="E12" s="20">
        <v>27.539207319999999</v>
      </c>
      <c r="F12" s="20">
        <v>1.1696428571428573E-2</v>
      </c>
      <c r="G12" s="20">
        <v>35.047588269999999</v>
      </c>
      <c r="H12" s="20">
        <v>8.0745535714285728E-3</v>
      </c>
      <c r="I12" s="20">
        <v>34.884013170000003</v>
      </c>
      <c r="J12" s="20">
        <v>1.1383035714285714E-2</v>
      </c>
      <c r="W12"/>
      <c r="X12"/>
      <c r="Y12"/>
      <c r="Z12"/>
      <c r="AA12"/>
      <c r="AB12"/>
      <c r="AC12"/>
      <c r="AD12"/>
      <c r="AE12"/>
      <c r="AF12"/>
    </row>
    <row r="13" spans="2:32" x14ac:dyDescent="0.25">
      <c r="C13" s="20"/>
      <c r="D13" s="20"/>
      <c r="E13" s="20">
        <v>33.162609289999999</v>
      </c>
      <c r="F13" s="20">
        <v>1.4101339285714286E-2</v>
      </c>
      <c r="G13" s="20">
        <v>41.999529119999998</v>
      </c>
      <c r="H13" s="20">
        <v>9.2245535714285728E-3</v>
      </c>
      <c r="I13" s="20">
        <v>41.331394080000003</v>
      </c>
      <c r="J13" s="20">
        <v>1.3133928571428572E-2</v>
      </c>
      <c r="W13"/>
      <c r="X13"/>
      <c r="Y13"/>
      <c r="Z13"/>
      <c r="AA13"/>
      <c r="AB13"/>
      <c r="AC13"/>
      <c r="AD13"/>
      <c r="AE13"/>
      <c r="AF13"/>
    </row>
    <row r="14" spans="2:32" x14ac:dyDescent="0.25">
      <c r="C14" s="20"/>
      <c r="D14" s="20"/>
      <c r="E14" s="20">
        <v>38.421832909999999</v>
      </c>
      <c r="F14" s="20">
        <v>1.5865178571428572E-2</v>
      </c>
      <c r="G14" s="20">
        <v>48.996229329999998</v>
      </c>
      <c r="H14" s="20">
        <v>1.0410267857142858E-2</v>
      </c>
      <c r="I14" s="20">
        <v>47.786913050000003</v>
      </c>
      <c r="J14" s="20">
        <v>1.5303125000000001E-2</v>
      </c>
      <c r="W14"/>
      <c r="X14"/>
      <c r="Y14"/>
      <c r="Z14"/>
      <c r="AA14"/>
      <c r="AB14"/>
      <c r="AC14"/>
      <c r="AD14"/>
      <c r="AE14"/>
      <c r="AF14"/>
    </row>
    <row r="15" spans="2:32" x14ac:dyDescent="0.25">
      <c r="C15" s="20"/>
      <c r="D15" s="20"/>
      <c r="E15" s="20">
        <v>43.99030295</v>
      </c>
      <c r="F15" s="20">
        <v>1.8952678571428572E-2</v>
      </c>
      <c r="G15" s="20">
        <v>56.151621779999999</v>
      </c>
      <c r="H15" s="20">
        <v>1.1792410714285715E-2</v>
      </c>
      <c r="I15" s="20">
        <v>53.739906599999998</v>
      </c>
      <c r="J15" s="20">
        <v>1.7262053571428574E-2</v>
      </c>
      <c r="W15"/>
      <c r="X15"/>
      <c r="Y15"/>
      <c r="Z15"/>
      <c r="AA15"/>
      <c r="AB15"/>
      <c r="AC15"/>
      <c r="AD15"/>
      <c r="AE15"/>
      <c r="AF15"/>
    </row>
    <row r="16" spans="2:32" x14ac:dyDescent="0.25">
      <c r="C16" s="20"/>
      <c r="D16" s="20"/>
      <c r="E16" s="20">
        <v>49.96364166</v>
      </c>
      <c r="F16" s="20">
        <v>2.1380357142857145E-2</v>
      </c>
      <c r="G16" s="20">
        <v>63.08932102</v>
      </c>
      <c r="H16" s="20">
        <v>1.2957142857142858E-2</v>
      </c>
      <c r="I16" s="20">
        <v>59.849557869999998</v>
      </c>
      <c r="J16" s="20">
        <v>1.9452232142857143E-2</v>
      </c>
      <c r="W16"/>
      <c r="X16"/>
      <c r="Y16"/>
      <c r="Z16"/>
      <c r="AA16"/>
      <c r="AB16"/>
      <c r="AC16"/>
      <c r="AD16"/>
      <c r="AE16"/>
      <c r="AF16"/>
    </row>
    <row r="17" spans="3:32" x14ac:dyDescent="0.25">
      <c r="C17" s="20"/>
      <c r="D17" s="20"/>
      <c r="E17" s="20">
        <v>55.774219090000003</v>
      </c>
      <c r="F17" s="20">
        <v>2.4202678571428569E-2</v>
      </c>
      <c r="G17" s="20">
        <v>69.963950269999998</v>
      </c>
      <c r="H17" s="20">
        <v>1.400044642857143E-2</v>
      </c>
      <c r="I17" s="20">
        <v>65.951071069999998</v>
      </c>
      <c r="J17" s="20">
        <v>2.1311607142857146E-2</v>
      </c>
      <c r="W17"/>
      <c r="X17"/>
      <c r="Y17"/>
      <c r="Z17"/>
      <c r="AA17"/>
      <c r="AB17"/>
      <c r="AC17"/>
      <c r="AD17"/>
      <c r="AE17"/>
      <c r="AF17"/>
    </row>
    <row r="18" spans="3:32" x14ac:dyDescent="0.25">
      <c r="C18" s="20"/>
      <c r="D18" s="20"/>
      <c r="E18" s="20">
        <v>61.084305610000001</v>
      </c>
      <c r="F18" s="20">
        <v>2.6689285714285717E-2</v>
      </c>
      <c r="G18" s="20">
        <v>76.508987950000005</v>
      </c>
      <c r="H18" s="20">
        <v>1.4604910714285714E-2</v>
      </c>
      <c r="I18" s="20">
        <v>71.950858490000002</v>
      </c>
      <c r="J18" s="20">
        <v>2.3853124999999999E-2</v>
      </c>
      <c r="W18"/>
      <c r="X18"/>
      <c r="Y18"/>
      <c r="Z18"/>
      <c r="AA18"/>
      <c r="AB18"/>
      <c r="AC18"/>
      <c r="AD18"/>
      <c r="AE18"/>
      <c r="AF18"/>
    </row>
    <row r="19" spans="3:32" x14ac:dyDescent="0.25">
      <c r="C19" s="20"/>
      <c r="D19" s="20"/>
      <c r="E19" s="20">
        <v>67.136990429999997</v>
      </c>
      <c r="F19" s="20">
        <v>2.9280803571428572E-2</v>
      </c>
      <c r="G19" s="20">
        <v>82.925851120000004</v>
      </c>
      <c r="H19" s="20">
        <v>1.5676785714285716E-2</v>
      </c>
      <c r="I19" s="20">
        <v>79.743054409999999</v>
      </c>
      <c r="J19" s="20">
        <v>2.6568303571428576E-2</v>
      </c>
      <c r="W19"/>
      <c r="X19"/>
      <c r="Y19"/>
      <c r="Z19"/>
      <c r="AA19"/>
      <c r="AB19"/>
      <c r="AC19"/>
      <c r="AD19"/>
      <c r="AE19"/>
      <c r="AF19"/>
    </row>
    <row r="20" spans="3:32" x14ac:dyDescent="0.25">
      <c r="C20" s="20"/>
      <c r="D20" s="20"/>
      <c r="E20" s="20">
        <v>72.786841109999997</v>
      </c>
      <c r="F20" s="20">
        <v>3.1785714285714285E-2</v>
      </c>
      <c r="G20" s="20">
        <v>90.829945420000001</v>
      </c>
      <c r="H20" s="20">
        <v>1.6315178571428574E-2</v>
      </c>
      <c r="I20" s="20">
        <v>87.449800670000002</v>
      </c>
      <c r="J20" s="20">
        <v>2.9120535714285717E-2</v>
      </c>
    </row>
    <row r="21" spans="3:32" x14ac:dyDescent="0.25">
      <c r="C21" s="20"/>
      <c r="D21" s="20"/>
      <c r="E21" s="20">
        <v>80.542415750000004</v>
      </c>
      <c r="F21" s="20">
        <v>3.5224107142857147E-2</v>
      </c>
      <c r="G21" s="20">
        <v>98.723867139999996</v>
      </c>
      <c r="H21" s="20">
        <v>1.6945535714285715E-2</v>
      </c>
      <c r="I21" s="20">
        <v>95.396619799999996</v>
      </c>
      <c r="J21" s="20">
        <v>3.1723214285714285E-2</v>
      </c>
    </row>
    <row r="22" spans="3:32" x14ac:dyDescent="0.25">
      <c r="C22" s="20"/>
      <c r="D22" s="20"/>
      <c r="E22" s="20">
        <v>88.574684550000001</v>
      </c>
      <c r="F22" s="20">
        <v>3.8764732142857146E-2</v>
      </c>
      <c r="G22" s="20">
        <v>106.66458273000001</v>
      </c>
      <c r="H22" s="20">
        <v>1.8545982142857145E-2</v>
      </c>
      <c r="I22" s="20">
        <v>102.93246673</v>
      </c>
      <c r="J22" s="20">
        <v>3.5972767857142859E-2</v>
      </c>
    </row>
    <row r="23" spans="3:32" x14ac:dyDescent="0.25">
      <c r="C23" s="20"/>
      <c r="D23" s="20"/>
      <c r="E23">
        <v>96.254982100000007</v>
      </c>
      <c r="F23">
        <v>4.2240625000000004E-2</v>
      </c>
      <c r="G23" s="20"/>
      <c r="H23" s="20"/>
      <c r="I23" s="20"/>
      <c r="J23" s="20"/>
    </row>
    <row r="24" spans="3:32" x14ac:dyDescent="0.25">
      <c r="C24" s="20"/>
      <c r="D24" s="20"/>
      <c r="E24">
        <v>99.9</v>
      </c>
      <c r="F24">
        <v>4.5216964285714291E-2</v>
      </c>
      <c r="G24" s="20"/>
      <c r="H24" s="20"/>
      <c r="I24" s="20"/>
      <c r="J24" s="20"/>
    </row>
    <row r="25" spans="3:32" x14ac:dyDescent="0.25">
      <c r="C25" s="20"/>
      <c r="D25" s="20"/>
      <c r="E25" s="20"/>
      <c r="F25" s="20"/>
      <c r="G25" s="20"/>
      <c r="H25" s="20"/>
      <c r="I25" s="20"/>
      <c r="J25" s="20"/>
    </row>
    <row r="26" spans="3:32" x14ac:dyDescent="0.25">
      <c r="C26" s="20"/>
      <c r="D26" s="20"/>
      <c r="E26" s="20"/>
      <c r="F26" s="20"/>
      <c r="G26" s="20"/>
      <c r="H26" s="20"/>
      <c r="I26" s="20"/>
      <c r="J26" s="20"/>
    </row>
    <row r="27" spans="3:32" x14ac:dyDescent="0.25">
      <c r="C27" s="20"/>
      <c r="D27" s="20"/>
      <c r="E27" s="20"/>
      <c r="F27" s="20"/>
      <c r="G27" s="20"/>
      <c r="H27" s="20"/>
      <c r="I27" s="20"/>
      <c r="J27" s="20"/>
    </row>
    <row r="28" spans="3:32" x14ac:dyDescent="0.25">
      <c r="C28" s="20"/>
      <c r="D28" s="20"/>
      <c r="E28" s="20"/>
      <c r="F28" s="20"/>
      <c r="G28" s="20"/>
      <c r="H28" s="20"/>
      <c r="I28" s="20"/>
      <c r="J28" s="20"/>
    </row>
    <row r="29" spans="3:32" x14ac:dyDescent="0.25">
      <c r="C29" s="20"/>
      <c r="D29" s="20"/>
      <c r="E29" s="20"/>
      <c r="F29" s="20"/>
      <c r="G29" s="20"/>
      <c r="H29" s="20"/>
      <c r="I29" s="20"/>
      <c r="J29" s="20"/>
    </row>
    <row r="30" spans="3:32" x14ac:dyDescent="0.25">
      <c r="C30" s="20"/>
      <c r="D30" s="20"/>
      <c r="E30" s="20"/>
      <c r="F30" s="20"/>
      <c r="G30" s="20"/>
      <c r="H30" s="20"/>
      <c r="I30" s="20"/>
      <c r="J30" s="20"/>
    </row>
    <row r="31" spans="3:32" x14ac:dyDescent="0.25">
      <c r="C31" s="20"/>
      <c r="D31" s="20"/>
      <c r="E31" s="20"/>
      <c r="F31" s="20"/>
      <c r="G31" s="20"/>
      <c r="H31" s="20"/>
      <c r="I31" s="20"/>
      <c r="J31" s="20"/>
    </row>
    <row r="32" spans="3:32" x14ac:dyDescent="0.25">
      <c r="C32" s="20"/>
      <c r="D32" s="20"/>
      <c r="E32" s="20"/>
      <c r="F32" s="20"/>
      <c r="G32" s="21"/>
      <c r="H32" s="21"/>
      <c r="I32" s="20"/>
      <c r="J32" s="20"/>
    </row>
    <row r="33" spans="2:13" x14ac:dyDescent="0.25">
      <c r="C33" s="20"/>
      <c r="D33" s="20"/>
      <c r="E33" s="20"/>
      <c r="F33" s="20"/>
      <c r="G33" s="21"/>
      <c r="H33" s="21"/>
      <c r="I33" s="20"/>
      <c r="J33" s="20"/>
    </row>
    <row r="34" spans="2:13" x14ac:dyDescent="0.25">
      <c r="C34" s="20"/>
      <c r="D34" s="20"/>
      <c r="E34" s="20"/>
      <c r="F34" s="20"/>
      <c r="G34" s="21"/>
      <c r="H34" s="21"/>
      <c r="I34" s="20"/>
      <c r="J34" s="20"/>
    </row>
    <row r="35" spans="2:13" x14ac:dyDescent="0.25">
      <c r="C35" s="20"/>
      <c r="D35" s="20"/>
      <c r="E35" s="20"/>
      <c r="F35" s="20"/>
      <c r="G35" s="20"/>
      <c r="H35" s="20"/>
      <c r="I35" s="20"/>
      <c r="J35" s="20"/>
    </row>
    <row r="36" spans="2:13" x14ac:dyDescent="0.25">
      <c r="C36" s="20"/>
      <c r="D36" s="20"/>
      <c r="E36" s="20"/>
      <c r="F36" s="20"/>
      <c r="G36" s="20"/>
      <c r="H36" s="20"/>
      <c r="I36" s="20"/>
      <c r="J36" s="20"/>
    </row>
    <row r="37" spans="2:13" x14ac:dyDescent="0.25">
      <c r="C37" s="20"/>
      <c r="D37" s="20"/>
      <c r="E37" s="20"/>
      <c r="F37" s="20"/>
      <c r="G37" s="21"/>
      <c r="H37" s="21"/>
      <c r="I37" s="20"/>
      <c r="J37" s="20"/>
    </row>
    <row r="38" spans="2:13" x14ac:dyDescent="0.25">
      <c r="B38" s="11"/>
      <c r="C38" s="38"/>
      <c r="D38" s="20"/>
      <c r="E38" s="20"/>
      <c r="F38" s="20"/>
      <c r="G38" s="21"/>
      <c r="H38" s="21"/>
      <c r="I38" s="20"/>
      <c r="J38" s="20"/>
    </row>
    <row r="39" spans="2:13" x14ac:dyDescent="0.25">
      <c r="B39" s="11"/>
      <c r="C39" s="38"/>
      <c r="D39" s="12"/>
      <c r="G39" s="12"/>
      <c r="H39" s="12"/>
      <c r="I39" s="12"/>
      <c r="J39" s="12"/>
    </row>
    <row r="40" spans="2:13" x14ac:dyDescent="0.25">
      <c r="B40" s="11"/>
      <c r="C40" s="14"/>
      <c r="D40" s="14"/>
      <c r="E40" s="14"/>
      <c r="F40" s="14"/>
      <c r="G40" s="14"/>
      <c r="H40" s="14"/>
      <c r="I40" s="14"/>
      <c r="J40" s="14"/>
      <c r="K40" s="12"/>
      <c r="L40" s="12"/>
      <c r="M40" s="12"/>
    </row>
    <row r="41" spans="2:13" x14ac:dyDescent="0.25">
      <c r="C41" s="14"/>
      <c r="D41" s="14"/>
      <c r="E41" s="14"/>
      <c r="F41" s="14"/>
      <c r="G41" s="14"/>
      <c r="H41" s="14"/>
      <c r="I41" s="14"/>
      <c r="J41" s="14"/>
    </row>
    <row r="42" spans="2:13" x14ac:dyDescent="0.25">
      <c r="C42" s="20"/>
      <c r="D42" s="20"/>
      <c r="E42" s="20"/>
      <c r="F42" s="20"/>
      <c r="G42" s="20"/>
      <c r="H42" s="20"/>
      <c r="I42" s="20"/>
      <c r="J42" s="20"/>
    </row>
    <row r="43" spans="2:13" x14ac:dyDescent="0.25">
      <c r="C43" s="20"/>
      <c r="D43" s="20"/>
      <c r="E43" s="20"/>
      <c r="F43" s="20"/>
      <c r="G43" s="20"/>
      <c r="H43" s="20"/>
      <c r="I43" s="20"/>
      <c r="J43" s="20"/>
    </row>
    <row r="44" spans="2:13" x14ac:dyDescent="0.25">
      <c r="C44" s="20"/>
      <c r="D44" s="20"/>
      <c r="E44" s="20"/>
      <c r="F44" s="20"/>
      <c r="G44" s="20"/>
      <c r="H44" s="20"/>
      <c r="I44" s="20"/>
      <c r="J44" s="20"/>
    </row>
    <row r="45" spans="2:13" x14ac:dyDescent="0.25">
      <c r="C45" s="20"/>
      <c r="D45" s="20"/>
      <c r="E45" s="20"/>
      <c r="F45" s="20"/>
      <c r="G45" s="20"/>
      <c r="H45" s="20"/>
      <c r="I45" s="20"/>
      <c r="J45" s="20"/>
    </row>
    <row r="46" spans="2:13" x14ac:dyDescent="0.25">
      <c r="C46" s="20"/>
      <c r="D46" s="20"/>
      <c r="E46" s="20"/>
      <c r="F46" s="20"/>
      <c r="G46" s="20"/>
      <c r="H46" s="20"/>
      <c r="I46" s="20"/>
      <c r="J46" s="20"/>
    </row>
    <row r="47" spans="2:13" x14ac:dyDescent="0.25">
      <c r="C47" s="20"/>
      <c r="D47" s="20"/>
      <c r="E47" s="20"/>
      <c r="F47" s="20"/>
      <c r="G47" s="20"/>
      <c r="H47" s="20"/>
      <c r="I47" s="20"/>
      <c r="J47" s="20"/>
    </row>
    <row r="48" spans="2:13" x14ac:dyDescent="0.25">
      <c r="C48" s="20"/>
      <c r="D48" s="20"/>
      <c r="E48" s="20"/>
      <c r="F48" s="20"/>
      <c r="G48" s="20"/>
      <c r="H48" s="20"/>
      <c r="I48" s="20"/>
      <c r="J48" s="20"/>
    </row>
    <row r="49" spans="3:10" x14ac:dyDescent="0.25">
      <c r="C49" s="20"/>
      <c r="D49" s="20"/>
      <c r="E49" s="20"/>
      <c r="F49" s="20"/>
      <c r="G49" s="20"/>
      <c r="H49" s="20"/>
      <c r="I49" s="20"/>
      <c r="J49" s="20"/>
    </row>
    <row r="50" spans="3:10" x14ac:dyDescent="0.25">
      <c r="C50" s="20"/>
      <c r="D50" s="20"/>
      <c r="E50" s="20"/>
      <c r="F50" s="20"/>
      <c r="G50" s="20"/>
      <c r="H50" s="20"/>
      <c r="I50" s="20"/>
      <c r="J50" s="20"/>
    </row>
    <row r="51" spans="3:10" x14ac:dyDescent="0.25">
      <c r="C51" s="20"/>
      <c r="D51" s="20"/>
      <c r="E51" s="20"/>
      <c r="F51" s="20"/>
      <c r="G51" s="20"/>
      <c r="H51" s="20"/>
      <c r="I51" s="20"/>
      <c r="J51" s="20"/>
    </row>
    <row r="52" spans="3:10" x14ac:dyDescent="0.25">
      <c r="C52" s="20"/>
      <c r="D52" s="20"/>
      <c r="E52" s="20"/>
      <c r="F52" s="20"/>
      <c r="G52" s="20"/>
      <c r="H52" s="20"/>
      <c r="I52" s="20"/>
      <c r="J52" s="20"/>
    </row>
    <row r="53" spans="3:10" x14ac:dyDescent="0.25">
      <c r="C53" s="20"/>
      <c r="D53" s="20"/>
      <c r="E53" s="20"/>
      <c r="F53" s="20"/>
      <c r="G53" s="20"/>
      <c r="H53" s="20"/>
      <c r="I53" s="20"/>
      <c r="J53" s="20"/>
    </row>
    <row r="54" spans="3:10" x14ac:dyDescent="0.25">
      <c r="C54" s="20"/>
      <c r="D54" s="20"/>
      <c r="E54" s="20"/>
      <c r="F54" s="20"/>
      <c r="G54" s="20"/>
      <c r="H54" s="20"/>
      <c r="I54" s="20"/>
      <c r="J54" s="20"/>
    </row>
    <row r="55" spans="3:10" x14ac:dyDescent="0.25">
      <c r="C55" s="20"/>
      <c r="D55" s="20"/>
      <c r="E55" s="20"/>
      <c r="F55" s="20"/>
      <c r="G55" s="20"/>
      <c r="H55" s="20"/>
      <c r="I55" s="20"/>
      <c r="J55" s="20"/>
    </row>
    <row r="56" spans="3:10" x14ac:dyDescent="0.25">
      <c r="C56" s="20"/>
      <c r="D56" s="20"/>
      <c r="E56" s="20"/>
      <c r="F56" s="20"/>
      <c r="G56" s="20"/>
      <c r="H56" s="20"/>
      <c r="I56" s="20"/>
      <c r="J56" s="20"/>
    </row>
    <row r="57" spans="3:10" x14ac:dyDescent="0.25">
      <c r="C57" s="20"/>
      <c r="D57" s="20"/>
      <c r="E57" s="18"/>
      <c r="F57" s="20"/>
      <c r="G57" s="20"/>
      <c r="H57" s="20"/>
      <c r="I57" s="20"/>
      <c r="J57" s="20"/>
    </row>
    <row r="58" spans="3:10" x14ac:dyDescent="0.25">
      <c r="C58" s="18"/>
      <c r="D58" s="20"/>
      <c r="E58" s="20"/>
      <c r="F58" s="20"/>
      <c r="G58" s="20"/>
      <c r="H58" s="20"/>
      <c r="I58" s="20"/>
      <c r="J58" s="20"/>
    </row>
    <row r="59" spans="3:10" x14ac:dyDescent="0.25">
      <c r="C59" s="20"/>
      <c r="D59" s="20"/>
      <c r="E59" s="20"/>
      <c r="F59" s="20"/>
      <c r="G59" s="20"/>
      <c r="H59" s="20"/>
      <c r="I59" s="20"/>
      <c r="J59" s="20"/>
    </row>
    <row r="60" spans="3:10" x14ac:dyDescent="0.25">
      <c r="C60" s="20"/>
      <c r="D60" s="20"/>
      <c r="E60" s="20"/>
      <c r="F60" s="20"/>
      <c r="G60" s="20"/>
      <c r="H60" s="20"/>
      <c r="I60" s="20"/>
      <c r="J60" s="20"/>
    </row>
    <row r="61" spans="3:10" x14ac:dyDescent="0.25">
      <c r="C61" s="20"/>
      <c r="D61" s="20"/>
      <c r="E61" s="20"/>
      <c r="F61" s="20"/>
      <c r="G61" s="20"/>
      <c r="H61" s="20"/>
      <c r="I61" s="20"/>
      <c r="J61" s="20"/>
    </row>
    <row r="62" spans="3:10" x14ac:dyDescent="0.25">
      <c r="C62" s="20"/>
      <c r="D62" s="20"/>
      <c r="E62" s="20"/>
      <c r="F62" s="20"/>
      <c r="G62" s="20"/>
      <c r="H62" s="20"/>
      <c r="I62" s="20"/>
      <c r="J62" s="20"/>
    </row>
    <row r="63" spans="3:10" x14ac:dyDescent="0.25">
      <c r="C63" s="20"/>
      <c r="D63" s="20"/>
      <c r="E63" s="20"/>
      <c r="F63" s="20"/>
      <c r="G63" s="20"/>
      <c r="H63" s="20"/>
      <c r="I63" s="20"/>
      <c r="J63" s="20"/>
    </row>
    <row r="64" spans="3:10" x14ac:dyDescent="0.25">
      <c r="C64" s="20"/>
      <c r="D64" s="20"/>
      <c r="E64" s="20"/>
      <c r="F64" s="20"/>
      <c r="G64" s="20"/>
      <c r="H64" s="20"/>
      <c r="I64" s="20"/>
      <c r="J64" s="20"/>
    </row>
    <row r="65" spans="3:10" x14ac:dyDescent="0.25">
      <c r="C65" s="20"/>
      <c r="D65" s="20"/>
      <c r="E65" s="20"/>
      <c r="F65" s="20"/>
      <c r="G65" s="20"/>
      <c r="H65" s="20"/>
      <c r="I65" s="20"/>
      <c r="J65" s="20"/>
    </row>
    <row r="66" spans="3:10" x14ac:dyDescent="0.25">
      <c r="C66" s="20"/>
      <c r="D66" s="20"/>
      <c r="E66" s="20"/>
      <c r="F66" s="20"/>
      <c r="G66" s="20"/>
      <c r="H66" s="20"/>
      <c r="I66" s="20"/>
      <c r="J66" s="20"/>
    </row>
    <row r="67" spans="3:10" x14ac:dyDescent="0.25">
      <c r="C67" s="20"/>
      <c r="D67" s="20"/>
      <c r="E67" s="20"/>
      <c r="F67" s="20"/>
      <c r="G67" s="20"/>
      <c r="H67" s="20"/>
      <c r="I67" s="20"/>
      <c r="J67" s="20"/>
    </row>
    <row r="68" spans="3:10" x14ac:dyDescent="0.25">
      <c r="C68" s="20"/>
      <c r="D68" s="20"/>
      <c r="E68" s="20"/>
      <c r="F68" s="20"/>
      <c r="G68" s="20"/>
      <c r="H68" s="20"/>
      <c r="I68" s="20"/>
      <c r="J68" s="20"/>
    </row>
    <row r="69" spans="3:10" x14ac:dyDescent="0.25">
      <c r="C69" s="20"/>
      <c r="D69" s="20"/>
      <c r="E69" s="20"/>
      <c r="F69" s="20"/>
      <c r="G69" s="20"/>
      <c r="H69" s="20"/>
      <c r="I69" s="20"/>
      <c r="J69" s="20"/>
    </row>
  </sheetData>
  <pageMargins left="0.7" right="0.7" top="0.75" bottom="0.75" header="0.3" footer="0.3"/>
  <drawing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76E0E4-1CDD-4078-885C-EADEF21F5691}">
  <dimension ref="C5:AF4159"/>
  <sheetViews>
    <sheetView zoomScale="70" zoomScaleNormal="70" workbookViewId="0">
      <selection activeCell="I40" sqref="I40"/>
    </sheetView>
  </sheetViews>
  <sheetFormatPr defaultRowHeight="15" x14ac:dyDescent="0.25"/>
  <cols>
    <col min="4" max="4" width="14.42578125" customWidth="1"/>
    <col min="5" max="5" width="12.85546875" customWidth="1"/>
    <col min="7" max="7" width="13" customWidth="1"/>
    <col min="8" max="8" width="13.28515625" customWidth="1"/>
    <col min="9" max="9" width="14.28515625" customWidth="1"/>
    <col min="10" max="10" width="13.5703125" customWidth="1"/>
    <col min="11" max="11" width="17.7109375" customWidth="1"/>
    <col min="12" max="12" width="14.85546875" customWidth="1"/>
    <col min="13" max="13" width="13" customWidth="1"/>
    <col min="14" max="14" width="12.7109375" customWidth="1"/>
    <col min="15" max="15" width="13.7109375" customWidth="1"/>
  </cols>
  <sheetData>
    <row r="5" spans="3:15" x14ac:dyDescent="0.25">
      <c r="C5" s="11" t="s">
        <v>9</v>
      </c>
      <c r="D5" s="38">
        <v>298</v>
      </c>
    </row>
    <row r="6" spans="3:15" x14ac:dyDescent="0.25">
      <c r="C6" s="11" t="s">
        <v>10</v>
      </c>
      <c r="D6" s="38" t="s">
        <v>3</v>
      </c>
    </row>
    <row r="7" spans="3:15" x14ac:dyDescent="0.25">
      <c r="C7" s="11" t="s">
        <v>4</v>
      </c>
      <c r="D7" s="11" t="s">
        <v>22</v>
      </c>
      <c r="E7" s="11"/>
      <c r="F7" s="14" t="s">
        <v>20</v>
      </c>
      <c r="G7" s="11"/>
      <c r="H7" s="11"/>
      <c r="I7" s="11"/>
      <c r="J7" s="11"/>
      <c r="K7" s="11"/>
      <c r="L7" s="11"/>
      <c r="M7" s="11"/>
      <c r="N7" s="11"/>
      <c r="O7" s="11"/>
    </row>
    <row r="8" spans="3:15" x14ac:dyDescent="0.25">
      <c r="D8" s="11" t="s">
        <v>33</v>
      </c>
      <c r="E8" s="11" t="s">
        <v>34</v>
      </c>
      <c r="F8" s="11" t="s">
        <v>33</v>
      </c>
      <c r="G8" s="11" t="s">
        <v>34</v>
      </c>
      <c r="H8" s="11"/>
      <c r="I8" s="11"/>
      <c r="J8" s="11"/>
      <c r="K8" s="11"/>
      <c r="L8" s="11"/>
      <c r="M8" s="11"/>
      <c r="N8" s="11"/>
      <c r="O8" s="11"/>
    </row>
    <row r="9" spans="3:15" x14ac:dyDescent="0.25">
      <c r="D9">
        <v>0.11666700000000674</v>
      </c>
      <c r="E9">
        <v>0</v>
      </c>
      <c r="F9">
        <v>0</v>
      </c>
      <c r="G9">
        <v>0</v>
      </c>
    </row>
    <row r="10" spans="3:15" x14ac:dyDescent="0.25">
      <c r="D10">
        <v>0.13333400000000495</v>
      </c>
      <c r="E10">
        <v>0</v>
      </c>
      <c r="F10">
        <v>1.6666999999998211E-2</v>
      </c>
      <c r="G10">
        <v>0</v>
      </c>
    </row>
    <row r="11" spans="3:15" x14ac:dyDescent="0.25">
      <c r="D11">
        <v>0.15000000000000568</v>
      </c>
      <c r="E11">
        <v>-4.7063454963420457E-4</v>
      </c>
      <c r="F11">
        <v>3.3333999999996422E-2</v>
      </c>
      <c r="G11">
        <v>0</v>
      </c>
    </row>
    <row r="12" spans="3:15" x14ac:dyDescent="0.25">
      <c r="D12">
        <v>0.1666670000000039</v>
      </c>
      <c r="E12">
        <v>-4.7063454963420457E-4</v>
      </c>
      <c r="F12">
        <v>4.9999999999997158E-2</v>
      </c>
      <c r="G12">
        <v>0</v>
      </c>
    </row>
    <row r="13" spans="3:15" x14ac:dyDescent="0.25">
      <c r="D13">
        <v>0.18333400000000211</v>
      </c>
      <c r="E13">
        <v>-4.7063454963420457E-4</v>
      </c>
      <c r="F13">
        <v>0</v>
      </c>
      <c r="G13">
        <v>0</v>
      </c>
    </row>
    <row r="14" spans="3:15" x14ac:dyDescent="0.25">
      <c r="D14">
        <v>0.20000000000000284</v>
      </c>
      <c r="E14">
        <v>-9.4126909928070345E-4</v>
      </c>
      <c r="F14">
        <v>1.6666999999998211E-2</v>
      </c>
      <c r="G14">
        <v>0</v>
      </c>
    </row>
    <row r="15" spans="3:15" x14ac:dyDescent="0.25">
      <c r="D15">
        <v>0.21666700000000105</v>
      </c>
      <c r="E15">
        <v>-9.4126909928070345E-4</v>
      </c>
      <c r="F15">
        <v>3.3332999999998947E-2</v>
      </c>
      <c r="G15">
        <v>0</v>
      </c>
    </row>
    <row r="16" spans="3:15" x14ac:dyDescent="0.25">
      <c r="D16">
        <v>0.23333400000001348</v>
      </c>
      <c r="E16">
        <v>-1.868696005922937E-3</v>
      </c>
      <c r="F16">
        <v>4.9999999999997158E-2</v>
      </c>
      <c r="G16">
        <v>0</v>
      </c>
    </row>
    <row r="17" spans="4:7" x14ac:dyDescent="0.25">
      <c r="D17">
        <v>0.25</v>
      </c>
      <c r="E17">
        <v>-1.868696005922937E-3</v>
      </c>
      <c r="F17">
        <v>6.666700000000958E-2</v>
      </c>
      <c r="G17">
        <v>0</v>
      </c>
    </row>
    <row r="18" spans="4:7" x14ac:dyDescent="0.25">
      <c r="D18">
        <v>0.26666700000001242</v>
      </c>
      <c r="E18">
        <v>-1.868696005922937E-3</v>
      </c>
      <c r="F18">
        <v>8.3332999999996105E-2</v>
      </c>
      <c r="G18">
        <v>0</v>
      </c>
    </row>
    <row r="19" spans="4:7" x14ac:dyDescent="0.25">
      <c r="D19">
        <v>0.28333400000001063</v>
      </c>
      <c r="E19">
        <v>-1.3980614562887326E-3</v>
      </c>
      <c r="F19">
        <v>0.10000000000000853</v>
      </c>
      <c r="G19">
        <v>0</v>
      </c>
    </row>
    <row r="20" spans="4:7" x14ac:dyDescent="0.25">
      <c r="D20">
        <v>0.30000000000001137</v>
      </c>
      <c r="E20">
        <v>-1.3980614562887326E-3</v>
      </c>
      <c r="F20">
        <v>0.11666700000000674</v>
      </c>
      <c r="G20">
        <v>0</v>
      </c>
    </row>
    <row r="21" spans="4:7" x14ac:dyDescent="0.25">
      <c r="D21">
        <v>0.31666700000000958</v>
      </c>
      <c r="E21">
        <v>-1.868696005922937E-3</v>
      </c>
      <c r="F21">
        <v>0.13333300000000747</v>
      </c>
      <c r="G21">
        <v>0</v>
      </c>
    </row>
    <row r="22" spans="4:7" x14ac:dyDescent="0.25">
      <c r="D22">
        <v>0.33333400000000779</v>
      </c>
      <c r="E22">
        <v>-1.3980614562887326E-3</v>
      </c>
      <c r="F22">
        <v>0.15000000000000568</v>
      </c>
      <c r="G22">
        <v>0</v>
      </c>
    </row>
    <row r="23" spans="4:7" x14ac:dyDescent="0.25">
      <c r="D23">
        <v>0.35000000000000853</v>
      </c>
      <c r="E23">
        <v>-4.7063454963420457E-4</v>
      </c>
      <c r="F23">
        <v>0.1666670000000039</v>
      </c>
      <c r="G23">
        <v>0</v>
      </c>
    </row>
    <row r="24" spans="4:7" x14ac:dyDescent="0.25">
      <c r="D24">
        <v>0.36666700000000674</v>
      </c>
      <c r="E24">
        <v>2.3254883629432611E-3</v>
      </c>
      <c r="F24">
        <v>0.18333300000000463</v>
      </c>
      <c r="G24">
        <v>0</v>
      </c>
    </row>
    <row r="25" spans="4:7" x14ac:dyDescent="0.25">
      <c r="D25">
        <v>0.38333400000000495</v>
      </c>
      <c r="E25">
        <v>6.5196727318094592E-3</v>
      </c>
      <c r="F25">
        <v>0.20000000000000284</v>
      </c>
      <c r="G25">
        <v>0</v>
      </c>
    </row>
    <row r="26" spans="4:7" x14ac:dyDescent="0.25">
      <c r="D26">
        <v>0.40000000000000568</v>
      </c>
      <c r="E26">
        <v>1.3053187656257388E-2</v>
      </c>
      <c r="F26">
        <v>0.21666700000000105</v>
      </c>
      <c r="G26">
        <v>0</v>
      </c>
    </row>
    <row r="27" spans="4:7" x14ac:dyDescent="0.25">
      <c r="D27">
        <v>0.4166670000000039</v>
      </c>
      <c r="E27">
        <v>2.1441556394002078E-2</v>
      </c>
      <c r="F27">
        <v>0.23333300000000179</v>
      </c>
      <c r="G27">
        <v>3.9970378316205154E-4</v>
      </c>
    </row>
    <row r="28" spans="4:7" x14ac:dyDescent="0.25">
      <c r="D28">
        <v>0.43333400000000211</v>
      </c>
      <c r="E28">
        <v>2.8902498225092239E-2</v>
      </c>
      <c r="F28">
        <v>0.25</v>
      </c>
      <c r="G28">
        <v>3.9970378316205154E-4</v>
      </c>
    </row>
    <row r="29" spans="4:7" x14ac:dyDescent="0.25">
      <c r="D29">
        <v>0.45000000000000284</v>
      </c>
      <c r="E29">
        <v>3.3553474950966472E-2</v>
      </c>
      <c r="F29">
        <v>0.26666699999999821</v>
      </c>
      <c r="G29">
        <v>3.9970378316205154E-4</v>
      </c>
    </row>
    <row r="30" spans="4:7" x14ac:dyDescent="0.25">
      <c r="D30">
        <v>0.46666700000000105</v>
      </c>
      <c r="E30">
        <v>3.6820232413190428E-2</v>
      </c>
      <c r="F30">
        <v>0.28333299999999895</v>
      </c>
      <c r="G30">
        <v>3.9970378316205154E-4</v>
      </c>
    </row>
    <row r="31" spans="4:7" x14ac:dyDescent="0.25">
      <c r="D31">
        <v>0.48333400000001348</v>
      </c>
      <c r="E31">
        <v>4.1014416782056626E-2</v>
      </c>
      <c r="F31">
        <v>0.29999999999999716</v>
      </c>
      <c r="G31">
        <v>3.9970378316205154E-4</v>
      </c>
    </row>
    <row r="32" spans="4:7" x14ac:dyDescent="0.25">
      <c r="D32">
        <v>0.5</v>
      </c>
      <c r="E32">
        <v>4.7077297156858058E-2</v>
      </c>
      <c r="F32">
        <v>0.31666700000000958</v>
      </c>
      <c r="G32">
        <v>3.9970378316205154E-4</v>
      </c>
    </row>
    <row r="33" spans="4:7" x14ac:dyDescent="0.25">
      <c r="D33">
        <v>0.51666700000001242</v>
      </c>
      <c r="E33">
        <v>6.2926607725692918E-2</v>
      </c>
      <c r="F33">
        <v>0.3333329999999961</v>
      </c>
      <c r="G33">
        <v>3.9970378316205154E-4</v>
      </c>
    </row>
    <row r="34" spans="4:7" x14ac:dyDescent="0.25">
      <c r="D34">
        <v>0.53333400000001063</v>
      </c>
      <c r="E34">
        <v>9.2756532857427396E-2</v>
      </c>
      <c r="F34">
        <v>0.35000000000000853</v>
      </c>
      <c r="G34">
        <v>0</v>
      </c>
    </row>
    <row r="35" spans="4:7" x14ac:dyDescent="0.25">
      <c r="D35">
        <v>0.55000000000001137</v>
      </c>
      <c r="E35">
        <v>0.13703770710169569</v>
      </c>
      <c r="F35">
        <v>0.36666700000000674</v>
      </c>
      <c r="G35">
        <v>3.9970378316205154E-4</v>
      </c>
    </row>
    <row r="36" spans="4:7" x14ac:dyDescent="0.25">
      <c r="D36">
        <v>0.56666700000000958</v>
      </c>
      <c r="E36">
        <v>0.20602719520219004</v>
      </c>
      <c r="F36">
        <v>0.38333300000000747</v>
      </c>
      <c r="G36">
        <v>2.0348556233645764E-3</v>
      </c>
    </row>
    <row r="37" spans="4:7" x14ac:dyDescent="0.25">
      <c r="D37">
        <v>0.58333400000000779</v>
      </c>
      <c r="E37">
        <v>0.29273468987744217</v>
      </c>
      <c r="F37">
        <v>0.40000000000000568</v>
      </c>
      <c r="G37">
        <v>5.2930470679038426E-3</v>
      </c>
    </row>
    <row r="38" spans="4:7" x14ac:dyDescent="0.25">
      <c r="D38">
        <v>0.60000000000000853</v>
      </c>
      <c r="E38">
        <v>0.39761698348447244</v>
      </c>
      <c r="F38">
        <v>0.4166670000000039</v>
      </c>
      <c r="G38">
        <v>1.0997910154814003E-2</v>
      </c>
    </row>
    <row r="39" spans="4:7" x14ac:dyDescent="0.25">
      <c r="D39">
        <v>0.61666700000000674</v>
      </c>
      <c r="E39">
        <v>0.51695052620403648</v>
      </c>
      <c r="F39">
        <v>0.43333300000000463</v>
      </c>
      <c r="G39">
        <v>1.9561260903122896E-2</v>
      </c>
    </row>
    <row r="40" spans="4:7" x14ac:dyDescent="0.25">
      <c r="D40">
        <v>0.63333400000000495</v>
      </c>
      <c r="E40">
        <v>0.63813892273689732</v>
      </c>
      <c r="F40">
        <v>0.45000000000000284</v>
      </c>
      <c r="G40">
        <v>2.6901275830257098E-2</v>
      </c>
    </row>
    <row r="41" spans="4:7" x14ac:dyDescent="0.25">
      <c r="D41">
        <v>0.65000000000000568</v>
      </c>
      <c r="E41">
        <v>0.7798414487571057</v>
      </c>
      <c r="F41">
        <v>0.46666700000000105</v>
      </c>
      <c r="G41">
        <v>3.0983099312830522E-2</v>
      </c>
    </row>
    <row r="42" spans="4:7" x14ac:dyDescent="0.25">
      <c r="D42">
        <v>0.6666670000000039</v>
      </c>
      <c r="E42">
        <v>0.94205810426466163</v>
      </c>
      <c r="F42">
        <v>0.48333300000000179</v>
      </c>
      <c r="G42">
        <v>3.3017954936173578E-2</v>
      </c>
    </row>
    <row r="43" spans="4:7" x14ac:dyDescent="0.25">
      <c r="D43">
        <v>0.68333400000000211</v>
      </c>
      <c r="E43">
        <v>1.1247888892595528</v>
      </c>
      <c r="F43">
        <v>0.5</v>
      </c>
      <c r="G43">
        <v>3.4241290757369786E-2</v>
      </c>
    </row>
    <row r="44" spans="4:7" x14ac:dyDescent="0.25">
      <c r="D44">
        <v>0.70000000000000284</v>
      </c>
      <c r="E44">
        <v>1.3140393469862657</v>
      </c>
      <c r="F44">
        <v>0.51666699999999821</v>
      </c>
      <c r="G44">
        <v>3.6276146380734363E-2</v>
      </c>
    </row>
    <row r="45" spans="4:7" x14ac:dyDescent="0.25">
      <c r="D45">
        <v>0.71666700000000105</v>
      </c>
      <c r="E45">
        <v>1.4953720705248683</v>
      </c>
      <c r="F45">
        <v>0.53333299999999895</v>
      </c>
      <c r="G45">
        <v>4.3204345288840727E-2</v>
      </c>
    </row>
    <row r="46" spans="4:7" x14ac:dyDescent="0.25">
      <c r="D46">
        <v>0.73333400000001348</v>
      </c>
      <c r="E46">
        <v>1.6743654635079013</v>
      </c>
      <c r="F46">
        <v>0.54999999999999716</v>
      </c>
      <c r="G46">
        <v>6.2777718427829407E-2</v>
      </c>
    </row>
    <row r="47" spans="4:7" x14ac:dyDescent="0.25">
      <c r="D47">
        <v>0.75</v>
      </c>
      <c r="E47">
        <v>1.8519746372272841</v>
      </c>
      <c r="F47">
        <v>0.56666700000000958</v>
      </c>
      <c r="G47">
        <v>0.10639387973567646</v>
      </c>
    </row>
    <row r="48" spans="4:7" x14ac:dyDescent="0.25">
      <c r="D48">
        <v>0.76666700000001242</v>
      </c>
      <c r="E48">
        <v>2.0290993342043819</v>
      </c>
      <c r="F48">
        <v>0.5833329999999961</v>
      </c>
      <c r="G48">
        <v>0.17895828473298944</v>
      </c>
    </row>
    <row r="49" spans="4:7" x14ac:dyDescent="0.25">
      <c r="D49">
        <v>0.78333400000001063</v>
      </c>
      <c r="E49">
        <v>2.1922572588112184</v>
      </c>
      <c r="F49">
        <v>0.60000000000000853</v>
      </c>
      <c r="G49">
        <v>0.27149576665245317</v>
      </c>
    </row>
    <row r="50" spans="4:7" x14ac:dyDescent="0.25">
      <c r="D50">
        <v>0.80000000000001137</v>
      </c>
      <c r="E50">
        <v>2.3311636619188492</v>
      </c>
      <c r="F50">
        <v>0.61666700000000674</v>
      </c>
      <c r="G50">
        <v>0.38238328588970938</v>
      </c>
    </row>
    <row r="51" spans="4:7" x14ac:dyDescent="0.25">
      <c r="D51">
        <v>0.81666700000000958</v>
      </c>
      <c r="E51">
        <v>2.4444343242636122</v>
      </c>
      <c r="F51">
        <v>0.63333300000000747</v>
      </c>
      <c r="G51">
        <v>0.50712720294317837</v>
      </c>
    </row>
    <row r="52" spans="4:7" x14ac:dyDescent="0.25">
      <c r="D52">
        <v>0.83333400000000779</v>
      </c>
      <c r="E52">
        <v>2.5385889185773158</v>
      </c>
      <c r="F52">
        <v>0.65000000000000568</v>
      </c>
      <c r="G52">
        <v>0.64695085363403471</v>
      </c>
    </row>
    <row r="53" spans="4:7" x14ac:dyDescent="0.25">
      <c r="D53">
        <v>0.85000000000000853</v>
      </c>
      <c r="E53">
        <v>2.6164374099651893</v>
      </c>
      <c r="F53">
        <v>0.6666670000000039</v>
      </c>
      <c r="G53">
        <v>0.80267787000033419</v>
      </c>
    </row>
    <row r="54" spans="4:7" x14ac:dyDescent="0.25">
      <c r="D54">
        <v>0.86666700000000674</v>
      </c>
      <c r="E54">
        <v>2.6821601406034596</v>
      </c>
      <c r="F54">
        <v>0.68333300000000463</v>
      </c>
      <c r="G54">
        <v>0.97674281144858188</v>
      </c>
    </row>
    <row r="55" spans="4:7" x14ac:dyDescent="0.25">
      <c r="D55">
        <v>0.88333400000000495</v>
      </c>
      <c r="E55">
        <v>2.7399651370536318</v>
      </c>
      <c r="F55">
        <v>0.70000000000000284</v>
      </c>
      <c r="G55">
        <v>1.1671229345912573</v>
      </c>
    </row>
    <row r="56" spans="4:7" x14ac:dyDescent="0.25">
      <c r="D56">
        <v>0.90000000000000568</v>
      </c>
      <c r="E56">
        <v>2.7926346800356447</v>
      </c>
      <c r="F56">
        <v>0.71666700000000105</v>
      </c>
      <c r="G56">
        <v>1.3644312566420391</v>
      </c>
    </row>
    <row r="57" spans="4:7" x14ac:dyDescent="0.25">
      <c r="D57">
        <v>0.9166670000000039</v>
      </c>
      <c r="E57">
        <v>2.8406532462917835</v>
      </c>
      <c r="F57">
        <v>0.73333300000000179</v>
      </c>
      <c r="G57">
        <v>1.5576577552102477</v>
      </c>
    </row>
    <row r="58" spans="4:7" x14ac:dyDescent="0.25">
      <c r="D58">
        <v>0.93333400000000211</v>
      </c>
      <c r="E58">
        <v>2.8844637859864175</v>
      </c>
      <c r="F58">
        <v>0.75</v>
      </c>
      <c r="G58">
        <v>1.748025766117079</v>
      </c>
    </row>
    <row r="59" spans="4:7" x14ac:dyDescent="0.25">
      <c r="D59">
        <v>0.95000000000000284</v>
      </c>
      <c r="E59">
        <v>2.9240939835048114</v>
      </c>
      <c r="F59">
        <v>0.76666699999999821</v>
      </c>
      <c r="G59">
        <v>1.9396292250809508</v>
      </c>
    </row>
    <row r="60" spans="4:7" x14ac:dyDescent="0.25">
      <c r="D60">
        <v>0.96666700000000105</v>
      </c>
      <c r="E60">
        <v>2.960914215918002</v>
      </c>
      <c r="F60">
        <v>0.78333299999999895</v>
      </c>
      <c r="G60">
        <v>2.1304090520067884</v>
      </c>
    </row>
    <row r="61" spans="4:7" x14ac:dyDescent="0.25">
      <c r="D61">
        <v>0.98333400000001348</v>
      </c>
      <c r="E61">
        <v>2.9944815330615948</v>
      </c>
      <c r="F61">
        <v>0.79999999999999716</v>
      </c>
      <c r="G61">
        <v>2.3048858094740421</v>
      </c>
    </row>
    <row r="62" spans="4:7" x14ac:dyDescent="0.25">
      <c r="D62">
        <v>1</v>
      </c>
      <c r="E62">
        <v>3.0261801541992641</v>
      </c>
      <c r="F62">
        <v>0.81666700000000958</v>
      </c>
      <c r="G62">
        <v>2.4549079627534103</v>
      </c>
    </row>
    <row r="63" spans="4:7" x14ac:dyDescent="0.25">
      <c r="D63">
        <v>1.0166670000000124</v>
      </c>
      <c r="E63">
        <v>3.0564807138806329</v>
      </c>
      <c r="F63">
        <v>0.8333329999999961</v>
      </c>
      <c r="G63">
        <v>2.5776170241835357</v>
      </c>
    </row>
    <row r="64" spans="4:7" x14ac:dyDescent="0.25">
      <c r="D64">
        <v>1.0333340000000106</v>
      </c>
      <c r="E64">
        <v>3.0853693699130864</v>
      </c>
      <c r="F64">
        <v>0.85000000000000853</v>
      </c>
      <c r="G64">
        <v>2.6766708889920783</v>
      </c>
    </row>
    <row r="65" spans="4:7" x14ac:dyDescent="0.25">
      <c r="D65">
        <v>1.0500000000000114</v>
      </c>
      <c r="E65">
        <v>3.1128738066818777</v>
      </c>
      <c r="F65">
        <v>0.86666700000000674</v>
      </c>
      <c r="G65">
        <v>2.7557637891143356</v>
      </c>
    </row>
    <row r="66" spans="4:7" x14ac:dyDescent="0.25">
      <c r="D66">
        <v>1.0666670000000096</v>
      </c>
      <c r="E66">
        <v>3.1380527550877382</v>
      </c>
      <c r="F66">
        <v>0.88333300000000747</v>
      </c>
      <c r="G66">
        <v>2.8209881791845359</v>
      </c>
    </row>
    <row r="67" spans="4:7" x14ac:dyDescent="0.25">
      <c r="D67">
        <v>1.0833340000000078</v>
      </c>
      <c r="E67">
        <v>3.1622904343943055</v>
      </c>
      <c r="F67">
        <v>0.90000000000000568</v>
      </c>
      <c r="G67">
        <v>2.8760140666662246</v>
      </c>
    </row>
    <row r="68" spans="4:7" x14ac:dyDescent="0.25">
      <c r="D68">
        <v>1.1000000000000085</v>
      </c>
      <c r="E68">
        <v>3.1851300522445962</v>
      </c>
      <c r="F68">
        <v>0.9166670000000039</v>
      </c>
      <c r="G68">
        <v>2.923312347673483</v>
      </c>
    </row>
    <row r="69" spans="4:7" x14ac:dyDescent="0.25">
      <c r="D69">
        <v>1.1166670000000067</v>
      </c>
      <c r="E69">
        <v>3.2070422431882206</v>
      </c>
      <c r="F69">
        <v>0.93333300000000463</v>
      </c>
      <c r="G69">
        <v>2.9648936533579873</v>
      </c>
    </row>
    <row r="70" spans="4:7" x14ac:dyDescent="0.25">
      <c r="D70">
        <v>1.1333340000000049</v>
      </c>
      <c r="E70">
        <v>3.2280131650325754</v>
      </c>
      <c r="F70">
        <v>0.95000000000000284</v>
      </c>
      <c r="G70">
        <v>3.00198131954089</v>
      </c>
    </row>
    <row r="71" spans="4:7" x14ac:dyDescent="0.25">
      <c r="D71">
        <v>1.1500000000000057</v>
      </c>
      <c r="E71">
        <v>3.2480566599702767</v>
      </c>
      <c r="F71">
        <v>0.96666700000000105</v>
      </c>
      <c r="G71">
        <v>3.0354110904960914</v>
      </c>
    </row>
    <row r="72" spans="4:7" x14ac:dyDescent="0.25">
      <c r="D72">
        <v>1.1666670000000039</v>
      </c>
      <c r="E72">
        <v>3.2676295203583434</v>
      </c>
      <c r="F72">
        <v>0.98333300000000179</v>
      </c>
      <c r="G72">
        <v>3.0659823737898941</v>
      </c>
    </row>
    <row r="73" spans="4:7" x14ac:dyDescent="0.25">
      <c r="D73">
        <v>1.1833340000000021</v>
      </c>
      <c r="E73">
        <v>3.2867455883893899</v>
      </c>
      <c r="F73">
        <v>1</v>
      </c>
      <c r="G73">
        <v>3.0941190976771917</v>
      </c>
    </row>
    <row r="74" spans="4:7" x14ac:dyDescent="0.25">
      <c r="D74">
        <v>1.2000000000000028</v>
      </c>
      <c r="E74">
        <v>3.3049203873211681</v>
      </c>
      <c r="F74">
        <v>1.0166669999999982</v>
      </c>
      <c r="G74">
        <v>3.1202088537052588</v>
      </c>
    </row>
    <row r="75" spans="4:7" x14ac:dyDescent="0.25">
      <c r="D75">
        <v>1.2166670000000011</v>
      </c>
      <c r="E75">
        <v>3.3221677593462924</v>
      </c>
      <c r="F75">
        <v>1.0333329999999989</v>
      </c>
      <c r="G75">
        <v>3.1446634578931452</v>
      </c>
    </row>
    <row r="76" spans="4:7" x14ac:dyDescent="0.25">
      <c r="D76">
        <v>1.2333340000000135</v>
      </c>
      <c r="E76">
        <v>3.3389583390144075</v>
      </c>
      <c r="F76">
        <v>1.0499999999999972</v>
      </c>
      <c r="G76">
        <v>3.1679068384956794</v>
      </c>
    </row>
    <row r="77" spans="4:7" x14ac:dyDescent="0.25">
      <c r="D77">
        <v>1.25</v>
      </c>
      <c r="E77">
        <v>3.3552644419402382</v>
      </c>
      <c r="F77">
        <v>1.0666670000000096</v>
      </c>
      <c r="G77">
        <v>3.1907262908433625</v>
      </c>
    </row>
    <row r="78" spans="4:7" x14ac:dyDescent="0.25">
      <c r="D78">
        <v>1.2666670000000124</v>
      </c>
      <c r="E78">
        <v>3.3711137525090731</v>
      </c>
      <c r="F78">
        <v>1.0833329999999961</v>
      </c>
      <c r="G78">
        <v>3.2131581516437286</v>
      </c>
    </row>
    <row r="79" spans="4:7" x14ac:dyDescent="0.25">
      <c r="D79">
        <v>1.2833340000000106</v>
      </c>
      <c r="E79">
        <v>3.3860356361712536</v>
      </c>
      <c r="F79">
        <v>1.1000000000000085</v>
      </c>
      <c r="G79">
        <v>3.2343545643870755</v>
      </c>
    </row>
    <row r="80" spans="4:7" x14ac:dyDescent="0.25">
      <c r="D80">
        <v>1.3000000000000114</v>
      </c>
      <c r="E80">
        <v>3.4009575198334461</v>
      </c>
      <c r="F80">
        <v>1.1166670000000067</v>
      </c>
      <c r="G80">
        <v>3.2551391611113951</v>
      </c>
    </row>
    <row r="81" spans="4:7" x14ac:dyDescent="0.25">
      <c r="D81">
        <v>1.3166670000000096</v>
      </c>
      <c r="E81">
        <v>3.4149381343963454</v>
      </c>
      <c r="F81">
        <v>1.1333330000000075</v>
      </c>
      <c r="G81">
        <v>3.2751122380335245</v>
      </c>
    </row>
    <row r="82" spans="4:7" x14ac:dyDescent="0.25">
      <c r="D82">
        <v>1.3333340000000078</v>
      </c>
      <c r="E82">
        <v>3.4289187489592448</v>
      </c>
      <c r="F82">
        <v>1.1500000000000057</v>
      </c>
      <c r="G82">
        <v>3.2942737951535066</v>
      </c>
    </row>
    <row r="83" spans="4:7" x14ac:dyDescent="0.25">
      <c r="D83">
        <v>1.3500000000000085</v>
      </c>
      <c r="E83">
        <v>3.4419719366154897</v>
      </c>
      <c r="F83">
        <v>1.1666670000000039</v>
      </c>
      <c r="G83">
        <v>3.3130235362544607</v>
      </c>
    </row>
    <row r="84" spans="4:7" x14ac:dyDescent="0.25">
      <c r="D84">
        <v>1.3666670000000067</v>
      </c>
      <c r="E84">
        <v>3.4550251242717476</v>
      </c>
      <c r="F84">
        <v>1.1833330000000046</v>
      </c>
      <c r="G84">
        <v>3.3305620537700849</v>
      </c>
    </row>
    <row r="85" spans="4:7" x14ac:dyDescent="0.25">
      <c r="D85">
        <v>1.3833340000000049</v>
      </c>
      <c r="E85">
        <v>3.468078311928005</v>
      </c>
      <c r="F85">
        <v>1.2000000000000028</v>
      </c>
      <c r="G85">
        <v>3.3476766430308369</v>
      </c>
    </row>
    <row r="86" spans="4:7" x14ac:dyDescent="0.25">
      <c r="D86">
        <v>1.4000000000000057</v>
      </c>
      <c r="E86">
        <v>3.4806608650346162</v>
      </c>
      <c r="F86">
        <v>1.2166670000000011</v>
      </c>
      <c r="G86">
        <v>3.3643915285084489</v>
      </c>
    </row>
    <row r="87" spans="4:7" x14ac:dyDescent="0.25">
      <c r="D87">
        <v>1.4166670000000039</v>
      </c>
      <c r="E87">
        <v>3.4927866257842188</v>
      </c>
      <c r="F87">
        <v>1.2333330000000018</v>
      </c>
      <c r="G87">
        <v>3.3798830781648634</v>
      </c>
    </row>
    <row r="88" spans="4:7" x14ac:dyDescent="0.25">
      <c r="D88">
        <v>1.4333340000000021</v>
      </c>
      <c r="E88">
        <v>3.504427909791537</v>
      </c>
      <c r="F88">
        <v>1.25</v>
      </c>
      <c r="G88">
        <v>3.3949628118022512</v>
      </c>
    </row>
    <row r="89" spans="4:7" x14ac:dyDescent="0.25">
      <c r="D89">
        <v>1.4500000000000028</v>
      </c>
      <c r="E89">
        <v>3.5160830359915054</v>
      </c>
      <c r="F89">
        <v>1.2666669999999982</v>
      </c>
      <c r="G89">
        <v>3.4096428416564981</v>
      </c>
    </row>
    <row r="90" spans="4:7" x14ac:dyDescent="0.25">
      <c r="D90">
        <v>1.4666670000000011</v>
      </c>
      <c r="E90">
        <v>3.5268107352848195</v>
      </c>
      <c r="F90">
        <v>1.2833329999999989</v>
      </c>
      <c r="G90">
        <v>3.4234992394727111</v>
      </c>
    </row>
    <row r="91" spans="4:7" x14ac:dyDescent="0.25">
      <c r="D91">
        <v>1.4833340000000135</v>
      </c>
      <c r="E91">
        <v>3.5375245923854952</v>
      </c>
      <c r="F91">
        <v>1.2999999999999972</v>
      </c>
      <c r="G91">
        <v>3.4369559335057613</v>
      </c>
    </row>
    <row r="92" spans="4:7" x14ac:dyDescent="0.25">
      <c r="D92">
        <v>1.5</v>
      </c>
      <c r="E92">
        <v>3.5482522916788093</v>
      </c>
      <c r="F92">
        <v>1.3166670000000096</v>
      </c>
      <c r="G92">
        <v>3.4500008115198058</v>
      </c>
    </row>
    <row r="93" spans="4:7" x14ac:dyDescent="0.25">
      <c r="D93">
        <v>1.5166670000000124</v>
      </c>
      <c r="E93">
        <v>3.5580387218728431</v>
      </c>
      <c r="F93">
        <v>1.3333329999999961</v>
      </c>
      <c r="G93">
        <v>3.4626338735148225</v>
      </c>
    </row>
    <row r="94" spans="4:7" x14ac:dyDescent="0.25">
      <c r="D94">
        <v>1.5333340000000106</v>
      </c>
      <c r="E94">
        <v>3.567825152066876</v>
      </c>
      <c r="F94">
        <v>1.3500000000000085</v>
      </c>
      <c r="G94">
        <v>3.4744554157076704</v>
      </c>
    </row>
    <row r="95" spans="4:7" x14ac:dyDescent="0.25">
      <c r="D95">
        <v>1.5500000000000114</v>
      </c>
      <c r="E95">
        <v>3.5776115822608969</v>
      </c>
      <c r="F95">
        <v>1.3666670000000067</v>
      </c>
      <c r="G95">
        <v>3.4862890701363844</v>
      </c>
    </row>
    <row r="96" spans="4:7" x14ac:dyDescent="0.25">
      <c r="D96">
        <v>1.5666670000000096</v>
      </c>
      <c r="E96">
        <v>3.5869412200979225</v>
      </c>
      <c r="F96">
        <v>1.3833330000000075</v>
      </c>
      <c r="G96">
        <v>3.4972869802912196</v>
      </c>
    </row>
    <row r="97" spans="4:7" x14ac:dyDescent="0.25">
      <c r="D97">
        <v>1.5833340000000078</v>
      </c>
      <c r="E97">
        <v>3.5958002233853139</v>
      </c>
      <c r="F97">
        <v>1.4000000000000057</v>
      </c>
      <c r="G97">
        <v>3.5062621470585351</v>
      </c>
    </row>
    <row r="98" spans="4:7" x14ac:dyDescent="0.25">
      <c r="D98">
        <v>1.6000000000000085</v>
      </c>
      <c r="E98">
        <v>3.6051160190297007</v>
      </c>
      <c r="F98">
        <v>1.4166670000000039</v>
      </c>
      <c r="G98">
        <v>3.5140018657688099</v>
      </c>
    </row>
    <row r="99" spans="4:7" x14ac:dyDescent="0.25">
      <c r="D99">
        <v>1.6166670000000067</v>
      </c>
      <c r="E99">
        <v>3.6139750223170792</v>
      </c>
      <c r="F99">
        <v>1.4333330000000046</v>
      </c>
      <c r="G99">
        <v>3.5217536967149505</v>
      </c>
    </row>
    <row r="100" spans="4:7" x14ac:dyDescent="0.25">
      <c r="D100">
        <v>1.6333340000000049</v>
      </c>
      <c r="E100">
        <v>3.6223633910548245</v>
      </c>
      <c r="F100">
        <v>1.4500000000000028</v>
      </c>
      <c r="G100">
        <v>3.5319400870675963</v>
      </c>
    </row>
    <row r="101" spans="4:7" x14ac:dyDescent="0.25">
      <c r="D101">
        <v>1.6500000000000057</v>
      </c>
      <c r="E101">
        <v>3.6307517597925569</v>
      </c>
      <c r="F101">
        <v>1.4666670000000011</v>
      </c>
      <c r="G101">
        <v>3.542950109458276</v>
      </c>
    </row>
    <row r="102" spans="4:7" x14ac:dyDescent="0.25">
      <c r="D102">
        <v>1.6666670000000039</v>
      </c>
      <c r="E102">
        <v>3.6391539707229401</v>
      </c>
      <c r="F102">
        <v>1.4833330000000018</v>
      </c>
      <c r="G102">
        <v>3.553548315829949</v>
      </c>
    </row>
    <row r="103" spans="4:7" x14ac:dyDescent="0.25">
      <c r="D103">
        <v>1.6833340000000021</v>
      </c>
      <c r="E103">
        <v>3.6475423394606721</v>
      </c>
      <c r="F103">
        <v>1.5</v>
      </c>
      <c r="G103">
        <v>3.5629231863804267</v>
      </c>
    </row>
    <row r="104" spans="4:7" x14ac:dyDescent="0.25">
      <c r="D104">
        <v>1.7000000000000028</v>
      </c>
      <c r="E104">
        <v>3.6554600736487703</v>
      </c>
      <c r="F104">
        <v>1.5166669999999982</v>
      </c>
      <c r="G104">
        <v>3.5698513852885334</v>
      </c>
    </row>
    <row r="105" spans="4:7" x14ac:dyDescent="0.25">
      <c r="D105">
        <v>1.7166670000000011</v>
      </c>
      <c r="E105">
        <v>3.6633916500295074</v>
      </c>
      <c r="F105">
        <v>1.5333329999999989</v>
      </c>
      <c r="G105">
        <v>3.5759680643944498</v>
      </c>
    </row>
    <row r="106" spans="4:7" x14ac:dyDescent="0.25">
      <c r="D106">
        <v>1.7333340000000135</v>
      </c>
      <c r="E106">
        <v>3.6708525918605974</v>
      </c>
      <c r="F106">
        <v>1.5499999999999972</v>
      </c>
      <c r="G106">
        <v>3.5820847435003875</v>
      </c>
    </row>
    <row r="107" spans="4:7" x14ac:dyDescent="0.25">
      <c r="D107">
        <v>1.75</v>
      </c>
      <c r="E107">
        <v>3.6782996914990611</v>
      </c>
      <c r="F107">
        <v>1.5666670000000096</v>
      </c>
      <c r="G107">
        <v>3.5886011263894875</v>
      </c>
    </row>
    <row r="108" spans="4:7" x14ac:dyDescent="0.25">
      <c r="D108">
        <v>1.7666670000000124</v>
      </c>
      <c r="E108">
        <v>3.6852899987805046</v>
      </c>
      <c r="F108">
        <v>1.5833329999999961</v>
      </c>
      <c r="G108">
        <v>3.5951296215144319</v>
      </c>
    </row>
    <row r="109" spans="4:7" x14ac:dyDescent="0.25">
      <c r="D109">
        <v>1.7833340000000106</v>
      </c>
      <c r="E109">
        <v>3.6922941482545992</v>
      </c>
      <c r="F109">
        <v>1.6000000000000085</v>
      </c>
      <c r="G109">
        <v>3.6024696364415445</v>
      </c>
    </row>
    <row r="110" spans="4:7" x14ac:dyDescent="0.25">
      <c r="D110">
        <v>1.8000000000000114</v>
      </c>
      <c r="E110">
        <v>3.6988138209863965</v>
      </c>
      <c r="F110">
        <v>1.6166670000000067</v>
      </c>
      <c r="G110">
        <v>3.6102093551518193</v>
      </c>
    </row>
    <row r="111" spans="4:7" x14ac:dyDescent="0.25">
      <c r="D111">
        <v>1.8166670000000096</v>
      </c>
      <c r="E111">
        <v>3.7058041282678524</v>
      </c>
      <c r="F111">
        <v>1.6333330000000075</v>
      </c>
      <c r="G111">
        <v>3.618772705900128</v>
      </c>
    </row>
    <row r="112" spans="4:7" x14ac:dyDescent="0.25">
      <c r="D112">
        <v>1.8333340000000078</v>
      </c>
      <c r="E112">
        <v>3.7123376431923005</v>
      </c>
      <c r="F112">
        <v>1.6500000000000057</v>
      </c>
      <c r="G112">
        <v>3.6269242406294309</v>
      </c>
    </row>
    <row r="113" spans="4:7" x14ac:dyDescent="0.25">
      <c r="D113">
        <v>1.8500000000000085</v>
      </c>
      <c r="E113">
        <v>3.7183866813744628</v>
      </c>
      <c r="F113">
        <v>1.6666670000000039</v>
      </c>
      <c r="G113">
        <v>3.6354875913777396</v>
      </c>
    </row>
    <row r="114" spans="4:7" x14ac:dyDescent="0.25">
      <c r="D114">
        <v>1.8666670000000067</v>
      </c>
      <c r="E114">
        <v>3.7249201962989114</v>
      </c>
      <c r="F114">
        <v>1.6833330000000046</v>
      </c>
      <c r="G114">
        <v>3.6448624619282164</v>
      </c>
    </row>
    <row r="115" spans="4:7" x14ac:dyDescent="0.25">
      <c r="D115">
        <v>1.8833340000000049</v>
      </c>
      <c r="E115">
        <v>3.7314398690307082</v>
      </c>
      <c r="F115">
        <v>1.7000000000000028</v>
      </c>
      <c r="G115">
        <v>3.6530139966574984</v>
      </c>
    </row>
    <row r="116" spans="4:7" x14ac:dyDescent="0.25">
      <c r="D116">
        <v>1.9000000000000057</v>
      </c>
      <c r="E116">
        <v>3.7375027494055217</v>
      </c>
      <c r="F116">
        <v>1.7166670000000011</v>
      </c>
      <c r="G116">
        <v>3.6603540115846323</v>
      </c>
    </row>
    <row r="117" spans="4:7" x14ac:dyDescent="0.25">
      <c r="D117">
        <v>1.9166670000000039</v>
      </c>
      <c r="E117">
        <v>3.7435656297803237</v>
      </c>
      <c r="F117">
        <v>1.7333330000000018</v>
      </c>
      <c r="G117">
        <v>3.6660588746715428</v>
      </c>
    </row>
    <row r="118" spans="4:7" x14ac:dyDescent="0.25">
      <c r="D118">
        <v>1.9333340000000021</v>
      </c>
      <c r="E118">
        <v>3.7496285101551252</v>
      </c>
      <c r="F118">
        <v>1.75</v>
      </c>
      <c r="G118">
        <v>3.670540401937278</v>
      </c>
    </row>
    <row r="119" spans="4:7" x14ac:dyDescent="0.25">
      <c r="D119">
        <v>1.9500000000000028</v>
      </c>
      <c r="E119">
        <v>3.7552207559802797</v>
      </c>
      <c r="F119">
        <v>1.7666669999999982</v>
      </c>
      <c r="G119">
        <v>3.6750340414388578</v>
      </c>
    </row>
    <row r="120" spans="4:7" x14ac:dyDescent="0.25">
      <c r="D120">
        <v>1.9666670000000011</v>
      </c>
      <c r="E120">
        <v>3.7608130018054347</v>
      </c>
      <c r="F120">
        <v>1.7833329999999989</v>
      </c>
      <c r="G120">
        <v>3.6795155687045931</v>
      </c>
    </row>
    <row r="121" spans="4:7" x14ac:dyDescent="0.25">
      <c r="D121">
        <v>1.9833340000000135</v>
      </c>
      <c r="E121">
        <v>3.766405247630602</v>
      </c>
      <c r="F121">
        <v>1.7999999999999972</v>
      </c>
      <c r="G121">
        <v>3.6848086157724969</v>
      </c>
    </row>
    <row r="122" spans="4:7" x14ac:dyDescent="0.25">
      <c r="D122">
        <v>2</v>
      </c>
      <c r="E122">
        <v>3.7719974934557574</v>
      </c>
      <c r="F122">
        <v>1.8166670000000096</v>
      </c>
      <c r="G122">
        <v>3.6909252948784346</v>
      </c>
    </row>
    <row r="123" spans="4:7" x14ac:dyDescent="0.25">
      <c r="D123">
        <v>2.0166670000000124</v>
      </c>
      <c r="E123">
        <v>3.7771191047312773</v>
      </c>
      <c r="F123">
        <v>1.8333329999999961</v>
      </c>
      <c r="G123">
        <v>3.6966301579653451</v>
      </c>
    </row>
    <row r="124" spans="4:7" x14ac:dyDescent="0.25">
      <c r="D124">
        <v>2.0333340000000106</v>
      </c>
      <c r="E124">
        <v>3.7817839236497903</v>
      </c>
      <c r="F124">
        <v>1.8500000000000085</v>
      </c>
      <c r="G124">
        <v>3.7031586530903113</v>
      </c>
    </row>
    <row r="125" spans="4:7" x14ac:dyDescent="0.25">
      <c r="D125">
        <v>2.0500000000000114</v>
      </c>
      <c r="E125">
        <v>3.7869193771179499</v>
      </c>
      <c r="F125">
        <v>1.8666670000000067</v>
      </c>
      <c r="G125">
        <v>3.708863516177221</v>
      </c>
    </row>
    <row r="126" spans="4:7" x14ac:dyDescent="0.25">
      <c r="D126">
        <v>2.0666670000000096</v>
      </c>
      <c r="E126">
        <v>3.7915703538438241</v>
      </c>
      <c r="F126">
        <v>1.8833330000000075</v>
      </c>
      <c r="G126">
        <v>3.7137568594619625</v>
      </c>
    </row>
    <row r="127" spans="4:7" x14ac:dyDescent="0.25">
      <c r="D127">
        <v>2.0833340000000078</v>
      </c>
      <c r="E127">
        <v>3.7962351727623362</v>
      </c>
      <c r="F127">
        <v>1.9000000000000057</v>
      </c>
      <c r="G127">
        <v>3.7182383867276987</v>
      </c>
    </row>
    <row r="128" spans="4:7" x14ac:dyDescent="0.25">
      <c r="D128">
        <v>2.1000000000000085</v>
      </c>
      <c r="E128">
        <v>3.8008999916808492</v>
      </c>
      <c r="F128">
        <v>1.9166670000000039</v>
      </c>
      <c r="G128">
        <v>3.7223202102102717</v>
      </c>
    </row>
    <row r="129" spans="4:7" x14ac:dyDescent="0.25">
      <c r="D129">
        <v>2.1166670000000067</v>
      </c>
      <c r="E129">
        <v>3.8055648105993622</v>
      </c>
      <c r="F129">
        <v>1.9333330000000046</v>
      </c>
      <c r="G129">
        <v>3.7263899214570011</v>
      </c>
    </row>
    <row r="130" spans="4:7" x14ac:dyDescent="0.25">
      <c r="D130">
        <v>2.1333340000000049</v>
      </c>
      <c r="E130">
        <v>3.8097589949682278</v>
      </c>
      <c r="F130">
        <v>1.9500000000000028</v>
      </c>
      <c r="G130">
        <v>3.7304717449395746</v>
      </c>
    </row>
    <row r="131" spans="4:7" x14ac:dyDescent="0.25">
      <c r="D131">
        <v>2.1500000000000057</v>
      </c>
      <c r="E131">
        <v>3.8144238138867408</v>
      </c>
      <c r="F131">
        <v>1.9666670000000011</v>
      </c>
      <c r="G131">
        <v>3.7345414561862822</v>
      </c>
    </row>
    <row r="132" spans="4:7" x14ac:dyDescent="0.25">
      <c r="D132">
        <v>2.1666670000000039</v>
      </c>
      <c r="E132">
        <v>3.8186179982556072</v>
      </c>
      <c r="F132">
        <v>1.9833330000000018</v>
      </c>
      <c r="G132">
        <v>3.7390350956878615</v>
      </c>
    </row>
    <row r="133" spans="4:7" x14ac:dyDescent="0.25">
      <c r="D133">
        <v>2.1833340000000021</v>
      </c>
      <c r="E133">
        <v>3.8232689749814814</v>
      </c>
      <c r="F133">
        <v>2</v>
      </c>
      <c r="G133">
        <v>3.7431048069345905</v>
      </c>
    </row>
    <row r="134" spans="4:7" x14ac:dyDescent="0.25">
      <c r="D134">
        <v>2.2000000000000028</v>
      </c>
      <c r="E134">
        <v>3.8274631593503599</v>
      </c>
      <c r="F134">
        <v>2.0166669999999982</v>
      </c>
      <c r="G134">
        <v>3.7471866304171639</v>
      </c>
    </row>
    <row r="135" spans="4:7" x14ac:dyDescent="0.25">
      <c r="D135">
        <v>2.2166670000000011</v>
      </c>
      <c r="E135">
        <v>3.831200551362218</v>
      </c>
      <c r="F135">
        <v>2.0333329999999989</v>
      </c>
      <c r="G135">
        <v>3.7516681576828996</v>
      </c>
    </row>
    <row r="136" spans="4:7" x14ac:dyDescent="0.25">
      <c r="D136">
        <v>2.2333340000000135</v>
      </c>
      <c r="E136">
        <v>3.8353947357310965</v>
      </c>
      <c r="F136">
        <v>2.0499999999999972</v>
      </c>
      <c r="G136">
        <v>3.7561496849486349</v>
      </c>
    </row>
    <row r="137" spans="4:7" x14ac:dyDescent="0.25">
      <c r="D137">
        <v>2.25</v>
      </c>
      <c r="E137">
        <v>3.8391182855503163</v>
      </c>
      <c r="F137">
        <v>2.0666670000000096</v>
      </c>
      <c r="G137">
        <v>3.7602315084312083</v>
      </c>
    </row>
    <row r="138" spans="4:7" x14ac:dyDescent="0.25">
      <c r="D138">
        <v>2.2666670000000124</v>
      </c>
      <c r="E138">
        <v>3.8433124699191947</v>
      </c>
      <c r="F138">
        <v>2.0833329999999961</v>
      </c>
      <c r="G138">
        <v>3.764713035696944</v>
      </c>
    </row>
    <row r="139" spans="4:7" x14ac:dyDescent="0.25">
      <c r="D139">
        <v>2.2833340000000106</v>
      </c>
      <c r="E139">
        <v>3.8475066542880612</v>
      </c>
      <c r="F139">
        <v>2.1000000000000085</v>
      </c>
      <c r="G139">
        <v>3.7687948591795175</v>
      </c>
    </row>
    <row r="140" spans="4:7" x14ac:dyDescent="0.25">
      <c r="D140">
        <v>2.3000000000000114</v>
      </c>
      <c r="E140">
        <v>3.8512440462999189</v>
      </c>
      <c r="F140">
        <v>2.1166670000000067</v>
      </c>
      <c r="G140">
        <v>3.7732763864452528</v>
      </c>
    </row>
    <row r="141" spans="4:7" x14ac:dyDescent="0.25">
      <c r="D141">
        <v>2.3166670000000096</v>
      </c>
      <c r="E141">
        <v>3.8549675961191507</v>
      </c>
      <c r="F141">
        <v>2.1333330000000075</v>
      </c>
      <c r="G141">
        <v>3.7773460976919604</v>
      </c>
    </row>
    <row r="142" spans="4:7" x14ac:dyDescent="0.25">
      <c r="D142">
        <v>2.3333340000000078</v>
      </c>
      <c r="E142">
        <v>3.8587049881310218</v>
      </c>
      <c r="F142">
        <v>2.1500000000000057</v>
      </c>
      <c r="G142">
        <v>3.7814279211745343</v>
      </c>
    </row>
    <row r="143" spans="4:7" x14ac:dyDescent="0.25">
      <c r="D143">
        <v>2.3500000000000085</v>
      </c>
      <c r="E143">
        <v>3.8624285379502412</v>
      </c>
      <c r="F143">
        <v>2.1666670000000039</v>
      </c>
      <c r="G143">
        <v>3.7859094484402696</v>
      </c>
    </row>
    <row r="144" spans="4:7" x14ac:dyDescent="0.25">
      <c r="D144">
        <v>2.3666670000000067</v>
      </c>
      <c r="E144">
        <v>3.8661520877694735</v>
      </c>
      <c r="F144">
        <v>2.1833330000000046</v>
      </c>
      <c r="G144">
        <v>3.7899912719228426</v>
      </c>
    </row>
    <row r="145" spans="4:7" x14ac:dyDescent="0.25">
      <c r="D145">
        <v>2.3833340000000049</v>
      </c>
      <c r="E145">
        <v>3.8698894797813312</v>
      </c>
      <c r="F145">
        <v>2.2000000000000028</v>
      </c>
      <c r="G145">
        <v>3.794060983169572</v>
      </c>
    </row>
    <row r="146" spans="4:7" x14ac:dyDescent="0.25">
      <c r="D146">
        <v>2.4000000000000057</v>
      </c>
      <c r="E146">
        <v>3.8731562372435553</v>
      </c>
      <c r="F146">
        <v>2.2166670000000011</v>
      </c>
      <c r="G146">
        <v>3.7977309906331178</v>
      </c>
    </row>
    <row r="147" spans="4:7" x14ac:dyDescent="0.25">
      <c r="D147">
        <v>2.4166670000000039</v>
      </c>
      <c r="E147">
        <v>3.876409152513141</v>
      </c>
      <c r="F147">
        <v>2.2333330000000018</v>
      </c>
      <c r="G147">
        <v>3.8018128141156913</v>
      </c>
    </row>
    <row r="148" spans="4:7" x14ac:dyDescent="0.25">
      <c r="D148">
        <v>2.4333340000000021</v>
      </c>
      <c r="E148">
        <v>3.8801465445250116</v>
      </c>
      <c r="F148">
        <v>2.25</v>
      </c>
      <c r="G148">
        <v>3.8054828215792584</v>
      </c>
    </row>
    <row r="149" spans="4:7" x14ac:dyDescent="0.25">
      <c r="D149">
        <v>2.4500000000000028</v>
      </c>
      <c r="E149">
        <v>3.8833994597945969</v>
      </c>
      <c r="F149">
        <v>2.2666669999999982</v>
      </c>
      <c r="G149">
        <v>3.8095525328259661</v>
      </c>
    </row>
    <row r="150" spans="4:7" x14ac:dyDescent="0.25">
      <c r="D150">
        <v>2.4666670000000011</v>
      </c>
      <c r="E150">
        <v>3.8871368518064546</v>
      </c>
      <c r="F150">
        <v>2.2833329999999989</v>
      </c>
      <c r="G150">
        <v>3.8132225402895328</v>
      </c>
    </row>
    <row r="151" spans="4:7" x14ac:dyDescent="0.25">
      <c r="D151">
        <v>2.4833340000000135</v>
      </c>
      <c r="E151">
        <v>3.8904036092686791</v>
      </c>
      <c r="F151">
        <v>2.2999999999999972</v>
      </c>
      <c r="G151">
        <v>3.8168925477530999</v>
      </c>
    </row>
    <row r="152" spans="4:7" x14ac:dyDescent="0.25">
      <c r="D152">
        <v>2.5</v>
      </c>
      <c r="E152">
        <v>3.8936565245382644</v>
      </c>
      <c r="F152">
        <v>2.3166670000000096</v>
      </c>
      <c r="G152">
        <v>3.8205625552166458</v>
      </c>
    </row>
    <row r="153" spans="4:7" x14ac:dyDescent="0.25">
      <c r="D153">
        <v>2.5166670000000124</v>
      </c>
      <c r="E153">
        <v>3.8969232820004884</v>
      </c>
      <c r="F153">
        <v>2.3333329999999961</v>
      </c>
      <c r="G153">
        <v>3.8242325626802125</v>
      </c>
    </row>
    <row r="154" spans="4:7" x14ac:dyDescent="0.25">
      <c r="D154">
        <v>2.5333340000000106</v>
      </c>
      <c r="E154">
        <v>3.900190039462712</v>
      </c>
      <c r="F154">
        <v>2.3500000000000085</v>
      </c>
      <c r="G154">
        <v>3.8274907541247516</v>
      </c>
    </row>
    <row r="155" spans="4:7" x14ac:dyDescent="0.25">
      <c r="D155">
        <v>2.5500000000000114</v>
      </c>
      <c r="E155">
        <v>3.9034429547322982</v>
      </c>
      <c r="F155">
        <v>2.3666670000000067</v>
      </c>
      <c r="G155">
        <v>3.8311607615883188</v>
      </c>
    </row>
    <row r="156" spans="4:7" x14ac:dyDescent="0.25">
      <c r="D156">
        <v>2.5666670000000096</v>
      </c>
      <c r="E156">
        <v>3.9062529198375135</v>
      </c>
      <c r="F156">
        <v>2.3833330000000075</v>
      </c>
      <c r="G156">
        <v>3.8344189530328578</v>
      </c>
    </row>
    <row r="157" spans="4:7" x14ac:dyDescent="0.25">
      <c r="D157">
        <v>2.5833340000000078</v>
      </c>
      <c r="E157">
        <v>3.9095058351070993</v>
      </c>
      <c r="F157">
        <v>2.4000000000000057</v>
      </c>
      <c r="G157">
        <v>3.8380889604964255</v>
      </c>
    </row>
    <row r="158" spans="4:7" x14ac:dyDescent="0.25">
      <c r="D158">
        <v>2.6000000000000085</v>
      </c>
      <c r="E158">
        <v>3.9123019580196767</v>
      </c>
      <c r="F158">
        <v>2.4166670000000039</v>
      </c>
      <c r="G158">
        <v>3.8413471519409645</v>
      </c>
    </row>
    <row r="159" spans="4:7" x14ac:dyDescent="0.25">
      <c r="D159">
        <v>2.6166670000000067</v>
      </c>
      <c r="E159">
        <v>3.9155687154819008</v>
      </c>
      <c r="F159">
        <v>2.4333330000000046</v>
      </c>
      <c r="G159">
        <v>3.8446174556213699</v>
      </c>
    </row>
    <row r="160" spans="4:7" x14ac:dyDescent="0.25">
      <c r="D160">
        <v>2.6333340000000049</v>
      </c>
      <c r="E160">
        <v>3.9188354729441244</v>
      </c>
      <c r="F160">
        <v>2.4500000000000028</v>
      </c>
      <c r="G160">
        <v>3.847875647065909</v>
      </c>
    </row>
    <row r="161" spans="4:7" x14ac:dyDescent="0.25">
      <c r="D161">
        <v>2.6500000000000057</v>
      </c>
      <c r="E161">
        <v>3.9216315958567018</v>
      </c>
      <c r="F161">
        <v>2.4666670000000011</v>
      </c>
      <c r="G161">
        <v>3.8511338385104699</v>
      </c>
    </row>
    <row r="162" spans="4:7" x14ac:dyDescent="0.25">
      <c r="D162">
        <v>2.6666670000000039</v>
      </c>
      <c r="E162">
        <v>3.9248983533189259</v>
      </c>
      <c r="F162">
        <v>2.4833330000000018</v>
      </c>
      <c r="G162">
        <v>3.854392029955009</v>
      </c>
    </row>
    <row r="163" spans="4:7" x14ac:dyDescent="0.25">
      <c r="D163">
        <v>2.6833340000000021</v>
      </c>
      <c r="E163">
        <v>3.9276944762315034</v>
      </c>
      <c r="F163">
        <v>2.5</v>
      </c>
      <c r="G163">
        <v>3.8572505176164076</v>
      </c>
    </row>
    <row r="164" spans="4:7" x14ac:dyDescent="0.25">
      <c r="D164">
        <v>2.7000000000000028</v>
      </c>
      <c r="E164">
        <v>3.9300199645944467</v>
      </c>
      <c r="F164">
        <v>2.5166669999999982</v>
      </c>
      <c r="G164">
        <v>3.8605087090609467</v>
      </c>
    </row>
    <row r="165" spans="4:7" x14ac:dyDescent="0.25">
      <c r="D165">
        <v>2.7166670000000011</v>
      </c>
      <c r="E165">
        <v>3.9328160875070237</v>
      </c>
      <c r="F165">
        <v>2.5333329999999989</v>
      </c>
      <c r="G165">
        <v>3.863367196722324</v>
      </c>
    </row>
    <row r="166" spans="4:7" x14ac:dyDescent="0.25">
      <c r="D166">
        <v>2.7333340000000135</v>
      </c>
      <c r="E166">
        <v>3.9356122104196021</v>
      </c>
      <c r="F166">
        <v>2.5499999999999972</v>
      </c>
      <c r="G166">
        <v>3.8666253881668853</v>
      </c>
    </row>
    <row r="167" spans="4:7" x14ac:dyDescent="0.25">
      <c r="D167">
        <v>2.75</v>
      </c>
      <c r="E167">
        <v>3.9379376987825445</v>
      </c>
      <c r="F167">
        <v>2.5666670000000096</v>
      </c>
      <c r="G167">
        <v>3.8694838758282621</v>
      </c>
    </row>
    <row r="168" spans="4:7" x14ac:dyDescent="0.25">
      <c r="D168">
        <v>2.7666670000000124</v>
      </c>
      <c r="E168">
        <v>3.9407476638877608</v>
      </c>
      <c r="F168">
        <v>2.5833329999999961</v>
      </c>
      <c r="G168">
        <v>3.8723302512537949</v>
      </c>
    </row>
    <row r="169" spans="4:7" x14ac:dyDescent="0.25">
      <c r="D169">
        <v>2.7833340000000106</v>
      </c>
      <c r="E169">
        <v>3.9435437868003382</v>
      </c>
      <c r="F169">
        <v>2.6000000000000085</v>
      </c>
      <c r="G169">
        <v>3.8751887389151722</v>
      </c>
    </row>
    <row r="170" spans="4:7" x14ac:dyDescent="0.25">
      <c r="D170">
        <v>2.8000000000000114</v>
      </c>
      <c r="E170">
        <v>3.9463399097129157</v>
      </c>
      <c r="F170">
        <v>2.6166670000000067</v>
      </c>
      <c r="G170">
        <v>3.8780472265765713</v>
      </c>
    </row>
    <row r="171" spans="4:7" x14ac:dyDescent="0.25">
      <c r="D171">
        <v>2.8166670000000096</v>
      </c>
      <c r="E171">
        <v>3.9491360326254936</v>
      </c>
      <c r="F171">
        <v>2.6333330000000075</v>
      </c>
      <c r="G171">
        <v>3.8808936020021041</v>
      </c>
    </row>
    <row r="172" spans="4:7" x14ac:dyDescent="0.25">
      <c r="D172">
        <v>2.8333340000000078</v>
      </c>
      <c r="E172">
        <v>3.9514615209884365</v>
      </c>
      <c r="F172">
        <v>2.6500000000000057</v>
      </c>
      <c r="G172">
        <v>3.8837520896634814</v>
      </c>
    </row>
    <row r="173" spans="4:7" x14ac:dyDescent="0.25">
      <c r="D173">
        <v>2.8500000000000085</v>
      </c>
      <c r="E173">
        <v>3.9542576439010135</v>
      </c>
      <c r="F173">
        <v>2.6666670000000039</v>
      </c>
      <c r="G173">
        <v>3.8865984650890137</v>
      </c>
    </row>
    <row r="174" spans="4:7" x14ac:dyDescent="0.25">
      <c r="D174">
        <v>2.8666670000000067</v>
      </c>
      <c r="E174">
        <v>3.9570537668135919</v>
      </c>
      <c r="F174">
        <v>2.6833330000000046</v>
      </c>
      <c r="G174">
        <v>3.8894569527504128</v>
      </c>
    </row>
    <row r="175" spans="4:7" x14ac:dyDescent="0.25">
      <c r="D175">
        <v>2.8833340000000049</v>
      </c>
      <c r="E175">
        <v>3.9593930973691731</v>
      </c>
      <c r="F175">
        <v>2.7000000000000028</v>
      </c>
      <c r="G175">
        <v>3.8919036243927838</v>
      </c>
    </row>
    <row r="176" spans="4:7" x14ac:dyDescent="0.25">
      <c r="D176">
        <v>2.9000000000000057</v>
      </c>
      <c r="E176">
        <v>3.961718585732104</v>
      </c>
      <c r="F176">
        <v>2.7166670000000011</v>
      </c>
      <c r="G176">
        <v>3.8947499998183166</v>
      </c>
    </row>
    <row r="177" spans="4:7" x14ac:dyDescent="0.25">
      <c r="D177">
        <v>2.9166670000000039</v>
      </c>
      <c r="E177">
        <v>3.9640440740950473</v>
      </c>
      <c r="F177">
        <v>2.7333330000000018</v>
      </c>
      <c r="G177">
        <v>3.8971966714606876</v>
      </c>
    </row>
    <row r="178" spans="4:7" x14ac:dyDescent="0.25">
      <c r="D178">
        <v>2.9333340000000021</v>
      </c>
      <c r="E178">
        <v>3.966383404650617</v>
      </c>
      <c r="F178">
        <v>2.75</v>
      </c>
      <c r="G178">
        <v>3.9000551591220649</v>
      </c>
    </row>
    <row r="179" spans="4:7" x14ac:dyDescent="0.25">
      <c r="D179">
        <v>2.9500000000000028</v>
      </c>
      <c r="E179">
        <v>3.9687088930135603</v>
      </c>
      <c r="F179">
        <v>2.7666669999999982</v>
      </c>
      <c r="G179">
        <v>3.9025018307644572</v>
      </c>
    </row>
    <row r="180" spans="4:7" x14ac:dyDescent="0.25">
      <c r="D180">
        <v>2.9666670000000011</v>
      </c>
      <c r="E180">
        <v>3.970577589019495</v>
      </c>
      <c r="F180">
        <v>2.7833329999999989</v>
      </c>
      <c r="G180">
        <v>3.9053603184258345</v>
      </c>
    </row>
    <row r="181" spans="4:7" x14ac:dyDescent="0.25">
      <c r="D181">
        <v>2.9833340000000135</v>
      </c>
      <c r="E181">
        <v>3.9733737119320724</v>
      </c>
      <c r="F181">
        <v>2.7999999999999972</v>
      </c>
      <c r="G181">
        <v>3.9077948778323615</v>
      </c>
    </row>
    <row r="182" spans="4:7" x14ac:dyDescent="0.25">
      <c r="D182">
        <v>3</v>
      </c>
      <c r="E182">
        <v>3.9756992002950042</v>
      </c>
      <c r="F182">
        <v>2.8166670000000096</v>
      </c>
      <c r="G182">
        <v>3.910241549474732</v>
      </c>
    </row>
    <row r="183" spans="4:7" x14ac:dyDescent="0.25">
      <c r="D183">
        <v>3.0166670000000124</v>
      </c>
      <c r="E183">
        <v>3.9775678963009389</v>
      </c>
      <c r="F183">
        <v>2.8333329999999961</v>
      </c>
      <c r="G183">
        <v>3.9126882211171026</v>
      </c>
    </row>
    <row r="184" spans="4:7" x14ac:dyDescent="0.25">
      <c r="D184">
        <v>3.0333340000000106</v>
      </c>
      <c r="E184">
        <v>3.9798933846638822</v>
      </c>
      <c r="F184">
        <v>2.8500000000000085</v>
      </c>
      <c r="G184">
        <v>3.9155467087784799</v>
      </c>
    </row>
    <row r="185" spans="4:7" x14ac:dyDescent="0.25">
      <c r="D185">
        <v>3.0500000000000114</v>
      </c>
      <c r="E185">
        <v>3.9817620806698053</v>
      </c>
      <c r="F185">
        <v>2.8666670000000067</v>
      </c>
      <c r="G185">
        <v>3.9179933804208513</v>
      </c>
    </row>
    <row r="186" spans="4:7" x14ac:dyDescent="0.25">
      <c r="D186">
        <v>3.0666670000000096</v>
      </c>
      <c r="E186">
        <v>3.9840875690327486</v>
      </c>
      <c r="F186">
        <v>2.8833330000000075</v>
      </c>
      <c r="G186">
        <v>3.920028236044216</v>
      </c>
    </row>
    <row r="187" spans="4:7" x14ac:dyDescent="0.25">
      <c r="D187">
        <v>3.0833340000000078</v>
      </c>
      <c r="E187">
        <v>3.9859562650386837</v>
      </c>
      <c r="F187">
        <v>2.9000000000000057</v>
      </c>
      <c r="G187">
        <v>3.9224749076865866</v>
      </c>
    </row>
    <row r="188" spans="4:7" x14ac:dyDescent="0.25">
      <c r="D188">
        <v>3.1000000000000085</v>
      </c>
      <c r="E188">
        <v>3.9882817534016146</v>
      </c>
      <c r="F188">
        <v>2.9166670000000039</v>
      </c>
      <c r="G188">
        <v>3.9249215793289576</v>
      </c>
    </row>
    <row r="189" spans="4:7" x14ac:dyDescent="0.25">
      <c r="D189">
        <v>3.1166670000000067</v>
      </c>
      <c r="E189">
        <v>3.9906210839571967</v>
      </c>
      <c r="F189">
        <v>2.9333330000000046</v>
      </c>
      <c r="G189">
        <v>3.9273682509713281</v>
      </c>
    </row>
    <row r="190" spans="4:7" x14ac:dyDescent="0.25">
      <c r="D190">
        <v>3.1333340000000049</v>
      </c>
      <c r="E190">
        <v>3.9924759377704935</v>
      </c>
      <c r="F190">
        <v>2.9500000000000028</v>
      </c>
      <c r="G190">
        <v>3.9298149226137209</v>
      </c>
    </row>
    <row r="191" spans="4:7" x14ac:dyDescent="0.25">
      <c r="D191">
        <v>3.1500000000000057</v>
      </c>
      <c r="E191">
        <v>3.9948152683260627</v>
      </c>
      <c r="F191">
        <v>2.9666670000000011</v>
      </c>
      <c r="G191">
        <v>3.9322615942560915</v>
      </c>
    </row>
    <row r="192" spans="4:7" x14ac:dyDescent="0.25">
      <c r="D192">
        <v>3.1666670000000039</v>
      </c>
      <c r="E192">
        <v>3.9966839643319978</v>
      </c>
      <c r="F192">
        <v>2.9833330000000018</v>
      </c>
      <c r="G192">
        <v>3.9342964498794348</v>
      </c>
    </row>
    <row r="193" spans="4:7" x14ac:dyDescent="0.25">
      <c r="D193">
        <v>3.1833340000000021</v>
      </c>
      <c r="E193">
        <v>3.9990094526949287</v>
      </c>
      <c r="F193">
        <v>3</v>
      </c>
      <c r="G193">
        <v>3.9367431215218267</v>
      </c>
    </row>
    <row r="194" spans="4:7" x14ac:dyDescent="0.25">
      <c r="D194">
        <v>3.2000000000000028</v>
      </c>
      <c r="E194">
        <v>4.0008781487008642</v>
      </c>
      <c r="F194">
        <v>3.0166669999999982</v>
      </c>
      <c r="G194">
        <v>3.9391897931641982</v>
      </c>
    </row>
    <row r="195" spans="4:7" x14ac:dyDescent="0.25">
      <c r="D195">
        <v>3.2166670000000011</v>
      </c>
      <c r="E195">
        <v>4.0027330025141614</v>
      </c>
      <c r="F195">
        <v>3.0333329999999989</v>
      </c>
      <c r="G195">
        <v>3.9412246487875411</v>
      </c>
    </row>
    <row r="196" spans="4:7" x14ac:dyDescent="0.25">
      <c r="D196">
        <v>3.2333340000000135</v>
      </c>
      <c r="E196">
        <v>4.0046016985200961</v>
      </c>
      <c r="F196">
        <v>3.0499999999999972</v>
      </c>
      <c r="G196">
        <v>3.9436713204299334</v>
      </c>
    </row>
    <row r="197" spans="4:7" x14ac:dyDescent="0.25">
      <c r="D197">
        <v>3.25</v>
      </c>
      <c r="E197">
        <v>4.0064703945260316</v>
      </c>
      <c r="F197">
        <v>3.0666670000000096</v>
      </c>
      <c r="G197">
        <v>3.9457182882891422</v>
      </c>
    </row>
    <row r="198" spans="4:7" x14ac:dyDescent="0.25">
      <c r="D198">
        <v>3.2666670000000124</v>
      </c>
      <c r="E198">
        <v>4.0083252483393155</v>
      </c>
      <c r="F198">
        <v>3.0833329999999961</v>
      </c>
      <c r="G198">
        <v>3.9481649599315132</v>
      </c>
    </row>
    <row r="199" spans="4:7" x14ac:dyDescent="0.25">
      <c r="D199">
        <v>3.2833340000000106</v>
      </c>
      <c r="E199">
        <v>4.010193944345251</v>
      </c>
      <c r="F199">
        <v>3.1000000000000085</v>
      </c>
      <c r="G199">
        <v>3.9501998155548779</v>
      </c>
    </row>
    <row r="200" spans="4:7" x14ac:dyDescent="0.25">
      <c r="D200">
        <v>3.3000000000000114</v>
      </c>
      <c r="E200">
        <v>4.0120626403511865</v>
      </c>
      <c r="F200">
        <v>3.1166670000000067</v>
      </c>
      <c r="G200">
        <v>3.9522346711782208</v>
      </c>
    </row>
    <row r="201" spans="4:7" x14ac:dyDescent="0.25">
      <c r="D201">
        <v>3.3166670000000096</v>
      </c>
      <c r="E201">
        <v>4.0143881287141294</v>
      </c>
      <c r="F201">
        <v>3.1333330000000075</v>
      </c>
      <c r="G201">
        <v>3.9542695268015855</v>
      </c>
    </row>
    <row r="202" spans="4:7" x14ac:dyDescent="0.25">
      <c r="D202">
        <v>3.3333340000000078</v>
      </c>
      <c r="E202">
        <v>4.0162568247200525</v>
      </c>
      <c r="F202">
        <v>3.1500000000000057</v>
      </c>
      <c r="G202">
        <v>3.9567161984439561</v>
      </c>
    </row>
    <row r="203" spans="4:7" x14ac:dyDescent="0.25">
      <c r="D203">
        <v>3.3500000000000085</v>
      </c>
      <c r="E203">
        <v>4.0181255207259872</v>
      </c>
      <c r="F203">
        <v>3.1666670000000039</v>
      </c>
      <c r="G203">
        <v>3.9587631663031866</v>
      </c>
    </row>
    <row r="204" spans="4:7" x14ac:dyDescent="0.25">
      <c r="D204">
        <v>3.3666670000000067</v>
      </c>
      <c r="E204">
        <v>4.0199803745392844</v>
      </c>
      <c r="F204">
        <v>3.1833330000000046</v>
      </c>
      <c r="G204">
        <v>3.9607980219265295</v>
      </c>
    </row>
    <row r="205" spans="4:7" x14ac:dyDescent="0.25">
      <c r="D205">
        <v>3.3833340000000049</v>
      </c>
      <c r="E205">
        <v>4.0218490705452199</v>
      </c>
      <c r="F205">
        <v>3.2000000000000028</v>
      </c>
      <c r="G205">
        <v>3.9628328775498942</v>
      </c>
    </row>
    <row r="206" spans="4:7" x14ac:dyDescent="0.25">
      <c r="D206">
        <v>3.4000000000000057</v>
      </c>
      <c r="E206">
        <v>4.0237177665511421</v>
      </c>
      <c r="F206">
        <v>3.2166670000000011</v>
      </c>
      <c r="G206">
        <v>3.9648677331732585</v>
      </c>
    </row>
    <row r="207" spans="4:7" x14ac:dyDescent="0.25">
      <c r="D207">
        <v>3.4166670000000039</v>
      </c>
      <c r="E207">
        <v>4.0255726203644393</v>
      </c>
      <c r="F207">
        <v>3.2333330000000018</v>
      </c>
      <c r="G207">
        <v>3.9669147010324681</v>
      </c>
    </row>
    <row r="208" spans="4:7" x14ac:dyDescent="0.25">
      <c r="D208">
        <v>3.4333340000000021</v>
      </c>
      <c r="E208">
        <v>4.0274413163703748</v>
      </c>
      <c r="F208">
        <v>3.25</v>
      </c>
      <c r="G208">
        <v>3.9689495566558328</v>
      </c>
    </row>
    <row r="209" spans="4:7" x14ac:dyDescent="0.25">
      <c r="D209">
        <v>3.4500000000000028</v>
      </c>
      <c r="E209">
        <v>4.0293100123763095</v>
      </c>
      <c r="F209">
        <v>3.2666669999999982</v>
      </c>
      <c r="G209">
        <v>3.9705847084960348</v>
      </c>
    </row>
    <row r="210" spans="4:7" x14ac:dyDescent="0.25">
      <c r="D210">
        <v>3.4666670000000011</v>
      </c>
      <c r="E210">
        <v>4.031178708382245</v>
      </c>
      <c r="F210">
        <v>3.2833329999999989</v>
      </c>
      <c r="G210">
        <v>3.9726195641193778</v>
      </c>
    </row>
    <row r="211" spans="4:7" x14ac:dyDescent="0.25">
      <c r="D211">
        <v>3.4833340000000135</v>
      </c>
      <c r="E211">
        <v>4.0325767698385331</v>
      </c>
      <c r="F211">
        <v>3.2999999999999972</v>
      </c>
      <c r="G211">
        <v>3.9746544197427425</v>
      </c>
    </row>
    <row r="212" spans="4:7" x14ac:dyDescent="0.25">
      <c r="D212">
        <v>3.5</v>
      </c>
      <c r="E212">
        <v>4.0344316236518303</v>
      </c>
      <c r="F212">
        <v>3.3166670000000096</v>
      </c>
      <c r="G212">
        <v>3.9766892753661067</v>
      </c>
    </row>
    <row r="213" spans="4:7" x14ac:dyDescent="0.25">
      <c r="D213">
        <v>3.5166670000000124</v>
      </c>
      <c r="E213">
        <v>4.0363003196577534</v>
      </c>
      <c r="F213">
        <v>3.3333329999999961</v>
      </c>
      <c r="G213">
        <v>3.9787362432253155</v>
      </c>
    </row>
    <row r="214" spans="4:7" x14ac:dyDescent="0.25">
      <c r="D214">
        <v>3.5333340000000106</v>
      </c>
      <c r="E214">
        <v>4.0381690156636889</v>
      </c>
      <c r="F214">
        <v>3.3500000000000085</v>
      </c>
      <c r="G214">
        <v>3.9803592828296743</v>
      </c>
    </row>
    <row r="215" spans="4:7" x14ac:dyDescent="0.25">
      <c r="D215">
        <v>3.5500000000000114</v>
      </c>
      <c r="E215">
        <v>4.039567077119977</v>
      </c>
      <c r="F215">
        <v>3.3666670000000067</v>
      </c>
      <c r="G215">
        <v>3.9824062506888831</v>
      </c>
    </row>
    <row r="216" spans="4:7" x14ac:dyDescent="0.25">
      <c r="D216">
        <v>3.5666670000000096</v>
      </c>
      <c r="E216">
        <v>4.0414219309332742</v>
      </c>
      <c r="F216">
        <v>3.3833330000000075</v>
      </c>
      <c r="G216">
        <v>3.9844411063122473</v>
      </c>
    </row>
    <row r="217" spans="4:7" x14ac:dyDescent="0.25">
      <c r="D217">
        <v>3.5833340000000078</v>
      </c>
      <c r="E217">
        <v>4.0432906269392097</v>
      </c>
      <c r="F217">
        <v>3.4000000000000057</v>
      </c>
      <c r="G217">
        <v>3.9860762581524503</v>
      </c>
    </row>
    <row r="218" spans="4:7" x14ac:dyDescent="0.25">
      <c r="D218">
        <v>3.6000000000000085</v>
      </c>
      <c r="E218">
        <v>4.0446886883954978</v>
      </c>
      <c r="F218">
        <v>3.4166670000000039</v>
      </c>
      <c r="G218">
        <v>3.9881111137757932</v>
      </c>
    </row>
    <row r="219" spans="4:7" x14ac:dyDescent="0.25">
      <c r="D219">
        <v>3.6166670000000067</v>
      </c>
      <c r="E219">
        <v>4.0465573844014333</v>
      </c>
      <c r="F219">
        <v>3.4333330000000046</v>
      </c>
      <c r="G219">
        <v>3.9897341533801511</v>
      </c>
    </row>
    <row r="220" spans="4:7" x14ac:dyDescent="0.25">
      <c r="D220">
        <v>3.6333340000000049</v>
      </c>
      <c r="E220">
        <v>4.0484122382147305</v>
      </c>
      <c r="F220">
        <v>3.4500000000000028</v>
      </c>
      <c r="G220">
        <v>3.991369305220354</v>
      </c>
    </row>
    <row r="221" spans="4:7" x14ac:dyDescent="0.25">
      <c r="D221">
        <v>3.6500000000000057</v>
      </c>
      <c r="E221">
        <v>4.0498241418636578</v>
      </c>
      <c r="F221">
        <v>3.4666670000000011</v>
      </c>
      <c r="G221">
        <v>3.993404160843697</v>
      </c>
    </row>
    <row r="222" spans="4:7" x14ac:dyDescent="0.25">
      <c r="D222">
        <v>3.6666670000000039</v>
      </c>
      <c r="E222">
        <v>4.0512222033199459</v>
      </c>
      <c r="F222">
        <v>3.4833330000000018</v>
      </c>
      <c r="G222">
        <v>3.9950393126838999</v>
      </c>
    </row>
    <row r="223" spans="4:7" x14ac:dyDescent="0.25">
      <c r="D223">
        <v>3.6833340000000021</v>
      </c>
      <c r="E223">
        <v>4.0530770571332431</v>
      </c>
      <c r="F223">
        <v>3.5</v>
      </c>
      <c r="G223">
        <v>3.9970741683072646</v>
      </c>
    </row>
    <row r="224" spans="4:7" x14ac:dyDescent="0.25">
      <c r="D224">
        <v>3.7000000000000028</v>
      </c>
      <c r="E224">
        <v>4.054475118589532</v>
      </c>
      <c r="F224">
        <v>3.5166669999999982</v>
      </c>
      <c r="G224">
        <v>3.9987093201474666</v>
      </c>
    </row>
    <row r="225" spans="4:7" x14ac:dyDescent="0.25">
      <c r="D225">
        <v>3.7166670000000011</v>
      </c>
      <c r="E225">
        <v>4.0563438145954667</v>
      </c>
      <c r="F225">
        <v>3.5333329999999989</v>
      </c>
      <c r="G225">
        <v>4.0003444719876695</v>
      </c>
    </row>
    <row r="226" spans="4:7" x14ac:dyDescent="0.25">
      <c r="D226">
        <v>3.7333340000000135</v>
      </c>
      <c r="E226">
        <v>4.0577418760517556</v>
      </c>
      <c r="F226">
        <v>3.5499999999999972</v>
      </c>
      <c r="G226">
        <v>4.0023793276110338</v>
      </c>
    </row>
    <row r="227" spans="4:7" x14ac:dyDescent="0.25">
      <c r="D227">
        <v>3.75</v>
      </c>
      <c r="E227">
        <v>4.0596105720576787</v>
      </c>
      <c r="F227">
        <v>3.5666670000000096</v>
      </c>
      <c r="G227">
        <v>4.00400236721537</v>
      </c>
    </row>
    <row r="228" spans="4:7" x14ac:dyDescent="0.25">
      <c r="D228">
        <v>3.7666670000000124</v>
      </c>
      <c r="E228">
        <v>4.0614654258709759</v>
      </c>
      <c r="F228">
        <v>3.5833329999999961</v>
      </c>
      <c r="G228">
        <v>4.0056375190555729</v>
      </c>
    </row>
    <row r="229" spans="4:7" x14ac:dyDescent="0.25">
      <c r="D229">
        <v>3.7833340000000106</v>
      </c>
      <c r="E229">
        <v>4.062863487327264</v>
      </c>
      <c r="F229">
        <v>3.6000000000000085</v>
      </c>
      <c r="G229">
        <v>4.0072726708957758</v>
      </c>
    </row>
    <row r="230" spans="4:7" x14ac:dyDescent="0.25">
      <c r="D230">
        <v>3.8000000000000114</v>
      </c>
      <c r="E230">
        <v>4.0647321833331995</v>
      </c>
      <c r="F230">
        <v>3.6166670000000067</v>
      </c>
      <c r="G230">
        <v>4.00930752651914</v>
      </c>
    </row>
    <row r="231" spans="4:7" x14ac:dyDescent="0.25">
      <c r="D231">
        <v>3.8166670000000096</v>
      </c>
      <c r="E231">
        <v>4.0661302447894876</v>
      </c>
      <c r="F231">
        <v>3.6333330000000075</v>
      </c>
      <c r="G231">
        <v>4.010942678359342</v>
      </c>
    </row>
    <row r="232" spans="4:7" x14ac:dyDescent="0.25">
      <c r="D232">
        <v>3.8333340000000078</v>
      </c>
      <c r="E232">
        <v>4.0675283062457765</v>
      </c>
      <c r="F232">
        <v>3.6500000000000057</v>
      </c>
      <c r="G232">
        <v>4.0125657179636791</v>
      </c>
    </row>
    <row r="233" spans="4:7" x14ac:dyDescent="0.25">
      <c r="D233">
        <v>3.8500000000000085</v>
      </c>
      <c r="E233">
        <v>4.0693970022517112</v>
      </c>
      <c r="F233">
        <v>3.6666670000000039</v>
      </c>
      <c r="G233">
        <v>4.014200869803882</v>
      </c>
    </row>
    <row r="234" spans="4:7" x14ac:dyDescent="0.25">
      <c r="D234">
        <v>3.8666670000000067</v>
      </c>
      <c r="E234">
        <v>4.070795063708001</v>
      </c>
      <c r="F234">
        <v>3.6833330000000046</v>
      </c>
      <c r="G234">
        <v>4.015836021644084</v>
      </c>
    </row>
    <row r="235" spans="4:7" x14ac:dyDescent="0.25">
      <c r="D235">
        <v>3.8833340000000049</v>
      </c>
      <c r="E235">
        <v>4.07219312516429</v>
      </c>
      <c r="F235">
        <v>3.7000000000000028</v>
      </c>
      <c r="G235">
        <v>4.0174590612484211</v>
      </c>
    </row>
    <row r="236" spans="4:7" x14ac:dyDescent="0.25">
      <c r="D236">
        <v>3.9000000000000057</v>
      </c>
      <c r="E236">
        <v>4.0740618211702246</v>
      </c>
      <c r="F236">
        <v>3.7166670000000011</v>
      </c>
      <c r="G236">
        <v>4.019094213088624</v>
      </c>
    </row>
    <row r="237" spans="4:7" x14ac:dyDescent="0.25">
      <c r="D237">
        <v>3.9166670000000039</v>
      </c>
      <c r="E237">
        <v>4.0754598826265136</v>
      </c>
      <c r="F237">
        <v>3.7333330000000018</v>
      </c>
      <c r="G237">
        <v>4.0207172526929815</v>
      </c>
    </row>
    <row r="238" spans="4:7" x14ac:dyDescent="0.25">
      <c r="D238">
        <v>3.9333340000000021</v>
      </c>
      <c r="E238">
        <v>4.0768579440828017</v>
      </c>
      <c r="F238">
        <v>3.75</v>
      </c>
      <c r="G238">
        <v>4.0223524045331631</v>
      </c>
    </row>
    <row r="239" spans="4:7" x14ac:dyDescent="0.25">
      <c r="D239">
        <v>3.9500000000000028</v>
      </c>
      <c r="E239">
        <v>4.0782560055390906</v>
      </c>
      <c r="F239">
        <v>3.7666669999999982</v>
      </c>
      <c r="G239">
        <v>4.0239875563733651</v>
      </c>
    </row>
    <row r="240" spans="4:7" x14ac:dyDescent="0.25">
      <c r="D240">
        <v>3.9666670000000011</v>
      </c>
      <c r="E240">
        <v>4.0796540669953796</v>
      </c>
      <c r="F240">
        <v>3.7833329999999989</v>
      </c>
      <c r="G240">
        <v>4.0256105959777235</v>
      </c>
    </row>
    <row r="241" spans="4:7" x14ac:dyDescent="0.25">
      <c r="D241">
        <v>3.9833340000000135</v>
      </c>
      <c r="E241">
        <v>4.081052128451681</v>
      </c>
      <c r="F241">
        <v>3.7999999999999972</v>
      </c>
      <c r="G241">
        <v>4.0272457478179264</v>
      </c>
    </row>
    <row r="242" spans="4:7" x14ac:dyDescent="0.25">
      <c r="D242">
        <v>4</v>
      </c>
      <c r="E242">
        <v>4.082450189907969</v>
      </c>
      <c r="F242">
        <v>3.8166670000000096</v>
      </c>
      <c r="G242">
        <v>4.0288808996581071</v>
      </c>
    </row>
    <row r="243" spans="4:7" x14ac:dyDescent="0.25">
      <c r="D243">
        <v>4.0166670000000124</v>
      </c>
      <c r="E243">
        <v>4.083848251364258</v>
      </c>
      <c r="F243">
        <v>3.8333329999999961</v>
      </c>
      <c r="G243">
        <v>4.0300921232434588</v>
      </c>
    </row>
    <row r="244" spans="4:7" x14ac:dyDescent="0.25">
      <c r="D244">
        <v>4.0333340000000106</v>
      </c>
      <c r="E244">
        <v>4.085246312820547</v>
      </c>
      <c r="F244">
        <v>3.8500000000000085</v>
      </c>
      <c r="G244">
        <v>4.0317272750836404</v>
      </c>
    </row>
    <row r="245" spans="4:7" x14ac:dyDescent="0.25">
      <c r="D245">
        <v>4.0500000000000114</v>
      </c>
      <c r="E245">
        <v>4.0866443742768359</v>
      </c>
      <c r="F245">
        <v>3.8666670000000067</v>
      </c>
      <c r="G245">
        <v>4.0333624269238433</v>
      </c>
    </row>
    <row r="246" spans="4:7" x14ac:dyDescent="0.25">
      <c r="D246">
        <v>4.0666670000000096</v>
      </c>
      <c r="E246">
        <v>4.088042435733124</v>
      </c>
      <c r="F246">
        <v>3.8833330000000075</v>
      </c>
      <c r="G246">
        <v>4.0349854665282008</v>
      </c>
    </row>
    <row r="247" spans="4:7" x14ac:dyDescent="0.25">
      <c r="D247">
        <v>4.0833340000000078</v>
      </c>
      <c r="E247">
        <v>4.0899111317390595</v>
      </c>
      <c r="F247">
        <v>3.9000000000000057</v>
      </c>
      <c r="G247">
        <v>4.0362088023493756</v>
      </c>
    </row>
    <row r="248" spans="4:7" x14ac:dyDescent="0.25">
      <c r="D248">
        <v>4.1000000000000085</v>
      </c>
      <c r="E248">
        <v>4.0913091931953476</v>
      </c>
      <c r="F248">
        <v>3.9166670000000039</v>
      </c>
      <c r="G248">
        <v>4.0378439541895776</v>
      </c>
    </row>
    <row r="249" spans="4:7" x14ac:dyDescent="0.25">
      <c r="D249">
        <v>4.1166670000000067</v>
      </c>
      <c r="E249">
        <v>4.0927072546516365</v>
      </c>
      <c r="F249">
        <v>3.9333330000000046</v>
      </c>
      <c r="G249">
        <v>4.0394791060297806</v>
      </c>
    </row>
    <row r="250" spans="4:7" x14ac:dyDescent="0.25">
      <c r="D250">
        <v>4.1333340000000049</v>
      </c>
      <c r="E250">
        <v>4.0941053161079255</v>
      </c>
      <c r="F250">
        <v>3.9500000000000028</v>
      </c>
      <c r="G250">
        <v>4.0411021456341389</v>
      </c>
    </row>
    <row r="251" spans="4:7" x14ac:dyDescent="0.25">
      <c r="D251">
        <v>4.1500000000000057</v>
      </c>
      <c r="E251">
        <v>4.0950327430145803</v>
      </c>
      <c r="F251">
        <v>3.9666670000000011</v>
      </c>
      <c r="G251">
        <v>4.0423254814553138</v>
      </c>
    </row>
    <row r="252" spans="4:7" x14ac:dyDescent="0.25">
      <c r="D252">
        <v>4.1666670000000039</v>
      </c>
      <c r="E252">
        <v>4.0964308044708684</v>
      </c>
      <c r="F252">
        <v>3.9833330000000018</v>
      </c>
      <c r="G252">
        <v>4.0439606332955158</v>
      </c>
    </row>
    <row r="253" spans="4:7" x14ac:dyDescent="0.25">
      <c r="D253">
        <v>4.1833340000000021</v>
      </c>
      <c r="E253">
        <v>4.0978288659271573</v>
      </c>
      <c r="F253">
        <v>4</v>
      </c>
      <c r="G253">
        <v>4.0451839691167129</v>
      </c>
    </row>
    <row r="254" spans="4:7" x14ac:dyDescent="0.25">
      <c r="D254">
        <v>4.2000000000000028</v>
      </c>
      <c r="E254">
        <v>4.0992269273834463</v>
      </c>
      <c r="F254">
        <v>4.0166669999999982</v>
      </c>
      <c r="G254">
        <v>4.046807008721049</v>
      </c>
    </row>
    <row r="255" spans="4:7" x14ac:dyDescent="0.25">
      <c r="D255">
        <v>4.2166670000000011</v>
      </c>
      <c r="E255">
        <v>4.1001543542900887</v>
      </c>
      <c r="F255">
        <v>4.0333329999999989</v>
      </c>
      <c r="G255">
        <v>4.0480303445422452</v>
      </c>
    </row>
    <row r="256" spans="4:7" x14ac:dyDescent="0.25">
      <c r="D256">
        <v>4.2333340000000135</v>
      </c>
      <c r="E256">
        <v>4.1015524157463892</v>
      </c>
      <c r="F256">
        <v>4.0499999999999972</v>
      </c>
      <c r="G256">
        <v>4.0496654963824259</v>
      </c>
    </row>
    <row r="257" spans="4:7" x14ac:dyDescent="0.25">
      <c r="D257">
        <v>4.25</v>
      </c>
      <c r="E257">
        <v>4.1029643193953049</v>
      </c>
      <c r="F257">
        <v>4.0666670000000096</v>
      </c>
      <c r="G257">
        <v>4.0513006482226288</v>
      </c>
    </row>
    <row r="258" spans="4:7" x14ac:dyDescent="0.25">
      <c r="D258">
        <v>4.2666670000000124</v>
      </c>
      <c r="E258">
        <v>4.1038917463019589</v>
      </c>
      <c r="F258">
        <v>4.0833329999999961</v>
      </c>
      <c r="G258">
        <v>4.052523984043825</v>
      </c>
    </row>
    <row r="259" spans="4:7" x14ac:dyDescent="0.25">
      <c r="D259">
        <v>4.2833340000000106</v>
      </c>
      <c r="E259">
        <v>4.1052898077582478</v>
      </c>
      <c r="F259">
        <v>4.1000000000000085</v>
      </c>
      <c r="G259">
        <v>4.0541470236481612</v>
      </c>
    </row>
    <row r="260" spans="4:7" x14ac:dyDescent="0.25">
      <c r="D260">
        <v>4.3000000000000114</v>
      </c>
      <c r="E260">
        <v>4.1066878692145359</v>
      </c>
      <c r="F260">
        <v>4.1166670000000067</v>
      </c>
      <c r="G260">
        <v>4.0557821754883641</v>
      </c>
    </row>
    <row r="261" spans="4:7" x14ac:dyDescent="0.25">
      <c r="D261">
        <v>4.3166670000000096</v>
      </c>
      <c r="E261">
        <v>4.1080859306708257</v>
      </c>
      <c r="F261">
        <v>4.1333330000000075</v>
      </c>
      <c r="G261">
        <v>4.0570055113095602</v>
      </c>
    </row>
    <row r="262" spans="4:7" x14ac:dyDescent="0.25">
      <c r="D262">
        <v>4.3333340000000078</v>
      </c>
      <c r="E262">
        <v>4.1090133575774797</v>
      </c>
      <c r="F262">
        <v>4.1500000000000057</v>
      </c>
      <c r="G262">
        <v>4.0586285509138973</v>
      </c>
    </row>
    <row r="263" spans="4:7" x14ac:dyDescent="0.25">
      <c r="D263">
        <v>4.3500000000000085</v>
      </c>
      <c r="E263">
        <v>4.1104114190337686</v>
      </c>
      <c r="F263">
        <v>4.1666670000000039</v>
      </c>
      <c r="G263">
        <v>4.0598518867350935</v>
      </c>
    </row>
    <row r="264" spans="4:7" x14ac:dyDescent="0.25">
      <c r="D264">
        <v>4.3666670000000067</v>
      </c>
      <c r="E264">
        <v>4.1118094804900567</v>
      </c>
      <c r="F264">
        <v>4.1833330000000046</v>
      </c>
      <c r="G264">
        <v>4.0610752225562683</v>
      </c>
    </row>
    <row r="265" spans="4:7" x14ac:dyDescent="0.25">
      <c r="D265">
        <v>4.3833340000000049</v>
      </c>
      <c r="E265">
        <v>4.1127507495893383</v>
      </c>
      <c r="F265">
        <v>4.2000000000000028</v>
      </c>
      <c r="G265">
        <v>4.0627103743964703</v>
      </c>
    </row>
    <row r="266" spans="4:7" x14ac:dyDescent="0.25">
      <c r="D266">
        <v>4.4000000000000057</v>
      </c>
      <c r="E266">
        <v>4.1141488110456264</v>
      </c>
      <c r="F266">
        <v>4.2166670000000011</v>
      </c>
      <c r="G266">
        <v>4.0639337102176665</v>
      </c>
    </row>
    <row r="267" spans="4:7" x14ac:dyDescent="0.25">
      <c r="D267">
        <v>4.4166670000000039</v>
      </c>
      <c r="E267">
        <v>4.1155468725019153</v>
      </c>
      <c r="F267">
        <v>4.2333330000000018</v>
      </c>
      <c r="G267">
        <v>4.0655688620578694</v>
      </c>
    </row>
    <row r="268" spans="4:7" x14ac:dyDescent="0.25">
      <c r="D268">
        <v>4.4333340000000021</v>
      </c>
      <c r="E268">
        <v>4.1164742994085701</v>
      </c>
      <c r="F268">
        <v>4.25</v>
      </c>
      <c r="G268">
        <v>4.0667921978790442</v>
      </c>
    </row>
    <row r="269" spans="4:7" x14ac:dyDescent="0.25">
      <c r="D269">
        <v>4.4500000000000028</v>
      </c>
      <c r="E269">
        <v>4.1178723608648582</v>
      </c>
      <c r="F269">
        <v>4.2666669999999982</v>
      </c>
      <c r="G269">
        <v>4.0684152374834026</v>
      </c>
    </row>
    <row r="270" spans="4:7" x14ac:dyDescent="0.25">
      <c r="D270">
        <v>4.4666670000000011</v>
      </c>
      <c r="E270">
        <v>4.1187997877715006</v>
      </c>
      <c r="F270">
        <v>4.2833329999999989</v>
      </c>
      <c r="G270">
        <v>4.0696385733045775</v>
      </c>
    </row>
    <row r="271" spans="4:7" x14ac:dyDescent="0.25">
      <c r="D271">
        <v>4.4833340000000135</v>
      </c>
      <c r="E271">
        <v>4.120197849227802</v>
      </c>
      <c r="F271">
        <v>4.2999999999999972</v>
      </c>
      <c r="G271">
        <v>4.0708619091257736</v>
      </c>
    </row>
    <row r="272" spans="4:7" x14ac:dyDescent="0.25">
      <c r="D272">
        <v>4.5</v>
      </c>
      <c r="E272">
        <v>4.1211391183270827</v>
      </c>
      <c r="F272">
        <v>4.3166670000000096</v>
      </c>
      <c r="G272">
        <v>4.0724970609659756</v>
      </c>
    </row>
    <row r="273" spans="4:7" x14ac:dyDescent="0.25">
      <c r="D273">
        <v>4.5166670000000124</v>
      </c>
      <c r="E273">
        <v>4.1220665452337251</v>
      </c>
      <c r="F273">
        <v>4.3333329999999961</v>
      </c>
      <c r="G273">
        <v>4.0737203967871505</v>
      </c>
    </row>
    <row r="274" spans="4:7" x14ac:dyDescent="0.25">
      <c r="D274">
        <v>4.5333340000000106</v>
      </c>
      <c r="E274">
        <v>4.123464606690014</v>
      </c>
      <c r="F274">
        <v>4.3500000000000085</v>
      </c>
      <c r="G274">
        <v>4.0749437326083466</v>
      </c>
    </row>
    <row r="275" spans="4:7" x14ac:dyDescent="0.25">
      <c r="D275">
        <v>4.5500000000000114</v>
      </c>
      <c r="E275">
        <v>4.1244058757893072</v>
      </c>
      <c r="F275">
        <v>4.3666670000000067</v>
      </c>
      <c r="G275">
        <v>4.0761670684295215</v>
      </c>
    </row>
    <row r="276" spans="4:7" x14ac:dyDescent="0.25">
      <c r="D276">
        <v>4.5666670000000096</v>
      </c>
      <c r="E276">
        <v>4.1258039372455952</v>
      </c>
      <c r="F276">
        <v>4.3833330000000075</v>
      </c>
      <c r="G276">
        <v>4.0773904042507176</v>
      </c>
    </row>
    <row r="277" spans="4:7" x14ac:dyDescent="0.25">
      <c r="D277">
        <v>4.5833340000000078</v>
      </c>
      <c r="E277">
        <v>4.1267313641522376</v>
      </c>
      <c r="F277">
        <v>4.4000000000000057</v>
      </c>
      <c r="G277">
        <v>4.0786137400718925</v>
      </c>
    </row>
    <row r="278" spans="4:7" x14ac:dyDescent="0.25">
      <c r="D278">
        <v>4.6000000000000085</v>
      </c>
      <c r="E278">
        <v>4.1281294256085257</v>
      </c>
      <c r="F278">
        <v>4.4166670000000039</v>
      </c>
      <c r="G278">
        <v>4.08023677967625</v>
      </c>
    </row>
    <row r="279" spans="4:7" x14ac:dyDescent="0.25">
      <c r="D279">
        <v>4.6166670000000067</v>
      </c>
      <c r="E279">
        <v>4.1295274870648147</v>
      </c>
      <c r="F279">
        <v>4.4333330000000046</v>
      </c>
      <c r="G279">
        <v>4.0814601154974257</v>
      </c>
    </row>
    <row r="280" spans="4:7" x14ac:dyDescent="0.25">
      <c r="D280">
        <v>4.6333340000000049</v>
      </c>
      <c r="E280">
        <v>4.1304549139714695</v>
      </c>
      <c r="F280">
        <v>4.4500000000000028</v>
      </c>
      <c r="G280">
        <v>4.0826834513186219</v>
      </c>
    </row>
    <row r="281" spans="4:7" x14ac:dyDescent="0.25">
      <c r="D281">
        <v>4.6500000000000057</v>
      </c>
      <c r="E281">
        <v>4.1318529754277584</v>
      </c>
      <c r="F281">
        <v>4.4666670000000011</v>
      </c>
      <c r="G281">
        <v>4.0839067871398171</v>
      </c>
    </row>
    <row r="282" spans="4:7" x14ac:dyDescent="0.25">
      <c r="D282">
        <v>4.6666670000000039</v>
      </c>
      <c r="E282">
        <v>4.1327942445270391</v>
      </c>
      <c r="F282">
        <v>4.4833330000000018</v>
      </c>
      <c r="G282">
        <v>4.085130122960992</v>
      </c>
    </row>
    <row r="283" spans="4:7" x14ac:dyDescent="0.25">
      <c r="D283">
        <v>4.6833340000000021</v>
      </c>
      <c r="E283">
        <v>4.1341923059833281</v>
      </c>
      <c r="F283">
        <v>4.5</v>
      </c>
      <c r="G283">
        <v>4.086353458782189</v>
      </c>
    </row>
    <row r="284" spans="4:7" x14ac:dyDescent="0.25">
      <c r="D284">
        <v>4.7000000000000028</v>
      </c>
      <c r="E284">
        <v>4.135119732889982</v>
      </c>
      <c r="F284">
        <v>4.5166669999999982</v>
      </c>
      <c r="G284">
        <v>4.087576794603363</v>
      </c>
    </row>
    <row r="285" spans="4:7" x14ac:dyDescent="0.25">
      <c r="D285">
        <v>4.7166670000000011</v>
      </c>
      <c r="E285">
        <v>4.136517794346271</v>
      </c>
      <c r="F285">
        <v>4.5333329999999989</v>
      </c>
      <c r="G285">
        <v>4.0888001304245591</v>
      </c>
    </row>
    <row r="286" spans="4:7" x14ac:dyDescent="0.25">
      <c r="D286">
        <v>4.7333340000000135</v>
      </c>
      <c r="E286">
        <v>4.1379158558025599</v>
      </c>
      <c r="F286">
        <v>4.5499999999999972</v>
      </c>
      <c r="G286">
        <v>4.090023466245734</v>
      </c>
    </row>
    <row r="287" spans="4:7" x14ac:dyDescent="0.25">
      <c r="D287">
        <v>4.75</v>
      </c>
      <c r="E287">
        <v>4.1388571249018398</v>
      </c>
      <c r="F287">
        <v>4.5666670000000096</v>
      </c>
      <c r="G287">
        <v>4.091246802066931</v>
      </c>
    </row>
    <row r="288" spans="4:7" x14ac:dyDescent="0.25">
      <c r="D288">
        <v>4.7666670000000124</v>
      </c>
      <c r="E288">
        <v>4.1397845518084955</v>
      </c>
      <c r="F288">
        <v>4.5833329999999961</v>
      </c>
      <c r="G288">
        <v>4.0928819539071331</v>
      </c>
    </row>
    <row r="289" spans="4:7" x14ac:dyDescent="0.25">
      <c r="D289">
        <v>4.7833340000000106</v>
      </c>
      <c r="E289">
        <v>4.1411826132647835</v>
      </c>
      <c r="F289">
        <v>4.6000000000000085</v>
      </c>
      <c r="G289">
        <v>4.0936934737093011</v>
      </c>
    </row>
    <row r="290" spans="4:7" x14ac:dyDescent="0.25">
      <c r="D290">
        <v>4.8000000000000114</v>
      </c>
      <c r="E290">
        <v>4.1425806747210725</v>
      </c>
      <c r="F290">
        <v>4.6166670000000067</v>
      </c>
      <c r="G290">
        <v>4.094916809530476</v>
      </c>
    </row>
    <row r="291" spans="4:7" x14ac:dyDescent="0.25">
      <c r="D291">
        <v>4.8166670000000096</v>
      </c>
      <c r="E291">
        <v>4.1435081016277273</v>
      </c>
      <c r="F291">
        <v>4.6333330000000075</v>
      </c>
      <c r="G291">
        <v>4.0961401453516721</v>
      </c>
    </row>
    <row r="292" spans="4:7" x14ac:dyDescent="0.25">
      <c r="D292">
        <v>4.8333340000000078</v>
      </c>
      <c r="E292">
        <v>4.1449061630840163</v>
      </c>
      <c r="F292">
        <v>4.6500000000000057</v>
      </c>
      <c r="G292">
        <v>4.0973634811728683</v>
      </c>
    </row>
    <row r="293" spans="4:7" x14ac:dyDescent="0.25">
      <c r="D293">
        <v>4.8500000000000085</v>
      </c>
      <c r="E293">
        <v>4.1458474321832961</v>
      </c>
      <c r="F293">
        <v>4.6666670000000039</v>
      </c>
      <c r="G293">
        <v>4.0985868169940431</v>
      </c>
    </row>
    <row r="294" spans="4:7" x14ac:dyDescent="0.25">
      <c r="D294">
        <v>4.8666670000000067</v>
      </c>
      <c r="E294">
        <v>4.1472454936395851</v>
      </c>
      <c r="F294">
        <v>4.6833330000000046</v>
      </c>
      <c r="G294">
        <v>4.0998101528152393</v>
      </c>
    </row>
    <row r="295" spans="4:7" x14ac:dyDescent="0.25">
      <c r="D295">
        <v>4.8833340000000049</v>
      </c>
      <c r="E295">
        <v>4.148643555095874</v>
      </c>
      <c r="F295">
        <v>4.7000000000000028</v>
      </c>
      <c r="G295">
        <v>4.1010334886364141</v>
      </c>
    </row>
    <row r="296" spans="4:7" x14ac:dyDescent="0.25">
      <c r="D296">
        <v>4.9000000000000057</v>
      </c>
      <c r="E296">
        <v>4.1495709820025279</v>
      </c>
      <c r="F296">
        <v>4.7166670000000011</v>
      </c>
      <c r="G296">
        <v>4.1022568244576103</v>
      </c>
    </row>
    <row r="297" spans="4:7" x14ac:dyDescent="0.25">
      <c r="D297">
        <v>4.9166670000000039</v>
      </c>
      <c r="E297">
        <v>4.1509690434588169</v>
      </c>
      <c r="F297">
        <v>4.7333330000000018</v>
      </c>
      <c r="G297">
        <v>4.1034801602787851</v>
      </c>
    </row>
    <row r="298" spans="4:7" x14ac:dyDescent="0.25">
      <c r="D298">
        <v>4.9333340000000021</v>
      </c>
      <c r="E298">
        <v>4.1518964703654593</v>
      </c>
      <c r="F298">
        <v>4.75</v>
      </c>
      <c r="G298">
        <v>4.1047034960999813</v>
      </c>
    </row>
    <row r="299" spans="4:7" x14ac:dyDescent="0.25">
      <c r="D299">
        <v>4.9500000000000028</v>
      </c>
      <c r="E299">
        <v>4.15283773946474</v>
      </c>
      <c r="F299">
        <v>4.7666669999999982</v>
      </c>
      <c r="G299">
        <v>4.1059268319211553</v>
      </c>
    </row>
    <row r="300" spans="4:7" x14ac:dyDescent="0.25">
      <c r="D300">
        <v>4.9666670000000011</v>
      </c>
      <c r="E300">
        <v>4.1537651663713948</v>
      </c>
      <c r="F300">
        <v>4.7833329999999989</v>
      </c>
      <c r="G300">
        <v>4.1071501677423514</v>
      </c>
    </row>
    <row r="301" spans="4:7" x14ac:dyDescent="0.25">
      <c r="D301">
        <v>4.9833340000000135</v>
      </c>
      <c r="E301">
        <v>4.1546925932780363</v>
      </c>
      <c r="F301">
        <v>4.7999999999999972</v>
      </c>
      <c r="G301">
        <v>4.1083735035635485</v>
      </c>
    </row>
    <row r="302" spans="4:7" x14ac:dyDescent="0.25">
      <c r="D302">
        <v>5</v>
      </c>
      <c r="E302">
        <v>4.1560906547343253</v>
      </c>
      <c r="F302">
        <v>4.8166670000000096</v>
      </c>
      <c r="G302">
        <v>4.1095968393847233</v>
      </c>
    </row>
    <row r="303" spans="4:7" x14ac:dyDescent="0.25">
      <c r="D303">
        <v>5.0166670000000124</v>
      </c>
      <c r="E303">
        <v>4.1570319238336184</v>
      </c>
      <c r="F303">
        <v>4.8333329999999961</v>
      </c>
      <c r="G303">
        <v>4.1108201752059186</v>
      </c>
    </row>
    <row r="304" spans="4:7" x14ac:dyDescent="0.25">
      <c r="D304">
        <v>5.0333340000000106</v>
      </c>
      <c r="E304">
        <v>4.1579593507402608</v>
      </c>
      <c r="F304">
        <v>4.8500000000000085</v>
      </c>
      <c r="G304">
        <v>4.1116316950080876</v>
      </c>
    </row>
    <row r="305" spans="4:7" x14ac:dyDescent="0.25">
      <c r="D305">
        <v>5.0500000000000114</v>
      </c>
      <c r="E305">
        <v>4.1593574121965498</v>
      </c>
      <c r="F305">
        <v>4.8666670000000067</v>
      </c>
      <c r="G305">
        <v>4.1128550308292624</v>
      </c>
    </row>
    <row r="306" spans="4:7" x14ac:dyDescent="0.25">
      <c r="D306">
        <v>5.0666670000000096</v>
      </c>
      <c r="E306">
        <v>4.1607554736528387</v>
      </c>
      <c r="F306">
        <v>4.8833330000000075</v>
      </c>
      <c r="G306">
        <v>4.1140783666504577</v>
      </c>
    </row>
    <row r="307" spans="4:7" x14ac:dyDescent="0.25">
      <c r="D307">
        <v>5.0833340000000078</v>
      </c>
      <c r="E307">
        <v>4.1616967427521319</v>
      </c>
      <c r="F307">
        <v>4.9000000000000057</v>
      </c>
      <c r="G307">
        <v>4.1153017024716547</v>
      </c>
    </row>
    <row r="308" spans="4:7" x14ac:dyDescent="0.25">
      <c r="D308">
        <v>5.1000000000000085</v>
      </c>
      <c r="E308">
        <v>4.1626241696587734</v>
      </c>
      <c r="F308">
        <v>4.9166670000000039</v>
      </c>
      <c r="G308">
        <v>4.1161132222738228</v>
      </c>
    </row>
    <row r="309" spans="4:7" x14ac:dyDescent="0.25">
      <c r="D309">
        <v>5.1166670000000067</v>
      </c>
      <c r="E309">
        <v>4.1635515965654273</v>
      </c>
      <c r="F309">
        <v>4.9333330000000046</v>
      </c>
      <c r="G309">
        <v>4.1173365580949977</v>
      </c>
    </row>
    <row r="310" spans="4:7" x14ac:dyDescent="0.25">
      <c r="D310">
        <v>5.1333340000000049</v>
      </c>
      <c r="E310">
        <v>4.1649496580217171</v>
      </c>
      <c r="F310">
        <v>4.9500000000000028</v>
      </c>
      <c r="G310">
        <v>4.1185598939161938</v>
      </c>
    </row>
    <row r="311" spans="4:7" x14ac:dyDescent="0.25">
      <c r="D311">
        <v>5.1500000000000057</v>
      </c>
      <c r="E311">
        <v>4.165890927120997</v>
      </c>
      <c r="F311">
        <v>4.9666670000000011</v>
      </c>
      <c r="G311">
        <v>4.1193714137183628</v>
      </c>
    </row>
    <row r="312" spans="4:7" x14ac:dyDescent="0.25">
      <c r="D312">
        <v>5.1666670000000039</v>
      </c>
      <c r="E312">
        <v>4.1668183540276393</v>
      </c>
      <c r="F312">
        <v>4.9833330000000018</v>
      </c>
      <c r="G312">
        <v>4.120594749539559</v>
      </c>
    </row>
    <row r="313" spans="4:7" x14ac:dyDescent="0.25">
      <c r="D313">
        <v>5.1833340000000021</v>
      </c>
      <c r="E313">
        <v>4.1677457809342942</v>
      </c>
      <c r="F313">
        <v>5</v>
      </c>
      <c r="G313">
        <v>4.1218180853607329</v>
      </c>
    </row>
    <row r="314" spans="4:7" x14ac:dyDescent="0.25">
      <c r="D314">
        <v>5.2000000000000028</v>
      </c>
      <c r="E314">
        <v>4.1686870500335749</v>
      </c>
      <c r="F314">
        <v>5.0166669999999982</v>
      </c>
      <c r="G314">
        <v>4.1226417173987677</v>
      </c>
    </row>
    <row r="315" spans="4:7" x14ac:dyDescent="0.25">
      <c r="D315">
        <v>5.2166670000000011</v>
      </c>
      <c r="E315">
        <v>4.1696144769402297</v>
      </c>
      <c r="F315">
        <v>5.0333329999999989</v>
      </c>
      <c r="G315">
        <v>4.1238650532199417</v>
      </c>
    </row>
    <row r="316" spans="4:7" x14ac:dyDescent="0.25">
      <c r="D316">
        <v>5.2333340000000135</v>
      </c>
      <c r="E316">
        <v>4.1705419038468712</v>
      </c>
      <c r="F316">
        <v>5.0499999999999972</v>
      </c>
      <c r="G316">
        <v>4.1250762768052933</v>
      </c>
    </row>
    <row r="317" spans="4:7" x14ac:dyDescent="0.25">
      <c r="D317">
        <v>5.25</v>
      </c>
      <c r="E317">
        <v>4.1714831729461528</v>
      </c>
      <c r="F317">
        <v>5.0666670000000096</v>
      </c>
      <c r="G317">
        <v>4.1258999088433068</v>
      </c>
    </row>
    <row r="318" spans="4:7" x14ac:dyDescent="0.25">
      <c r="D318">
        <v>5.2666670000000124</v>
      </c>
      <c r="E318">
        <v>4.1724105998528067</v>
      </c>
      <c r="F318">
        <v>5.0833329999999961</v>
      </c>
      <c r="G318">
        <v>4.1271232446645021</v>
      </c>
    </row>
    <row r="319" spans="4:7" x14ac:dyDescent="0.25">
      <c r="D319">
        <v>5.2833340000000106</v>
      </c>
      <c r="E319">
        <v>4.1733380267594491</v>
      </c>
      <c r="F319">
        <v>5.1000000000000085</v>
      </c>
      <c r="G319">
        <v>4.1279347644666711</v>
      </c>
    </row>
    <row r="320" spans="4:7" x14ac:dyDescent="0.25">
      <c r="D320">
        <v>5.3000000000000114</v>
      </c>
      <c r="E320">
        <v>4.1742792958587422</v>
      </c>
      <c r="F320">
        <v>5.1166670000000067</v>
      </c>
      <c r="G320">
        <v>4.1291581002878672</v>
      </c>
    </row>
    <row r="321" spans="4:7" x14ac:dyDescent="0.25">
      <c r="D321">
        <v>5.3166670000000096</v>
      </c>
      <c r="E321">
        <v>4.1752067227653846</v>
      </c>
      <c r="F321">
        <v>5.1333330000000075</v>
      </c>
      <c r="G321">
        <v>4.1299696200900353</v>
      </c>
    </row>
    <row r="322" spans="4:7" x14ac:dyDescent="0.25">
      <c r="D322">
        <v>5.3333340000000078</v>
      </c>
      <c r="E322">
        <v>4.1761479918646653</v>
      </c>
      <c r="F322">
        <v>5.1500000000000057</v>
      </c>
      <c r="G322">
        <v>4.1311929559112102</v>
      </c>
    </row>
    <row r="323" spans="4:7" x14ac:dyDescent="0.25">
      <c r="D323">
        <v>5.3500000000000085</v>
      </c>
      <c r="E323">
        <v>4.1770754187713193</v>
      </c>
      <c r="F323">
        <v>5.1666670000000039</v>
      </c>
      <c r="G323">
        <v>4.1320165879492441</v>
      </c>
    </row>
    <row r="324" spans="4:7" x14ac:dyDescent="0.25">
      <c r="D324">
        <v>5.3666670000000067</v>
      </c>
      <c r="E324">
        <v>4.1780028456779617</v>
      </c>
      <c r="F324">
        <v>5.1833330000000046</v>
      </c>
      <c r="G324">
        <v>4.1332399237704402</v>
      </c>
    </row>
    <row r="325" spans="4:7" x14ac:dyDescent="0.25">
      <c r="D325">
        <v>5.3833340000000049</v>
      </c>
      <c r="E325">
        <v>4.1789441147772548</v>
      </c>
      <c r="F325">
        <v>5.2000000000000028</v>
      </c>
      <c r="G325">
        <v>4.134463259591616</v>
      </c>
    </row>
    <row r="326" spans="4:7" x14ac:dyDescent="0.25">
      <c r="D326">
        <v>5.4000000000000057</v>
      </c>
      <c r="E326">
        <v>4.1798715416838972</v>
      </c>
      <c r="F326">
        <v>5.2166670000000011</v>
      </c>
      <c r="G326">
        <v>4.1352747793937832</v>
      </c>
    </row>
    <row r="327" spans="4:7" x14ac:dyDescent="0.25">
      <c r="D327">
        <v>5.4166670000000039</v>
      </c>
      <c r="E327">
        <v>4.180798968590552</v>
      </c>
      <c r="F327">
        <v>5.2333330000000018</v>
      </c>
      <c r="G327">
        <v>4.1364981152149802</v>
      </c>
    </row>
    <row r="328" spans="4:7" x14ac:dyDescent="0.25">
      <c r="D328">
        <v>5.4333340000000021</v>
      </c>
      <c r="E328">
        <v>4.1817402376898318</v>
      </c>
      <c r="F328">
        <v>5.25</v>
      </c>
      <c r="G328">
        <v>4.1377214510361551</v>
      </c>
    </row>
    <row r="329" spans="4:7" x14ac:dyDescent="0.25">
      <c r="D329">
        <v>5.4500000000000028</v>
      </c>
      <c r="E329">
        <v>4.1821970300468401</v>
      </c>
      <c r="F329">
        <v>5.2666669999999982</v>
      </c>
      <c r="G329">
        <v>4.1385329708383445</v>
      </c>
    </row>
    <row r="330" spans="4:7" x14ac:dyDescent="0.25">
      <c r="D330">
        <v>5.4666670000000011</v>
      </c>
      <c r="E330">
        <v>4.1831382991461208</v>
      </c>
      <c r="F330">
        <v>5.2833329999999989</v>
      </c>
      <c r="G330">
        <v>4.1397563066595193</v>
      </c>
    </row>
    <row r="331" spans="4:7" x14ac:dyDescent="0.25">
      <c r="D331">
        <v>5.4833340000000135</v>
      </c>
      <c r="E331">
        <v>4.1840657260527632</v>
      </c>
      <c r="F331">
        <v>5.2999999999999972</v>
      </c>
      <c r="G331">
        <v>4.1405678264616874</v>
      </c>
    </row>
    <row r="332" spans="4:7" x14ac:dyDescent="0.25">
      <c r="D332">
        <v>5.5</v>
      </c>
      <c r="E332">
        <v>4.1845363606024097</v>
      </c>
      <c r="F332">
        <v>5.3166670000000096</v>
      </c>
      <c r="G332">
        <v>4.1417911622828836</v>
      </c>
    </row>
    <row r="333" spans="4:7" x14ac:dyDescent="0.25">
      <c r="D333">
        <v>5.5166670000000124</v>
      </c>
      <c r="E333">
        <v>4.1854637875090646</v>
      </c>
      <c r="F333">
        <v>5.3333329999999961</v>
      </c>
      <c r="G333">
        <v>4.1426147943209184</v>
      </c>
    </row>
    <row r="334" spans="4:7" x14ac:dyDescent="0.25">
      <c r="D334">
        <v>5.5333340000000106</v>
      </c>
      <c r="E334">
        <v>4.1863912144157061</v>
      </c>
      <c r="F334">
        <v>5.3500000000000085</v>
      </c>
      <c r="G334">
        <v>4.1438381301420923</v>
      </c>
    </row>
    <row r="335" spans="4:7" x14ac:dyDescent="0.25">
      <c r="D335">
        <v>5.5500000000000114</v>
      </c>
      <c r="E335">
        <v>4.1873324835149868</v>
      </c>
      <c r="F335">
        <v>5.3666670000000067</v>
      </c>
      <c r="G335">
        <v>4.1446496499442613</v>
      </c>
    </row>
    <row r="336" spans="4:7" x14ac:dyDescent="0.25">
      <c r="D336">
        <v>5.5666670000000096</v>
      </c>
      <c r="E336">
        <v>4.1882599104216416</v>
      </c>
      <c r="F336">
        <v>5.3833330000000075</v>
      </c>
      <c r="G336">
        <v>4.1458729857654575</v>
      </c>
    </row>
    <row r="337" spans="4:7" x14ac:dyDescent="0.25">
      <c r="D337">
        <v>5.5833340000000078</v>
      </c>
      <c r="E337">
        <v>4.189187337328284</v>
      </c>
      <c r="F337">
        <v>5.4000000000000057</v>
      </c>
      <c r="G337">
        <v>4.1470963215866314</v>
      </c>
    </row>
    <row r="338" spans="4:7" x14ac:dyDescent="0.25">
      <c r="D338">
        <v>5.6000000000000085</v>
      </c>
      <c r="E338">
        <v>4.1901286064275647</v>
      </c>
      <c r="F338">
        <v>5.4166670000000039</v>
      </c>
      <c r="G338">
        <v>4.1479078413888217</v>
      </c>
    </row>
    <row r="339" spans="4:7" x14ac:dyDescent="0.25">
      <c r="D339">
        <v>5.6166670000000067</v>
      </c>
      <c r="E339">
        <v>4.1910560333342195</v>
      </c>
      <c r="F339">
        <v>5.4333330000000046</v>
      </c>
      <c r="G339">
        <v>4.1487314734268343</v>
      </c>
    </row>
    <row r="340" spans="4:7" x14ac:dyDescent="0.25">
      <c r="D340">
        <v>5.6333340000000049</v>
      </c>
      <c r="E340">
        <v>4.191983460240861</v>
      </c>
      <c r="F340">
        <v>5.4500000000000028</v>
      </c>
      <c r="G340">
        <v>4.1499548092480305</v>
      </c>
    </row>
    <row r="341" spans="4:7" x14ac:dyDescent="0.25">
      <c r="D341">
        <v>5.6500000000000057</v>
      </c>
      <c r="E341">
        <v>4.1929247293401541</v>
      </c>
      <c r="F341">
        <v>5.4666670000000011</v>
      </c>
      <c r="G341">
        <v>4.1507663290501995</v>
      </c>
    </row>
    <row r="342" spans="4:7" x14ac:dyDescent="0.25">
      <c r="D342">
        <v>5.6666670000000039</v>
      </c>
      <c r="E342">
        <v>4.1938521562467965</v>
      </c>
      <c r="F342">
        <v>5.4833330000000018</v>
      </c>
      <c r="G342">
        <v>4.1519896648713948</v>
      </c>
    </row>
    <row r="343" spans="4:7" x14ac:dyDescent="0.25">
      <c r="D343">
        <v>5.6833340000000021</v>
      </c>
      <c r="E343">
        <v>4.1947934253460772</v>
      </c>
      <c r="F343">
        <v>5.5</v>
      </c>
      <c r="G343">
        <v>4.1528011846735637</v>
      </c>
    </row>
    <row r="344" spans="4:7" x14ac:dyDescent="0.25">
      <c r="D344">
        <v>5.7000000000000028</v>
      </c>
      <c r="E344">
        <v>4.1961914868023777</v>
      </c>
      <c r="F344">
        <v>5.5166669999999982</v>
      </c>
      <c r="G344">
        <v>4.1540245204947386</v>
      </c>
    </row>
    <row r="345" spans="4:7" x14ac:dyDescent="0.25">
      <c r="D345">
        <v>5.7166670000000011</v>
      </c>
      <c r="E345">
        <v>4.1966482791593744</v>
      </c>
      <c r="F345">
        <v>5.5333329999999989</v>
      </c>
      <c r="G345">
        <v>4.154836040296928</v>
      </c>
    </row>
    <row r="346" spans="4:7" x14ac:dyDescent="0.25">
      <c r="D346">
        <v>5.7333340000000135</v>
      </c>
      <c r="E346">
        <v>4.1975895482586667</v>
      </c>
      <c r="F346">
        <v>5.5499999999999972</v>
      </c>
      <c r="G346">
        <v>4.1556596723349406</v>
      </c>
    </row>
    <row r="347" spans="4:7" x14ac:dyDescent="0.25">
      <c r="D347">
        <v>5.75</v>
      </c>
      <c r="E347">
        <v>4.19851697516531</v>
      </c>
      <c r="F347">
        <v>5.5666670000000096</v>
      </c>
      <c r="G347">
        <v>4.1568830081561368</v>
      </c>
    </row>
    <row r="348" spans="4:7" x14ac:dyDescent="0.25">
      <c r="D348">
        <v>5.7666670000000124</v>
      </c>
      <c r="E348">
        <v>4.1994444020719639</v>
      </c>
      <c r="F348">
        <v>5.5833329999999961</v>
      </c>
      <c r="G348">
        <v>4.1576945279583057</v>
      </c>
    </row>
    <row r="349" spans="4:7" x14ac:dyDescent="0.25">
      <c r="D349">
        <v>5.7833340000000106</v>
      </c>
      <c r="E349">
        <v>4.2003856711712446</v>
      </c>
      <c r="F349">
        <v>5.6000000000000085</v>
      </c>
      <c r="G349">
        <v>4.1585060477604738</v>
      </c>
    </row>
    <row r="350" spans="4:7" x14ac:dyDescent="0.25">
      <c r="D350">
        <v>5.8000000000000114</v>
      </c>
      <c r="E350">
        <v>4.201313098077887</v>
      </c>
      <c r="F350">
        <v>5.6166670000000067</v>
      </c>
      <c r="G350">
        <v>4.15972938358167</v>
      </c>
    </row>
    <row r="351" spans="4:7" x14ac:dyDescent="0.25">
      <c r="D351">
        <v>5.8166670000000096</v>
      </c>
      <c r="E351">
        <v>4.2022405249845418</v>
      </c>
      <c r="F351">
        <v>5.6333330000000075</v>
      </c>
      <c r="G351">
        <v>4.1605530156197039</v>
      </c>
    </row>
    <row r="352" spans="4:7" x14ac:dyDescent="0.25">
      <c r="D352">
        <v>5.8333340000000078</v>
      </c>
      <c r="E352">
        <v>4.2031817940838216</v>
      </c>
      <c r="F352">
        <v>5.6500000000000057</v>
      </c>
      <c r="G352">
        <v>4.161364535421872</v>
      </c>
    </row>
    <row r="353" spans="4:7" x14ac:dyDescent="0.25">
      <c r="D353">
        <v>5.8500000000000085</v>
      </c>
      <c r="E353">
        <v>4.2041092209904773</v>
      </c>
      <c r="F353">
        <v>5.6666670000000039</v>
      </c>
      <c r="G353">
        <v>4.162176055224041</v>
      </c>
    </row>
    <row r="354" spans="4:7" x14ac:dyDescent="0.25">
      <c r="D354">
        <v>5.8666670000000067</v>
      </c>
      <c r="E354">
        <v>4.2050366478971188</v>
      </c>
      <c r="F354">
        <v>5.6833330000000046</v>
      </c>
      <c r="G354">
        <v>4.1633993910452372</v>
      </c>
    </row>
    <row r="355" spans="4:7" x14ac:dyDescent="0.25">
      <c r="D355">
        <v>5.8833340000000049</v>
      </c>
      <c r="E355">
        <v>4.2059779169963996</v>
      </c>
      <c r="F355">
        <v>5.7000000000000028</v>
      </c>
      <c r="G355">
        <v>4.1642230230832498</v>
      </c>
    </row>
    <row r="356" spans="4:7" x14ac:dyDescent="0.25">
      <c r="D356">
        <v>5.9000000000000057</v>
      </c>
      <c r="E356">
        <v>4.2069053439030544</v>
      </c>
      <c r="F356">
        <v>5.7166670000000011</v>
      </c>
      <c r="G356">
        <v>4.1650345428854179</v>
      </c>
    </row>
    <row r="357" spans="4:7" x14ac:dyDescent="0.25">
      <c r="D357">
        <v>5.9166670000000039</v>
      </c>
      <c r="E357">
        <v>4.2073759784526885</v>
      </c>
      <c r="F357">
        <v>5.7333330000000018</v>
      </c>
      <c r="G357">
        <v>4.1658460626876082</v>
      </c>
    </row>
    <row r="358" spans="4:7" x14ac:dyDescent="0.25">
      <c r="D358">
        <v>5.9333340000000021</v>
      </c>
      <c r="E358">
        <v>4.2083034053593424</v>
      </c>
      <c r="F358">
        <v>5.75</v>
      </c>
      <c r="G358">
        <v>4.167069398508783</v>
      </c>
    </row>
    <row r="359" spans="4:7" x14ac:dyDescent="0.25">
      <c r="D359">
        <v>5.9500000000000028</v>
      </c>
      <c r="E359">
        <v>4.2092308322659848</v>
      </c>
      <c r="F359">
        <v>5.7666669999999982</v>
      </c>
      <c r="G359">
        <v>4.1678809183109511</v>
      </c>
    </row>
    <row r="360" spans="4:7" x14ac:dyDescent="0.25">
      <c r="D360">
        <v>5.9666670000000011</v>
      </c>
      <c r="E360">
        <v>4.210172101365278</v>
      </c>
      <c r="F360">
        <v>5.7833329999999989</v>
      </c>
      <c r="G360">
        <v>4.168704550348985</v>
      </c>
    </row>
    <row r="361" spans="4:7" x14ac:dyDescent="0.25">
      <c r="D361">
        <v>5.9833340000000135</v>
      </c>
      <c r="E361">
        <v>4.2106288937222738</v>
      </c>
      <c r="F361">
        <v>5.7999999999999972</v>
      </c>
      <c r="G361">
        <v>4.169516070151154</v>
      </c>
    </row>
    <row r="362" spans="4:7" x14ac:dyDescent="0.25">
      <c r="D362">
        <v>6</v>
      </c>
      <c r="E362">
        <v>4.2115701628215669</v>
      </c>
      <c r="F362">
        <v>5.8166670000000096</v>
      </c>
      <c r="G362">
        <v>4.1703275899533434</v>
      </c>
    </row>
    <row r="363" spans="4:7" x14ac:dyDescent="0.25">
      <c r="D363">
        <v>6.0166670000000124</v>
      </c>
      <c r="E363">
        <v>4.2124975897282093</v>
      </c>
      <c r="F363">
        <v>5.8333329999999961</v>
      </c>
      <c r="G363">
        <v>4.171151221991356</v>
      </c>
    </row>
    <row r="364" spans="4:7" x14ac:dyDescent="0.25">
      <c r="D364">
        <v>6.0333340000000106</v>
      </c>
      <c r="E364">
        <v>4.2134388588274891</v>
      </c>
      <c r="F364">
        <v>5.8500000000000085</v>
      </c>
      <c r="G364">
        <v>4.1723745578125522</v>
      </c>
    </row>
    <row r="365" spans="4:7" x14ac:dyDescent="0.25">
      <c r="D365">
        <v>6.0500000000000114</v>
      </c>
      <c r="E365">
        <v>4.2138956511844974</v>
      </c>
      <c r="F365">
        <v>5.8666670000000067</v>
      </c>
      <c r="G365">
        <v>4.1731860776147203</v>
      </c>
    </row>
    <row r="366" spans="4:7" x14ac:dyDescent="0.25">
      <c r="D366">
        <v>6.0666670000000096</v>
      </c>
      <c r="E366">
        <v>4.2148369202837905</v>
      </c>
      <c r="F366">
        <v>5.8833330000000075</v>
      </c>
      <c r="G366">
        <v>4.1739975974168892</v>
      </c>
    </row>
    <row r="367" spans="4:7" x14ac:dyDescent="0.25">
      <c r="D367">
        <v>6.0833340000000078</v>
      </c>
      <c r="E367">
        <v>4.2157643471904329</v>
      </c>
      <c r="F367">
        <v>5.9000000000000057</v>
      </c>
      <c r="G367">
        <v>4.1748212294549232</v>
      </c>
    </row>
    <row r="368" spans="4:7" x14ac:dyDescent="0.25">
      <c r="D368">
        <v>6.1000000000000085</v>
      </c>
      <c r="E368">
        <v>4.2166917740970753</v>
      </c>
      <c r="F368">
        <v>5.9166670000000039</v>
      </c>
      <c r="G368">
        <v>4.1756327492570922</v>
      </c>
    </row>
    <row r="369" spans="4:7" x14ac:dyDescent="0.25">
      <c r="D369">
        <v>6.1166670000000067</v>
      </c>
      <c r="E369">
        <v>4.2171624086467219</v>
      </c>
      <c r="F369">
        <v>5.9333330000000046</v>
      </c>
      <c r="G369">
        <v>4.1764442690592594</v>
      </c>
    </row>
    <row r="370" spans="4:7" x14ac:dyDescent="0.25">
      <c r="D370">
        <v>6.1333340000000049</v>
      </c>
      <c r="E370">
        <v>4.2180898355533767</v>
      </c>
      <c r="F370">
        <v>5.9500000000000028</v>
      </c>
      <c r="G370">
        <v>4.1772679010972942</v>
      </c>
    </row>
    <row r="371" spans="4:7" x14ac:dyDescent="0.25">
      <c r="D371">
        <v>6.1500000000000057</v>
      </c>
      <c r="E371">
        <v>4.2185604701030099</v>
      </c>
      <c r="F371">
        <v>5.9666670000000011</v>
      </c>
      <c r="G371">
        <v>4.1780794208994623</v>
      </c>
    </row>
    <row r="372" spans="4:7" x14ac:dyDescent="0.25">
      <c r="D372">
        <v>6.1666670000000039</v>
      </c>
      <c r="E372">
        <v>4.2194878970096648</v>
      </c>
      <c r="F372">
        <v>5.9833330000000018</v>
      </c>
      <c r="G372">
        <v>4.1793027567206584</v>
      </c>
    </row>
    <row r="373" spans="4:7" x14ac:dyDescent="0.25">
      <c r="D373">
        <v>6.1833340000000021</v>
      </c>
      <c r="E373">
        <v>4.2204291661089455</v>
      </c>
      <c r="F373">
        <v>6</v>
      </c>
      <c r="G373">
        <v>4.1801142765228265</v>
      </c>
    </row>
    <row r="374" spans="4:7" x14ac:dyDescent="0.25">
      <c r="D374">
        <v>6.2000000000000028</v>
      </c>
      <c r="E374">
        <v>4.2213565930155879</v>
      </c>
      <c r="F374">
        <v>6.0166669999999982</v>
      </c>
      <c r="G374">
        <v>4.1809257963249955</v>
      </c>
    </row>
    <row r="375" spans="4:7" x14ac:dyDescent="0.25">
      <c r="D375">
        <v>6.2166670000000011</v>
      </c>
      <c r="E375">
        <v>4.2218272275652344</v>
      </c>
      <c r="F375">
        <v>6.0333329999999989</v>
      </c>
      <c r="G375">
        <v>4.1817494283630294</v>
      </c>
    </row>
    <row r="376" spans="4:7" x14ac:dyDescent="0.25">
      <c r="D376">
        <v>6.2333340000000135</v>
      </c>
      <c r="E376">
        <v>4.2227546544718884</v>
      </c>
      <c r="F376">
        <v>6.0499999999999972</v>
      </c>
      <c r="G376">
        <v>4.1825609481651984</v>
      </c>
    </row>
    <row r="377" spans="4:7" x14ac:dyDescent="0.25">
      <c r="D377">
        <v>6.25</v>
      </c>
      <c r="E377">
        <v>4.2232252890215234</v>
      </c>
      <c r="F377">
        <v>6.0666670000000096</v>
      </c>
      <c r="G377">
        <v>4.1833724679673656</v>
      </c>
    </row>
    <row r="378" spans="4:7" x14ac:dyDescent="0.25">
      <c r="D378">
        <v>6.2666670000000124</v>
      </c>
      <c r="E378">
        <v>4.2236820813785307</v>
      </c>
      <c r="F378">
        <v>6.0833329999999961</v>
      </c>
      <c r="G378">
        <v>4.1841961000054004</v>
      </c>
    </row>
    <row r="379" spans="4:7" x14ac:dyDescent="0.25">
      <c r="D379">
        <v>6.2833340000000106</v>
      </c>
      <c r="E379">
        <v>4.2246233504778115</v>
      </c>
      <c r="F379">
        <v>6.1000000000000085</v>
      </c>
      <c r="G379">
        <v>4.1854194358265966</v>
      </c>
    </row>
    <row r="380" spans="4:7" x14ac:dyDescent="0.25">
      <c r="D380">
        <v>6.3000000000000114</v>
      </c>
      <c r="E380">
        <v>4.2250801428348206</v>
      </c>
      <c r="F380">
        <v>6.1166670000000067</v>
      </c>
      <c r="G380">
        <v>4.1862309556287647</v>
      </c>
    </row>
    <row r="381" spans="4:7" x14ac:dyDescent="0.25">
      <c r="D381">
        <v>6.3166670000000096</v>
      </c>
      <c r="E381">
        <v>4.2260214119341004</v>
      </c>
      <c r="F381">
        <v>6.1333330000000075</v>
      </c>
      <c r="G381">
        <v>4.1870424754309337</v>
      </c>
    </row>
    <row r="382" spans="4:7" x14ac:dyDescent="0.25">
      <c r="D382">
        <v>6.3333340000000078</v>
      </c>
      <c r="E382">
        <v>4.2264782042911087</v>
      </c>
      <c r="F382">
        <v>6.1500000000000057</v>
      </c>
      <c r="G382">
        <v>4.1878661074689676</v>
      </c>
    </row>
    <row r="383" spans="4:7" x14ac:dyDescent="0.25">
      <c r="D383">
        <v>6.3500000000000085</v>
      </c>
      <c r="E383">
        <v>4.2274194733904018</v>
      </c>
      <c r="F383">
        <v>6.1666670000000039</v>
      </c>
      <c r="G383">
        <v>4.1886776272711357</v>
      </c>
    </row>
    <row r="384" spans="4:7" x14ac:dyDescent="0.25">
      <c r="D384">
        <v>6.3666670000000067</v>
      </c>
      <c r="E384">
        <v>4.2278762657473976</v>
      </c>
      <c r="F384">
        <v>6.1833330000000046</v>
      </c>
      <c r="G384">
        <v>4.1894891470733038</v>
      </c>
    </row>
    <row r="385" spans="4:7" x14ac:dyDescent="0.25">
      <c r="D385">
        <v>6.3833340000000049</v>
      </c>
      <c r="E385">
        <v>4.2288175348466908</v>
      </c>
      <c r="F385">
        <v>6.2000000000000028</v>
      </c>
      <c r="G385">
        <v>4.1903127791113377</v>
      </c>
    </row>
    <row r="386" spans="4:7" x14ac:dyDescent="0.25">
      <c r="D386">
        <v>6.4000000000000057</v>
      </c>
      <c r="E386">
        <v>4.2292881693963249</v>
      </c>
      <c r="F386">
        <v>6.2166670000000011</v>
      </c>
      <c r="G386">
        <v>4.1911242989135067</v>
      </c>
    </row>
    <row r="387" spans="4:7" x14ac:dyDescent="0.25">
      <c r="D387">
        <v>6.4166670000000039</v>
      </c>
      <c r="E387">
        <v>4.2297449617533323</v>
      </c>
      <c r="F387">
        <v>6.2333330000000018</v>
      </c>
      <c r="G387">
        <v>4.1919358187156757</v>
      </c>
    </row>
    <row r="388" spans="4:7" x14ac:dyDescent="0.25">
      <c r="D388">
        <v>6.4333340000000021</v>
      </c>
      <c r="E388">
        <v>4.2306862308526139</v>
      </c>
      <c r="F388">
        <v>6.25</v>
      </c>
      <c r="G388">
        <v>4.1927473385178438</v>
      </c>
    </row>
    <row r="389" spans="4:7" x14ac:dyDescent="0.25">
      <c r="D389">
        <v>6.4500000000000028</v>
      </c>
      <c r="E389">
        <v>4.2311430232096212</v>
      </c>
      <c r="F389">
        <v>6.2666669999999982</v>
      </c>
      <c r="G389">
        <v>4.1935709705558777</v>
      </c>
    </row>
    <row r="390" spans="4:7" x14ac:dyDescent="0.25">
      <c r="D390">
        <v>6.4666670000000011</v>
      </c>
      <c r="E390">
        <v>4.2316136577592678</v>
      </c>
      <c r="F390">
        <v>6.2833329999999989</v>
      </c>
      <c r="G390">
        <v>4.1943824903580458</v>
      </c>
    </row>
    <row r="391" spans="4:7" x14ac:dyDescent="0.25">
      <c r="D391">
        <v>6.4833340000000135</v>
      </c>
      <c r="E391">
        <v>4.2320842923089019</v>
      </c>
      <c r="F391">
        <v>6.2999999999999972</v>
      </c>
      <c r="G391">
        <v>4.1951940101602361</v>
      </c>
    </row>
    <row r="392" spans="4:7" x14ac:dyDescent="0.25">
      <c r="D392">
        <v>6.5</v>
      </c>
      <c r="E392">
        <v>4.2325410846659102</v>
      </c>
      <c r="F392">
        <v>6.3166670000000096</v>
      </c>
      <c r="G392">
        <v>4.1960176421982487</v>
      </c>
    </row>
    <row r="393" spans="4:7" x14ac:dyDescent="0.25">
      <c r="D393">
        <v>6.5166670000000124</v>
      </c>
      <c r="E393">
        <v>4.2334823537652024</v>
      </c>
      <c r="F393">
        <v>6.3333329999999961</v>
      </c>
      <c r="G393">
        <v>4.19641734598141</v>
      </c>
    </row>
    <row r="394" spans="4:7" x14ac:dyDescent="0.25">
      <c r="D394">
        <v>6.5333340000000106</v>
      </c>
      <c r="E394">
        <v>4.2339391461221991</v>
      </c>
      <c r="F394">
        <v>6.3500000000000085</v>
      </c>
      <c r="G394">
        <v>4.1972409780194448</v>
      </c>
    </row>
    <row r="395" spans="4:7" x14ac:dyDescent="0.25">
      <c r="D395">
        <v>6.5500000000000114</v>
      </c>
      <c r="E395">
        <v>4.2348804152214914</v>
      </c>
      <c r="F395">
        <v>6.3666670000000067</v>
      </c>
      <c r="G395">
        <v>4.1980524978216129</v>
      </c>
    </row>
    <row r="396" spans="4:7" x14ac:dyDescent="0.25">
      <c r="D396">
        <v>6.5666670000000096</v>
      </c>
      <c r="E396">
        <v>4.2358078421281347</v>
      </c>
      <c r="F396">
        <v>6.3833330000000075</v>
      </c>
      <c r="G396">
        <v>4.1988640176237819</v>
      </c>
    </row>
    <row r="397" spans="4:7" x14ac:dyDescent="0.25">
      <c r="D397">
        <v>6.5833340000000078</v>
      </c>
      <c r="E397">
        <v>4.2362784766777812</v>
      </c>
      <c r="F397">
        <v>6.4000000000000057</v>
      </c>
      <c r="G397">
        <v>4.1996876496618158</v>
      </c>
    </row>
    <row r="398" spans="4:7" x14ac:dyDescent="0.25">
      <c r="D398">
        <v>6.6000000000000085</v>
      </c>
      <c r="E398">
        <v>4.2367352690347886</v>
      </c>
      <c r="F398">
        <v>6.4166670000000039</v>
      </c>
      <c r="G398">
        <v>4.2004991694639839</v>
      </c>
    </row>
    <row r="399" spans="4:7" x14ac:dyDescent="0.25">
      <c r="D399">
        <v>6.6166670000000067</v>
      </c>
      <c r="E399">
        <v>4.2376765381340693</v>
      </c>
      <c r="F399">
        <v>6.4333330000000046</v>
      </c>
      <c r="G399">
        <v>4.201310689266152</v>
      </c>
    </row>
    <row r="400" spans="4:7" x14ac:dyDescent="0.25">
      <c r="D400">
        <v>6.6333340000000049</v>
      </c>
      <c r="E400">
        <v>4.2381333304910767</v>
      </c>
      <c r="F400">
        <v>6.4500000000000028</v>
      </c>
      <c r="G400">
        <v>4.2021343213041868</v>
      </c>
    </row>
    <row r="401" spans="4:7" x14ac:dyDescent="0.25">
      <c r="D401">
        <v>6.6500000000000057</v>
      </c>
      <c r="E401">
        <v>4.2390745995903583</v>
      </c>
      <c r="F401">
        <v>6.4666670000000011</v>
      </c>
      <c r="G401">
        <v>4.2029458411063549</v>
      </c>
    </row>
    <row r="402" spans="4:7" x14ac:dyDescent="0.25">
      <c r="D402">
        <v>6.6666670000000039</v>
      </c>
      <c r="E402">
        <v>4.2400020264969998</v>
      </c>
      <c r="F402">
        <v>6.4833330000000018</v>
      </c>
      <c r="G402">
        <v>4.2037573609085239</v>
      </c>
    </row>
    <row r="403" spans="4:7" x14ac:dyDescent="0.25">
      <c r="D403">
        <v>6.6833340000000021</v>
      </c>
      <c r="E403">
        <v>4.2404726610466463</v>
      </c>
      <c r="F403">
        <v>6.5</v>
      </c>
      <c r="G403">
        <v>4.2045809929465578</v>
      </c>
    </row>
    <row r="404" spans="4:7" x14ac:dyDescent="0.25">
      <c r="D404">
        <v>6.7000000000000028</v>
      </c>
      <c r="E404">
        <v>4.2414000879533011</v>
      </c>
      <c r="F404">
        <v>6.5166669999999982</v>
      </c>
      <c r="G404">
        <v>4.2053925127487259</v>
      </c>
    </row>
    <row r="405" spans="4:7" x14ac:dyDescent="0.25">
      <c r="D405">
        <v>6.7166670000000011</v>
      </c>
      <c r="E405">
        <v>4.2418707225029353</v>
      </c>
      <c r="F405">
        <v>6.5333329999999989</v>
      </c>
      <c r="G405">
        <v>4.206204032550894</v>
      </c>
    </row>
    <row r="406" spans="4:7" x14ac:dyDescent="0.25">
      <c r="D406">
        <v>6.7333340000000135</v>
      </c>
      <c r="E406">
        <v>4.2427981494095901</v>
      </c>
      <c r="F406">
        <v>6.5499999999999972</v>
      </c>
      <c r="G406">
        <v>4.2066158485699221</v>
      </c>
    </row>
    <row r="407" spans="4:7" x14ac:dyDescent="0.25">
      <c r="D407">
        <v>6.75</v>
      </c>
      <c r="E407">
        <v>4.2432687839592242</v>
      </c>
      <c r="F407">
        <v>6.5666670000000096</v>
      </c>
      <c r="G407">
        <v>4.2074273683720902</v>
      </c>
    </row>
    <row r="408" spans="4:7" x14ac:dyDescent="0.25">
      <c r="D408">
        <v>6.7666670000000124</v>
      </c>
      <c r="E408">
        <v>4.2441962108658791</v>
      </c>
      <c r="F408">
        <v>6.5833329999999961</v>
      </c>
      <c r="G408">
        <v>4.2082388881742583</v>
      </c>
    </row>
    <row r="409" spans="4:7" x14ac:dyDescent="0.25">
      <c r="D409">
        <v>6.7833340000000106</v>
      </c>
      <c r="E409">
        <v>4.2446668454155132</v>
      </c>
      <c r="F409">
        <v>6.6000000000000085</v>
      </c>
      <c r="G409">
        <v>4.2090625202122931</v>
      </c>
    </row>
    <row r="410" spans="4:7" x14ac:dyDescent="0.25">
      <c r="D410">
        <v>6.8000000000000114</v>
      </c>
      <c r="E410">
        <v>4.2455942723221671</v>
      </c>
      <c r="F410">
        <v>6.6166670000000067</v>
      </c>
      <c r="G410">
        <v>4.2098740400144612</v>
      </c>
    </row>
    <row r="411" spans="4:7" x14ac:dyDescent="0.25">
      <c r="D411">
        <v>6.8166670000000096</v>
      </c>
      <c r="E411">
        <v>4.2465216992288095</v>
      </c>
      <c r="F411">
        <v>6.6333330000000075</v>
      </c>
      <c r="G411">
        <v>4.2106855598166302</v>
      </c>
    </row>
    <row r="412" spans="4:7" x14ac:dyDescent="0.25">
      <c r="D412">
        <v>6.8333340000000078</v>
      </c>
      <c r="E412">
        <v>4.2474629683281027</v>
      </c>
      <c r="F412">
        <v>6.6500000000000057</v>
      </c>
      <c r="G412">
        <v>4.2115091918546632</v>
      </c>
    </row>
    <row r="413" spans="4:7" x14ac:dyDescent="0.25">
      <c r="D413">
        <v>6.8500000000000085</v>
      </c>
      <c r="E413">
        <v>4.248390395234745</v>
      </c>
      <c r="F413">
        <v>6.6666670000000039</v>
      </c>
      <c r="G413">
        <v>4.2123207116568322</v>
      </c>
    </row>
    <row r="414" spans="4:7" x14ac:dyDescent="0.25">
      <c r="D414">
        <v>6.8666670000000067</v>
      </c>
      <c r="E414">
        <v>4.2493316643340258</v>
      </c>
      <c r="F414">
        <v>6.6833330000000046</v>
      </c>
      <c r="G414">
        <v>4.2131322314590003</v>
      </c>
    </row>
    <row r="415" spans="4:7" x14ac:dyDescent="0.25">
      <c r="D415">
        <v>6.8833340000000049</v>
      </c>
      <c r="E415">
        <v>4.2502590912406806</v>
      </c>
      <c r="F415">
        <v>6.7000000000000028</v>
      </c>
      <c r="G415">
        <v>4.2139558634970351</v>
      </c>
    </row>
    <row r="416" spans="4:7" x14ac:dyDescent="0.25">
      <c r="D416">
        <v>6.9000000000000057</v>
      </c>
      <c r="E416">
        <v>4.2511865181473221</v>
      </c>
      <c r="F416">
        <v>6.7166670000000011</v>
      </c>
      <c r="G416">
        <v>4.2147673832992032</v>
      </c>
    </row>
    <row r="417" spans="4:7" x14ac:dyDescent="0.25">
      <c r="D417">
        <v>6.9166670000000039</v>
      </c>
      <c r="E417">
        <v>4.2516571526969686</v>
      </c>
      <c r="F417">
        <v>6.7333330000000018</v>
      </c>
      <c r="G417">
        <v>4.2151791993182304</v>
      </c>
    </row>
    <row r="418" spans="4:7" x14ac:dyDescent="0.25">
      <c r="D418">
        <v>6.9333340000000021</v>
      </c>
      <c r="E418">
        <v>4.252584579603611</v>
      </c>
      <c r="F418">
        <v>6.75</v>
      </c>
      <c r="G418">
        <v>4.2159907191203994</v>
      </c>
    </row>
    <row r="419" spans="4:7" x14ac:dyDescent="0.25">
      <c r="D419">
        <v>6.9500000000000028</v>
      </c>
      <c r="E419">
        <v>4.2535258487029042</v>
      </c>
      <c r="F419">
        <v>6.7666669999999982</v>
      </c>
      <c r="G419">
        <v>4.2168022389225683</v>
      </c>
    </row>
    <row r="420" spans="4:7" x14ac:dyDescent="0.25">
      <c r="D420">
        <v>6.9666670000000011</v>
      </c>
      <c r="E420">
        <v>4.2539826410599124</v>
      </c>
      <c r="F420">
        <v>6.7833329999999989</v>
      </c>
      <c r="G420">
        <v>4.2176258709606023</v>
      </c>
    </row>
    <row r="421" spans="4:7" x14ac:dyDescent="0.25">
      <c r="D421">
        <v>6.9833340000000135</v>
      </c>
      <c r="E421">
        <v>4.2549239101591922</v>
      </c>
      <c r="F421">
        <v>6.7999999999999972</v>
      </c>
      <c r="G421">
        <v>4.2184373907627704</v>
      </c>
    </row>
    <row r="422" spans="4:7" x14ac:dyDescent="0.25">
      <c r="D422">
        <v>7</v>
      </c>
      <c r="E422">
        <v>4.2553807025162014</v>
      </c>
      <c r="F422">
        <v>6.8166670000000096</v>
      </c>
      <c r="G422">
        <v>4.2192489105649384</v>
      </c>
    </row>
    <row r="423" spans="4:7" x14ac:dyDescent="0.25">
      <c r="D423">
        <v>7.0166670000000124</v>
      </c>
      <c r="E423">
        <v>4.2563219716154812</v>
      </c>
      <c r="F423">
        <v>6.8333329999999961</v>
      </c>
      <c r="G423">
        <v>4.2196607265839665</v>
      </c>
    </row>
    <row r="424" spans="4:7" x14ac:dyDescent="0.25">
      <c r="D424">
        <v>7.0333340000000106</v>
      </c>
      <c r="E424">
        <v>4.2567787639724894</v>
      </c>
      <c r="F424">
        <v>6.8500000000000085</v>
      </c>
      <c r="G424">
        <v>4.2204722463861346</v>
      </c>
    </row>
    <row r="425" spans="4:7" x14ac:dyDescent="0.25">
      <c r="D425">
        <v>7.0500000000000114</v>
      </c>
      <c r="E425">
        <v>4.2577200330717702</v>
      </c>
      <c r="F425">
        <v>6.8666670000000067</v>
      </c>
      <c r="G425">
        <v>4.2212837661883027</v>
      </c>
    </row>
    <row r="426" spans="4:7" x14ac:dyDescent="0.25">
      <c r="D426">
        <v>7.0666670000000096</v>
      </c>
      <c r="E426">
        <v>4.2581768254287784</v>
      </c>
      <c r="F426">
        <v>6.8833330000000075</v>
      </c>
      <c r="G426">
        <v>4.2221073982263375</v>
      </c>
    </row>
    <row r="427" spans="4:7" x14ac:dyDescent="0.25">
      <c r="D427">
        <v>7.0833340000000078</v>
      </c>
      <c r="E427">
        <v>4.2591180945280591</v>
      </c>
      <c r="F427">
        <v>6.9000000000000057</v>
      </c>
      <c r="G427">
        <v>4.2229189180285056</v>
      </c>
    </row>
    <row r="428" spans="4:7" x14ac:dyDescent="0.25">
      <c r="D428">
        <v>7.1000000000000085</v>
      </c>
      <c r="E428">
        <v>4.2595748868850665</v>
      </c>
      <c r="F428">
        <v>6.9166670000000039</v>
      </c>
      <c r="G428">
        <v>4.2237304378306746</v>
      </c>
    </row>
    <row r="429" spans="4:7" x14ac:dyDescent="0.25">
      <c r="D429">
        <v>7.1166670000000067</v>
      </c>
      <c r="E429">
        <v>4.2605161559843481</v>
      </c>
      <c r="F429">
        <v>6.9333330000000046</v>
      </c>
      <c r="G429">
        <v>4.2245540698687076</v>
      </c>
    </row>
    <row r="430" spans="4:7" x14ac:dyDescent="0.25">
      <c r="D430">
        <v>7.1333340000000049</v>
      </c>
      <c r="E430">
        <v>4.2609729483413554</v>
      </c>
      <c r="F430">
        <v>6.9500000000000028</v>
      </c>
      <c r="G430">
        <v>4.2249537736518707</v>
      </c>
    </row>
    <row r="431" spans="4:7" x14ac:dyDescent="0.25">
      <c r="D431">
        <v>7.1500000000000057</v>
      </c>
      <c r="E431">
        <v>4.2619142174406361</v>
      </c>
      <c r="F431">
        <v>6.9666670000000011</v>
      </c>
      <c r="G431">
        <v>4.2257774056898834</v>
      </c>
    </row>
    <row r="432" spans="4:7" x14ac:dyDescent="0.25">
      <c r="D432">
        <v>7.1666670000000039</v>
      </c>
      <c r="E432">
        <v>4.2623710097976453</v>
      </c>
      <c r="F432">
        <v>6.9833330000000018</v>
      </c>
      <c r="G432">
        <v>4.2265889254920728</v>
      </c>
    </row>
    <row r="433" spans="4:7" x14ac:dyDescent="0.25">
      <c r="D433">
        <v>7.1833340000000021</v>
      </c>
      <c r="E433">
        <v>4.262841644347291</v>
      </c>
      <c r="F433">
        <v>7</v>
      </c>
      <c r="G433">
        <v>4.2274004452942409</v>
      </c>
    </row>
    <row r="434" spans="4:7" x14ac:dyDescent="0.25">
      <c r="D434">
        <v>7.2000000000000028</v>
      </c>
      <c r="E434">
        <v>4.2633122788969251</v>
      </c>
      <c r="F434">
        <v>7.0166669999999982</v>
      </c>
      <c r="G434">
        <v>4.2278122613132476</v>
      </c>
    </row>
    <row r="435" spans="4:7" x14ac:dyDescent="0.25">
      <c r="D435">
        <v>7.2166670000000011</v>
      </c>
      <c r="E435">
        <v>4.2637690712539333</v>
      </c>
      <c r="F435">
        <v>7.0333329999999989</v>
      </c>
      <c r="G435">
        <v>4.2286237811154157</v>
      </c>
    </row>
    <row r="436" spans="4:7" x14ac:dyDescent="0.25">
      <c r="D436">
        <v>7.2333340000000135</v>
      </c>
      <c r="E436">
        <v>4.2647103403532265</v>
      </c>
      <c r="F436">
        <v>7.0499999999999972</v>
      </c>
      <c r="G436">
        <v>4.2294474131534496</v>
      </c>
    </row>
    <row r="437" spans="4:7" x14ac:dyDescent="0.25">
      <c r="D437">
        <v>7.25</v>
      </c>
      <c r="E437">
        <v>4.2651809749028597</v>
      </c>
      <c r="F437">
        <v>7.0666670000000096</v>
      </c>
      <c r="G437">
        <v>4.2302589329556186</v>
      </c>
    </row>
    <row r="438" spans="4:7" x14ac:dyDescent="0.25">
      <c r="D438">
        <v>7.2666670000000124</v>
      </c>
      <c r="E438">
        <v>4.2656377672598689</v>
      </c>
      <c r="F438">
        <v>7.0833329999999961</v>
      </c>
      <c r="G438">
        <v>4.2306707489746467</v>
      </c>
    </row>
    <row r="439" spans="4:7" x14ac:dyDescent="0.25">
      <c r="D439">
        <v>7.2833340000000106</v>
      </c>
      <c r="E439">
        <v>4.2661084018095154</v>
      </c>
      <c r="F439">
        <v>7.1000000000000085</v>
      </c>
      <c r="G439">
        <v>4.2314822687768139</v>
      </c>
    </row>
    <row r="440" spans="4:7" x14ac:dyDescent="0.25">
      <c r="D440">
        <v>7.3000000000000114</v>
      </c>
      <c r="E440">
        <v>4.2665790363591496</v>
      </c>
      <c r="F440">
        <v>7.1166670000000067</v>
      </c>
      <c r="G440">
        <v>4.2322937885789829</v>
      </c>
    </row>
    <row r="441" spans="4:7" x14ac:dyDescent="0.25">
      <c r="D441">
        <v>7.3166670000000096</v>
      </c>
      <c r="E441">
        <v>4.2670358287161569</v>
      </c>
      <c r="F441">
        <v>7.1333330000000075</v>
      </c>
      <c r="G441">
        <v>4.2331174206170168</v>
      </c>
    </row>
    <row r="442" spans="4:7" x14ac:dyDescent="0.25">
      <c r="D442">
        <v>7.3333340000000078</v>
      </c>
      <c r="E442">
        <v>4.2675064632658035</v>
      </c>
      <c r="F442">
        <v>7.1500000000000057</v>
      </c>
      <c r="G442">
        <v>4.2339289404191858</v>
      </c>
    </row>
    <row r="443" spans="4:7" x14ac:dyDescent="0.25">
      <c r="D443">
        <v>7.3500000000000085</v>
      </c>
      <c r="E443">
        <v>4.2679770978154377</v>
      </c>
      <c r="F443">
        <v>7.1666670000000039</v>
      </c>
      <c r="G443">
        <v>4.2343286442023471</v>
      </c>
    </row>
    <row r="444" spans="4:7" x14ac:dyDescent="0.25">
      <c r="D444">
        <v>7.3666670000000067</v>
      </c>
      <c r="E444">
        <v>4.2684338901724459</v>
      </c>
      <c r="F444">
        <v>7.1833330000000046</v>
      </c>
      <c r="G444">
        <v>4.2351522762403597</v>
      </c>
    </row>
    <row r="445" spans="4:7" x14ac:dyDescent="0.25">
      <c r="D445">
        <v>7.3833340000000049</v>
      </c>
      <c r="E445">
        <v>4.2689045247220925</v>
      </c>
      <c r="F445">
        <v>7.2000000000000028</v>
      </c>
      <c r="G445">
        <v>4.23596379604255</v>
      </c>
    </row>
    <row r="446" spans="4:7" x14ac:dyDescent="0.25">
      <c r="D446">
        <v>7.4000000000000057</v>
      </c>
      <c r="E446">
        <v>4.2698319516287349</v>
      </c>
      <c r="F446">
        <v>7.2166670000000011</v>
      </c>
      <c r="G446">
        <v>4.236775315844719</v>
      </c>
    </row>
    <row r="447" spans="4:7" x14ac:dyDescent="0.25">
      <c r="D447">
        <v>7.4166670000000039</v>
      </c>
      <c r="E447">
        <v>4.2703025861783805</v>
      </c>
      <c r="F447">
        <v>7.2333330000000018</v>
      </c>
      <c r="G447">
        <v>4.2371871318637249</v>
      </c>
    </row>
    <row r="448" spans="4:7" x14ac:dyDescent="0.25">
      <c r="D448">
        <v>7.4333340000000021</v>
      </c>
      <c r="E448">
        <v>4.2712300130850238</v>
      </c>
      <c r="F448">
        <v>7.25</v>
      </c>
      <c r="G448">
        <v>4.237998651665893</v>
      </c>
    </row>
    <row r="449" spans="4:7" x14ac:dyDescent="0.25">
      <c r="D449">
        <v>7.4500000000000028</v>
      </c>
      <c r="E449">
        <v>4.2717006476346704</v>
      </c>
      <c r="F449">
        <v>7.2666669999999982</v>
      </c>
      <c r="G449">
        <v>4.2388222837039278</v>
      </c>
    </row>
    <row r="450" spans="4:7" x14ac:dyDescent="0.25">
      <c r="D450">
        <v>7.4666670000000011</v>
      </c>
      <c r="E450">
        <v>4.2726280745413243</v>
      </c>
      <c r="F450">
        <v>7.2833329999999989</v>
      </c>
      <c r="G450">
        <v>4.239633803506095</v>
      </c>
    </row>
    <row r="451" spans="4:7" x14ac:dyDescent="0.25">
      <c r="D451">
        <v>7.4833340000000135</v>
      </c>
      <c r="E451">
        <v>4.2730987090909585</v>
      </c>
      <c r="F451">
        <v>7.2999999999999972</v>
      </c>
      <c r="G451">
        <v>4.240045619525123</v>
      </c>
    </row>
    <row r="452" spans="4:7" x14ac:dyDescent="0.25">
      <c r="D452">
        <v>7.5</v>
      </c>
      <c r="E452">
        <v>4.273569343640605</v>
      </c>
      <c r="F452">
        <v>7.3166670000000096</v>
      </c>
      <c r="G452">
        <v>4.240857139327292</v>
      </c>
    </row>
    <row r="453" spans="4:7" x14ac:dyDescent="0.25">
      <c r="D453">
        <v>7.5166670000000124</v>
      </c>
      <c r="E453">
        <v>4.2744967705472474</v>
      </c>
      <c r="F453">
        <v>7.3333329999999961</v>
      </c>
      <c r="G453">
        <v>4.2416686591294601</v>
      </c>
    </row>
    <row r="454" spans="4:7" x14ac:dyDescent="0.25">
      <c r="D454">
        <v>7.5333340000000106</v>
      </c>
      <c r="E454">
        <v>4.274967405096894</v>
      </c>
      <c r="F454">
        <v>7.3500000000000085</v>
      </c>
      <c r="G454">
        <v>4.2420804751484669</v>
      </c>
    </row>
    <row r="455" spans="4:7" x14ac:dyDescent="0.25">
      <c r="D455">
        <v>7.5500000000000114</v>
      </c>
      <c r="E455">
        <v>4.2758948320035364</v>
      </c>
      <c r="F455">
        <v>7.3666670000000067</v>
      </c>
      <c r="G455">
        <v>4.2428919949506563</v>
      </c>
    </row>
    <row r="456" spans="4:7" x14ac:dyDescent="0.25">
      <c r="D456">
        <v>7.5666670000000096</v>
      </c>
      <c r="E456">
        <v>4.2763654665531829</v>
      </c>
      <c r="F456">
        <v>7.3833330000000075</v>
      </c>
      <c r="G456">
        <v>4.243303810969663</v>
      </c>
    </row>
    <row r="457" spans="4:7" x14ac:dyDescent="0.25">
      <c r="D457">
        <v>7.5833340000000078</v>
      </c>
      <c r="E457">
        <v>4.2768222589101912</v>
      </c>
      <c r="F457">
        <v>7.4000000000000057</v>
      </c>
      <c r="G457">
        <v>4.2441153307718311</v>
      </c>
    </row>
    <row r="458" spans="4:7" x14ac:dyDescent="0.25">
      <c r="D458">
        <v>7.6000000000000085</v>
      </c>
      <c r="E458">
        <v>4.2772928934598244</v>
      </c>
      <c r="F458">
        <v>7.4166670000000039</v>
      </c>
      <c r="G458">
        <v>4.244938962809865</v>
      </c>
    </row>
    <row r="459" spans="4:7" x14ac:dyDescent="0.25">
      <c r="D459">
        <v>7.6166670000000067</v>
      </c>
      <c r="E459">
        <v>4.2782203203664793</v>
      </c>
      <c r="F459">
        <v>7.4333330000000046</v>
      </c>
      <c r="G459">
        <v>4.2453386665930273</v>
      </c>
    </row>
    <row r="460" spans="4:7" x14ac:dyDescent="0.25">
      <c r="D460">
        <v>7.6333340000000049</v>
      </c>
      <c r="E460">
        <v>4.2786909549161258</v>
      </c>
      <c r="F460">
        <v>7.4500000000000028</v>
      </c>
      <c r="G460">
        <v>4.2461622986310399</v>
      </c>
    </row>
    <row r="461" spans="4:7" x14ac:dyDescent="0.25">
      <c r="D461">
        <v>7.6500000000000057</v>
      </c>
      <c r="E461">
        <v>4.2796183818227682</v>
      </c>
      <c r="F461">
        <v>7.4666670000000011</v>
      </c>
      <c r="G461">
        <v>4.2469738184332302</v>
      </c>
    </row>
    <row r="462" spans="4:7" x14ac:dyDescent="0.25">
      <c r="D462">
        <v>7.6666670000000039</v>
      </c>
      <c r="E462">
        <v>4.2800890163724148</v>
      </c>
      <c r="F462">
        <v>7.4833330000000018</v>
      </c>
      <c r="G462">
        <v>4.2473735222163915</v>
      </c>
    </row>
    <row r="463" spans="4:7" x14ac:dyDescent="0.25">
      <c r="D463">
        <v>7.6833340000000021</v>
      </c>
      <c r="E463">
        <v>4.2805596509220489</v>
      </c>
      <c r="F463">
        <v>7.5</v>
      </c>
      <c r="G463">
        <v>4.2481971542544041</v>
      </c>
    </row>
    <row r="464" spans="4:7" x14ac:dyDescent="0.25">
      <c r="D464">
        <v>7.7000000000000028</v>
      </c>
      <c r="E464">
        <v>4.2814870778287029</v>
      </c>
      <c r="F464">
        <v>7.5166669999999982</v>
      </c>
      <c r="G464">
        <v>4.2490086740565731</v>
      </c>
    </row>
    <row r="465" spans="4:7" x14ac:dyDescent="0.25">
      <c r="D465">
        <v>7.7166670000000011</v>
      </c>
      <c r="E465">
        <v>4.2819577123783379</v>
      </c>
      <c r="F465">
        <v>7.5333329999999989</v>
      </c>
      <c r="G465">
        <v>4.2494204900756003</v>
      </c>
    </row>
    <row r="466" spans="4:7" x14ac:dyDescent="0.25">
      <c r="D466">
        <v>7.7333340000000135</v>
      </c>
      <c r="E466">
        <v>4.2828851392849918</v>
      </c>
      <c r="F466">
        <v>7.5499999999999972</v>
      </c>
      <c r="G466">
        <v>4.2502320098777693</v>
      </c>
    </row>
    <row r="467" spans="4:7" x14ac:dyDescent="0.25">
      <c r="D467">
        <v>7.75</v>
      </c>
      <c r="E467">
        <v>4.2833557738346384</v>
      </c>
      <c r="F467">
        <v>7.5666670000000096</v>
      </c>
      <c r="G467">
        <v>4.2506438258967751</v>
      </c>
    </row>
    <row r="468" spans="4:7" x14ac:dyDescent="0.25">
      <c r="D468">
        <v>7.7666670000000124</v>
      </c>
      <c r="E468">
        <v>4.2838264083842725</v>
      </c>
      <c r="F468">
        <v>7.5833329999999961</v>
      </c>
      <c r="G468">
        <v>4.2514553456989654</v>
      </c>
    </row>
    <row r="469" spans="4:7" x14ac:dyDescent="0.25">
      <c r="D469">
        <v>7.7833340000000106</v>
      </c>
      <c r="E469">
        <v>4.2842832007412808</v>
      </c>
      <c r="F469">
        <v>7.6000000000000085</v>
      </c>
      <c r="G469">
        <v>4.2522668655011335</v>
      </c>
    </row>
    <row r="470" spans="4:7" x14ac:dyDescent="0.25">
      <c r="D470">
        <v>7.8000000000000114</v>
      </c>
      <c r="E470">
        <v>4.2847538352909273</v>
      </c>
      <c r="F470">
        <v>7.6166670000000067</v>
      </c>
      <c r="G470">
        <v>4.2526786815201394</v>
      </c>
    </row>
    <row r="471" spans="4:7" x14ac:dyDescent="0.25">
      <c r="D471">
        <v>7.8166670000000096</v>
      </c>
      <c r="E471">
        <v>4.2856812621975697</v>
      </c>
      <c r="F471">
        <v>7.6333330000000075</v>
      </c>
      <c r="G471">
        <v>4.2534902013223084</v>
      </c>
    </row>
    <row r="472" spans="4:7" x14ac:dyDescent="0.25">
      <c r="D472">
        <v>7.8333340000000078</v>
      </c>
      <c r="E472">
        <v>4.2861518967472163</v>
      </c>
      <c r="F472">
        <v>7.6500000000000057</v>
      </c>
      <c r="G472">
        <v>4.2539020173413364</v>
      </c>
    </row>
    <row r="473" spans="4:7" x14ac:dyDescent="0.25">
      <c r="D473">
        <v>7.8500000000000085</v>
      </c>
      <c r="E473">
        <v>4.2866225312968496</v>
      </c>
      <c r="F473">
        <v>7.6666670000000039</v>
      </c>
      <c r="G473">
        <v>4.2547135371435045</v>
      </c>
    </row>
    <row r="474" spans="4:7" x14ac:dyDescent="0.25">
      <c r="D474">
        <v>7.8666670000000067</v>
      </c>
      <c r="E474">
        <v>4.2870793236538587</v>
      </c>
      <c r="F474">
        <v>7.6833330000000046</v>
      </c>
      <c r="G474">
        <v>4.2555371691815385</v>
      </c>
    </row>
    <row r="475" spans="4:7" x14ac:dyDescent="0.25">
      <c r="D475">
        <v>7.8833340000000049</v>
      </c>
      <c r="E475">
        <v>4.2875499582035053</v>
      </c>
      <c r="F475">
        <v>7.7000000000000028</v>
      </c>
      <c r="G475">
        <v>4.2559368729646794</v>
      </c>
    </row>
    <row r="476" spans="4:7" x14ac:dyDescent="0.25">
      <c r="D476">
        <v>7.9000000000000057</v>
      </c>
      <c r="E476">
        <v>4.2880205927531518</v>
      </c>
      <c r="F476">
        <v>7.7166670000000011</v>
      </c>
      <c r="G476">
        <v>4.2567605050027133</v>
      </c>
    </row>
    <row r="477" spans="4:7" x14ac:dyDescent="0.25">
      <c r="D477">
        <v>7.9166670000000039</v>
      </c>
      <c r="E477">
        <v>4.2884773851101468</v>
      </c>
      <c r="F477">
        <v>7.7333330000000018</v>
      </c>
      <c r="G477">
        <v>4.2571602087858755</v>
      </c>
    </row>
    <row r="478" spans="4:7" x14ac:dyDescent="0.25">
      <c r="D478">
        <v>7.9333340000000021</v>
      </c>
      <c r="E478">
        <v>4.2889480196597933</v>
      </c>
      <c r="F478">
        <v>7.75</v>
      </c>
      <c r="G478">
        <v>4.2579838408239095</v>
      </c>
    </row>
    <row r="479" spans="4:7" x14ac:dyDescent="0.25">
      <c r="D479">
        <v>7.9500000000000028</v>
      </c>
      <c r="E479">
        <v>4.2894186542094399</v>
      </c>
      <c r="F479">
        <v>7.7666669999999982</v>
      </c>
      <c r="G479">
        <v>4.2583835446070717</v>
      </c>
    </row>
    <row r="480" spans="4:7" x14ac:dyDescent="0.25">
      <c r="D480">
        <v>7.9666670000000011</v>
      </c>
      <c r="E480">
        <v>4.2903460811160823</v>
      </c>
      <c r="F480">
        <v>7.7833329999999989</v>
      </c>
      <c r="G480">
        <v>4.2587953606260784</v>
      </c>
    </row>
    <row r="481" spans="4:7" x14ac:dyDescent="0.25">
      <c r="D481">
        <v>7.9833340000000135</v>
      </c>
      <c r="E481">
        <v>4.2908167156657289</v>
      </c>
      <c r="F481">
        <v>7.7999999999999972</v>
      </c>
      <c r="G481">
        <v>4.2596068804282456</v>
      </c>
    </row>
    <row r="482" spans="4:7" x14ac:dyDescent="0.25">
      <c r="D482">
        <v>8</v>
      </c>
      <c r="E482">
        <v>4.2912735080227371</v>
      </c>
      <c r="F482">
        <v>7.8166670000000096</v>
      </c>
      <c r="G482">
        <v>4.2600186964472524</v>
      </c>
    </row>
    <row r="483" spans="4:7" x14ac:dyDescent="0.25">
      <c r="D483">
        <v>8.0166670000000124</v>
      </c>
      <c r="E483">
        <v>4.2917441425723704</v>
      </c>
      <c r="F483">
        <v>7.8333329999999961</v>
      </c>
      <c r="G483">
        <v>4.2608302162494427</v>
      </c>
    </row>
    <row r="484" spans="4:7" x14ac:dyDescent="0.25">
      <c r="D484">
        <v>8.0333340000000106</v>
      </c>
      <c r="E484">
        <v>4.2926715694790261</v>
      </c>
      <c r="F484">
        <v>7.8500000000000085</v>
      </c>
      <c r="G484">
        <v>4.2616417360516108</v>
      </c>
    </row>
    <row r="485" spans="4:7" x14ac:dyDescent="0.25">
      <c r="D485">
        <v>8.0500000000000114</v>
      </c>
      <c r="E485">
        <v>4.2931422040286593</v>
      </c>
      <c r="F485">
        <v>7.8666670000000067</v>
      </c>
      <c r="G485">
        <v>4.2620535520706175</v>
      </c>
    </row>
    <row r="486" spans="4:7" x14ac:dyDescent="0.25">
      <c r="D486">
        <v>8.0666670000000096</v>
      </c>
      <c r="E486">
        <v>4.2940696309353141</v>
      </c>
      <c r="F486">
        <v>7.8833330000000075</v>
      </c>
      <c r="G486">
        <v>4.2628650718727856</v>
      </c>
    </row>
    <row r="487" spans="4:7" x14ac:dyDescent="0.25">
      <c r="D487">
        <v>8.0833340000000078</v>
      </c>
      <c r="E487">
        <v>4.2945402654849492</v>
      </c>
      <c r="F487">
        <v>7.9000000000000057</v>
      </c>
      <c r="G487">
        <v>4.2632768878918137</v>
      </c>
    </row>
    <row r="488" spans="4:7" x14ac:dyDescent="0.25">
      <c r="D488">
        <v>8.1000000000000085</v>
      </c>
      <c r="E488">
        <v>4.2950109000345948</v>
      </c>
      <c r="F488">
        <v>7.9166670000000039</v>
      </c>
      <c r="G488">
        <v>4.2636887039108196</v>
      </c>
    </row>
    <row r="489" spans="4:7" x14ac:dyDescent="0.25">
      <c r="D489">
        <v>8.1166670000000067</v>
      </c>
      <c r="E489">
        <v>4.2954676923916031</v>
      </c>
      <c r="F489">
        <v>7.9333330000000046</v>
      </c>
      <c r="G489">
        <v>4.2645002237129876</v>
      </c>
    </row>
    <row r="490" spans="4:7" x14ac:dyDescent="0.25">
      <c r="D490">
        <v>8.1333340000000049</v>
      </c>
      <c r="E490">
        <v>4.2959383269412372</v>
      </c>
      <c r="F490">
        <v>7.9500000000000028</v>
      </c>
      <c r="G490">
        <v>4.2649120397320157</v>
      </c>
    </row>
    <row r="491" spans="4:7" x14ac:dyDescent="0.25">
      <c r="D491">
        <v>8.1500000000000057</v>
      </c>
      <c r="E491">
        <v>4.2964089614908838</v>
      </c>
      <c r="F491">
        <v>7.9666670000000011</v>
      </c>
      <c r="G491">
        <v>4.2657235595341838</v>
      </c>
    </row>
    <row r="492" spans="4:7" x14ac:dyDescent="0.25">
      <c r="D492">
        <v>8.1666670000000039</v>
      </c>
      <c r="E492">
        <v>4.2968657538478912</v>
      </c>
      <c r="F492">
        <v>7.9833330000000018</v>
      </c>
      <c r="G492">
        <v>4.2661353755531906</v>
      </c>
    </row>
    <row r="493" spans="4:7" x14ac:dyDescent="0.25">
      <c r="D493">
        <v>8.1833340000000021</v>
      </c>
      <c r="E493">
        <v>4.2978070229471728</v>
      </c>
      <c r="F493">
        <v>8</v>
      </c>
      <c r="G493">
        <v>4.2669468953553595</v>
      </c>
    </row>
    <row r="494" spans="4:7" x14ac:dyDescent="0.25">
      <c r="D494">
        <v>8.2000000000000028</v>
      </c>
      <c r="E494">
        <v>4.2982638153041801</v>
      </c>
      <c r="F494">
        <v>8.0166669999999982</v>
      </c>
      <c r="G494">
        <v>4.2673587113743867</v>
      </c>
    </row>
    <row r="495" spans="4:7" x14ac:dyDescent="0.25">
      <c r="D495">
        <v>8.2166670000000011</v>
      </c>
      <c r="E495">
        <v>4.2987344498538267</v>
      </c>
      <c r="F495">
        <v>8.0333329999999989</v>
      </c>
      <c r="G495">
        <v>4.2677584151575489</v>
      </c>
    </row>
    <row r="496" spans="4:7" x14ac:dyDescent="0.25">
      <c r="D496">
        <v>8.2333340000000135</v>
      </c>
      <c r="E496">
        <v>4.2992050844034608</v>
      </c>
      <c r="F496">
        <v>8.0499999999999972</v>
      </c>
      <c r="G496">
        <v>4.2685820471955616</v>
      </c>
    </row>
    <row r="497" spans="4:7" x14ac:dyDescent="0.25">
      <c r="D497">
        <v>8.25</v>
      </c>
      <c r="E497">
        <v>4.2996618767604691</v>
      </c>
      <c r="F497">
        <v>8.0666670000000096</v>
      </c>
      <c r="G497">
        <v>4.2689817509787238</v>
      </c>
    </row>
    <row r="498" spans="4:7" x14ac:dyDescent="0.25">
      <c r="D498">
        <v>8.2666670000000124</v>
      </c>
      <c r="E498">
        <v>4.3001325113101156</v>
      </c>
      <c r="F498">
        <v>8.0833329999999961</v>
      </c>
      <c r="G498">
        <v>4.2698053830167577</v>
      </c>
    </row>
    <row r="499" spans="4:7" x14ac:dyDescent="0.25">
      <c r="D499">
        <v>8.2833340000000106</v>
      </c>
      <c r="E499">
        <v>4.3006031458597498</v>
      </c>
      <c r="F499">
        <v>8.1000000000000085</v>
      </c>
      <c r="G499">
        <v>4.2702050867999199</v>
      </c>
    </row>
    <row r="500" spans="4:7" x14ac:dyDescent="0.25">
      <c r="D500">
        <v>8.3000000000000114</v>
      </c>
      <c r="E500">
        <v>4.301059938216758</v>
      </c>
      <c r="F500">
        <v>8.1166670000000067</v>
      </c>
      <c r="G500">
        <v>4.2710287188379326</v>
      </c>
    </row>
    <row r="501" spans="4:7" x14ac:dyDescent="0.25">
      <c r="D501">
        <v>8.3166670000000096</v>
      </c>
      <c r="E501">
        <v>4.3015305727664046</v>
      </c>
      <c r="F501">
        <v>8.1333330000000075</v>
      </c>
      <c r="G501">
        <v>4.2714284226210948</v>
      </c>
    </row>
    <row r="502" spans="4:7" x14ac:dyDescent="0.25">
      <c r="D502">
        <v>8.3333340000000078</v>
      </c>
      <c r="E502">
        <v>4.3024718418656853</v>
      </c>
      <c r="F502">
        <v>8.1500000000000057</v>
      </c>
      <c r="G502">
        <v>4.2722520546591287</v>
      </c>
    </row>
    <row r="503" spans="4:7" x14ac:dyDescent="0.25">
      <c r="D503">
        <v>8.3500000000000085</v>
      </c>
      <c r="E503">
        <v>4.3029286342226936</v>
      </c>
      <c r="F503">
        <v>8.1666670000000039</v>
      </c>
      <c r="G503">
        <v>4.2726517584422901</v>
      </c>
    </row>
    <row r="504" spans="4:7" x14ac:dyDescent="0.25">
      <c r="D504">
        <v>8.3666670000000067</v>
      </c>
      <c r="E504">
        <v>4.3033992687723401</v>
      </c>
      <c r="F504">
        <v>8.1833330000000046</v>
      </c>
      <c r="G504">
        <v>4.2734753904803036</v>
      </c>
    </row>
    <row r="505" spans="4:7" x14ac:dyDescent="0.25">
      <c r="D505">
        <v>8.3833340000000049</v>
      </c>
      <c r="E505">
        <v>4.3038699033219743</v>
      </c>
      <c r="F505">
        <v>8.2000000000000028</v>
      </c>
      <c r="G505">
        <v>4.274286910282493</v>
      </c>
    </row>
    <row r="506" spans="4:7" x14ac:dyDescent="0.25">
      <c r="D506">
        <v>8.4000000000000057</v>
      </c>
      <c r="E506">
        <v>4.3047973302286282</v>
      </c>
      <c r="F506">
        <v>8.2166670000000011</v>
      </c>
      <c r="G506">
        <v>4.2746866140656552</v>
      </c>
    </row>
    <row r="507" spans="4:7" x14ac:dyDescent="0.25">
      <c r="D507">
        <v>8.4166670000000039</v>
      </c>
      <c r="E507">
        <v>4.3052679647782623</v>
      </c>
      <c r="F507">
        <v>8.2333330000000018</v>
      </c>
      <c r="G507">
        <v>4.2755102461036678</v>
      </c>
    </row>
    <row r="508" spans="4:7" x14ac:dyDescent="0.25">
      <c r="D508">
        <v>8.4333340000000021</v>
      </c>
      <c r="E508">
        <v>4.3057247571352706</v>
      </c>
      <c r="F508">
        <v>8.25</v>
      </c>
      <c r="G508">
        <v>4.27590994988683</v>
      </c>
    </row>
    <row r="509" spans="4:7" x14ac:dyDescent="0.25">
      <c r="D509">
        <v>8.4500000000000028</v>
      </c>
      <c r="E509">
        <v>4.3061953916849172</v>
      </c>
      <c r="F509">
        <v>8.2666669999999982</v>
      </c>
      <c r="G509">
        <v>4.276733581924864</v>
      </c>
    </row>
    <row r="510" spans="4:7" x14ac:dyDescent="0.25">
      <c r="D510">
        <v>8.4666670000000011</v>
      </c>
      <c r="E510">
        <v>4.3066660262345637</v>
      </c>
      <c r="F510">
        <v>8.2833329999999989</v>
      </c>
      <c r="G510">
        <v>4.2771332857080262</v>
      </c>
    </row>
    <row r="511" spans="4:7" x14ac:dyDescent="0.25">
      <c r="D511">
        <v>8.4833340000000135</v>
      </c>
      <c r="E511">
        <v>4.3071228185915595</v>
      </c>
      <c r="F511">
        <v>8.2999999999999972</v>
      </c>
      <c r="G511">
        <v>4.2779569177460388</v>
      </c>
    </row>
    <row r="512" spans="4:7" x14ac:dyDescent="0.25">
      <c r="D512">
        <v>8.5</v>
      </c>
      <c r="E512">
        <v>4.3075934531412052</v>
      </c>
      <c r="F512">
        <v>8.3166670000000096</v>
      </c>
      <c r="G512">
        <v>4.278356621529201</v>
      </c>
    </row>
    <row r="513" spans="4:7" x14ac:dyDescent="0.25">
      <c r="D513">
        <v>8.5166670000000124</v>
      </c>
      <c r="E513">
        <v>4.3080640876908518</v>
      </c>
      <c r="F513">
        <v>8.3333329999999961</v>
      </c>
      <c r="G513">
        <v>4.279180253567235</v>
      </c>
    </row>
    <row r="514" spans="4:7" x14ac:dyDescent="0.25">
      <c r="D514">
        <v>8.5333340000000106</v>
      </c>
      <c r="E514">
        <v>4.3085208800478485</v>
      </c>
      <c r="F514">
        <v>8.3500000000000085</v>
      </c>
      <c r="G514">
        <v>4.2795799573503972</v>
      </c>
    </row>
    <row r="515" spans="4:7" x14ac:dyDescent="0.25">
      <c r="D515">
        <v>8.5500000000000114</v>
      </c>
      <c r="E515">
        <v>4.3089915145974951</v>
      </c>
      <c r="F515">
        <v>8.3666670000000067</v>
      </c>
      <c r="G515">
        <v>4.279991773369404</v>
      </c>
    </row>
    <row r="516" spans="4:7" x14ac:dyDescent="0.25">
      <c r="D516">
        <v>8.5666670000000096</v>
      </c>
      <c r="E516">
        <v>4.309918941504149</v>
      </c>
      <c r="F516">
        <v>8.3833330000000075</v>
      </c>
      <c r="G516">
        <v>4.2808032931715712</v>
      </c>
    </row>
    <row r="517" spans="4:7" x14ac:dyDescent="0.25">
      <c r="D517">
        <v>8.5833340000000078</v>
      </c>
      <c r="E517">
        <v>4.3103895760537831</v>
      </c>
      <c r="F517">
        <v>8.4000000000000057</v>
      </c>
      <c r="G517">
        <v>4.2812151091905992</v>
      </c>
    </row>
    <row r="518" spans="4:7" x14ac:dyDescent="0.25">
      <c r="D518">
        <v>8.6000000000000085</v>
      </c>
      <c r="E518">
        <v>4.3108602106034297</v>
      </c>
      <c r="F518">
        <v>8.4166670000000039</v>
      </c>
      <c r="G518">
        <v>4.2820266289927682</v>
      </c>
    </row>
    <row r="519" spans="4:7" x14ac:dyDescent="0.25">
      <c r="D519">
        <v>8.6166670000000067</v>
      </c>
      <c r="E519">
        <v>4.311317002960438</v>
      </c>
      <c r="F519">
        <v>8.4333330000000046</v>
      </c>
      <c r="G519">
        <v>4.2824384450117741</v>
      </c>
    </row>
    <row r="520" spans="4:7" x14ac:dyDescent="0.25">
      <c r="D520">
        <v>8.6333340000000049</v>
      </c>
      <c r="E520">
        <v>4.3122582720597187</v>
      </c>
      <c r="F520">
        <v>8.4500000000000028</v>
      </c>
      <c r="G520">
        <v>4.2828502610308021</v>
      </c>
    </row>
    <row r="521" spans="4:7" x14ac:dyDescent="0.25">
      <c r="D521">
        <v>8.6500000000000057</v>
      </c>
      <c r="E521">
        <v>4.312715064416726</v>
      </c>
      <c r="F521">
        <v>8.4666670000000011</v>
      </c>
      <c r="G521">
        <v>4.2836617808329702</v>
      </c>
    </row>
    <row r="522" spans="4:7" x14ac:dyDescent="0.25">
      <c r="D522">
        <v>8.6666670000000039</v>
      </c>
      <c r="E522">
        <v>4.3131856989663602</v>
      </c>
      <c r="F522">
        <v>8.4833330000000018</v>
      </c>
      <c r="G522">
        <v>4.284073596851977</v>
      </c>
    </row>
    <row r="523" spans="4:7" x14ac:dyDescent="0.25">
      <c r="D523">
        <v>8.6833340000000021</v>
      </c>
      <c r="E523">
        <v>4.3136563335160067</v>
      </c>
      <c r="F523">
        <v>8.5</v>
      </c>
      <c r="G523">
        <v>4.2844733006351383</v>
      </c>
    </row>
    <row r="524" spans="4:7" x14ac:dyDescent="0.25">
      <c r="D524">
        <v>8.7000000000000028</v>
      </c>
      <c r="E524">
        <v>4.3141131258730159</v>
      </c>
      <c r="F524">
        <v>8.5166669999999982</v>
      </c>
      <c r="G524">
        <v>4.2852969326731731</v>
      </c>
    </row>
    <row r="525" spans="4:7" x14ac:dyDescent="0.25">
      <c r="D525">
        <v>8.7166670000000011</v>
      </c>
      <c r="E525">
        <v>4.3150543949722957</v>
      </c>
      <c r="F525">
        <v>8.5333329999999989</v>
      </c>
      <c r="G525">
        <v>4.2856966364563345</v>
      </c>
    </row>
    <row r="526" spans="4:7" x14ac:dyDescent="0.25">
      <c r="D526">
        <v>8.7333340000000135</v>
      </c>
      <c r="E526">
        <v>4.3155111873293039</v>
      </c>
      <c r="F526">
        <v>8.5499999999999972</v>
      </c>
      <c r="G526">
        <v>4.2861084524753412</v>
      </c>
    </row>
    <row r="527" spans="4:7" x14ac:dyDescent="0.25">
      <c r="D527">
        <v>8.75</v>
      </c>
      <c r="E527">
        <v>4.3159818218789505</v>
      </c>
      <c r="F527">
        <v>8.5666670000000096</v>
      </c>
      <c r="G527">
        <v>4.2869199722775102</v>
      </c>
    </row>
    <row r="528" spans="4:7" x14ac:dyDescent="0.25">
      <c r="D528">
        <v>8.7666670000000124</v>
      </c>
      <c r="E528">
        <v>4.3164524564285847</v>
      </c>
      <c r="F528">
        <v>8.5833329999999961</v>
      </c>
      <c r="G528">
        <v>4.2873317882965161</v>
      </c>
    </row>
    <row r="529" spans="4:7" x14ac:dyDescent="0.25">
      <c r="D529">
        <v>8.7833340000000106</v>
      </c>
      <c r="E529">
        <v>4.3169092487855929</v>
      </c>
      <c r="F529">
        <v>8.6000000000000085</v>
      </c>
      <c r="G529">
        <v>4.2877314920796783</v>
      </c>
    </row>
    <row r="530" spans="4:7" x14ac:dyDescent="0.25">
      <c r="D530">
        <v>8.8000000000000114</v>
      </c>
      <c r="E530">
        <v>4.3173798833352395</v>
      </c>
      <c r="F530">
        <v>8.6166670000000067</v>
      </c>
      <c r="G530">
        <v>4.2885551241177122</v>
      </c>
    </row>
    <row r="531" spans="4:7" x14ac:dyDescent="0.25">
      <c r="D531">
        <v>8.8166670000000096</v>
      </c>
      <c r="E531">
        <v>4.3178505178848736</v>
      </c>
      <c r="F531">
        <v>8.6333330000000075</v>
      </c>
      <c r="G531">
        <v>4.2889548279008745</v>
      </c>
    </row>
    <row r="532" spans="4:7" x14ac:dyDescent="0.25">
      <c r="D532">
        <v>8.8333340000000078</v>
      </c>
      <c r="E532">
        <v>4.318307310241881</v>
      </c>
      <c r="F532">
        <v>8.6500000000000057</v>
      </c>
      <c r="G532">
        <v>4.2893666439198803</v>
      </c>
    </row>
    <row r="533" spans="4:7" x14ac:dyDescent="0.25">
      <c r="D533">
        <v>8.8500000000000085</v>
      </c>
      <c r="E533">
        <v>4.3187779447915275</v>
      </c>
      <c r="F533">
        <v>8.6666670000000039</v>
      </c>
      <c r="G533">
        <v>4.2897784599389084</v>
      </c>
    </row>
    <row r="534" spans="4:7" x14ac:dyDescent="0.25">
      <c r="D534">
        <v>8.8666670000000067</v>
      </c>
      <c r="E534">
        <v>4.3192485793411626</v>
      </c>
      <c r="F534">
        <v>8.6833330000000046</v>
      </c>
      <c r="G534">
        <v>4.2905899797410765</v>
      </c>
    </row>
    <row r="535" spans="4:7" x14ac:dyDescent="0.25">
      <c r="D535">
        <v>8.8833340000000049</v>
      </c>
      <c r="E535">
        <v>4.3197192138908092</v>
      </c>
      <c r="F535">
        <v>8.7000000000000028</v>
      </c>
      <c r="G535">
        <v>4.2910017957600832</v>
      </c>
    </row>
    <row r="536" spans="4:7" x14ac:dyDescent="0.25">
      <c r="D536">
        <v>8.9000000000000057</v>
      </c>
      <c r="E536">
        <v>4.3201760062478165</v>
      </c>
      <c r="F536">
        <v>8.7166670000000011</v>
      </c>
      <c r="G536">
        <v>4.2914014995432455</v>
      </c>
    </row>
    <row r="537" spans="4:7" x14ac:dyDescent="0.25">
      <c r="D537">
        <v>8.9166670000000039</v>
      </c>
      <c r="E537">
        <v>4.3206466407974631</v>
      </c>
      <c r="F537">
        <v>8.7333330000000018</v>
      </c>
      <c r="G537">
        <v>4.2922251315812794</v>
      </c>
    </row>
    <row r="538" spans="4:7" x14ac:dyDescent="0.25">
      <c r="D538">
        <v>8.9333340000000021</v>
      </c>
      <c r="E538">
        <v>4.3211172753470972</v>
      </c>
      <c r="F538">
        <v>8.75</v>
      </c>
      <c r="G538">
        <v>4.2926248353644416</v>
      </c>
    </row>
    <row r="539" spans="4:7" x14ac:dyDescent="0.25">
      <c r="D539">
        <v>8.9500000000000028</v>
      </c>
      <c r="E539">
        <v>4.3215740677041055</v>
      </c>
      <c r="F539">
        <v>8.7666669999999982</v>
      </c>
      <c r="G539">
        <v>4.2930366513834484</v>
      </c>
    </row>
    <row r="540" spans="4:7" x14ac:dyDescent="0.25">
      <c r="D540">
        <v>8.9666670000000011</v>
      </c>
      <c r="E540">
        <v>4.322044702253752</v>
      </c>
      <c r="F540">
        <v>8.7833329999999989</v>
      </c>
      <c r="G540">
        <v>4.2938481711856156</v>
      </c>
    </row>
    <row r="541" spans="4:7" x14ac:dyDescent="0.25">
      <c r="D541">
        <v>8.9833340000000135</v>
      </c>
      <c r="E541">
        <v>4.3225153368033862</v>
      </c>
      <c r="F541">
        <v>8.7999999999999972</v>
      </c>
      <c r="G541">
        <v>4.2942599872046223</v>
      </c>
    </row>
    <row r="542" spans="4:7" x14ac:dyDescent="0.25">
      <c r="D542">
        <v>9</v>
      </c>
      <c r="E542">
        <v>4.3229721291603944</v>
      </c>
      <c r="F542">
        <v>8.8166670000000096</v>
      </c>
      <c r="G542">
        <v>4.2946718032236504</v>
      </c>
    </row>
    <row r="543" spans="4:7" x14ac:dyDescent="0.25">
      <c r="D543">
        <v>9.0166670000000124</v>
      </c>
      <c r="E543">
        <v>4.323442763710041</v>
      </c>
      <c r="F543">
        <v>8.8333329999999961</v>
      </c>
      <c r="G543">
        <v>4.2954833230258185</v>
      </c>
    </row>
    <row r="544" spans="4:7" x14ac:dyDescent="0.25">
      <c r="D544">
        <v>9.0333340000000106</v>
      </c>
      <c r="E544">
        <v>4.3243701906166834</v>
      </c>
      <c r="F544">
        <v>8.8500000000000085</v>
      </c>
      <c r="G544">
        <v>4.2958951390448252</v>
      </c>
    </row>
    <row r="545" spans="4:7" x14ac:dyDescent="0.25">
      <c r="D545">
        <v>9.0500000000000114</v>
      </c>
      <c r="E545">
        <v>4.3248408251663299</v>
      </c>
      <c r="F545">
        <v>8.8666670000000067</v>
      </c>
      <c r="G545">
        <v>4.2962948428279875</v>
      </c>
    </row>
    <row r="546" spans="4:7" x14ac:dyDescent="0.25">
      <c r="D546">
        <v>9.0666670000000096</v>
      </c>
      <c r="E546">
        <v>4.3253114597159765</v>
      </c>
      <c r="F546">
        <v>8.8833330000000075</v>
      </c>
      <c r="G546">
        <v>4.2971184748660214</v>
      </c>
    </row>
    <row r="547" spans="4:7" x14ac:dyDescent="0.25">
      <c r="D547">
        <v>9.0833340000000078</v>
      </c>
      <c r="E547">
        <v>4.3257682520729714</v>
      </c>
      <c r="F547">
        <v>8.9000000000000057</v>
      </c>
      <c r="G547">
        <v>4.2975181786491827</v>
      </c>
    </row>
    <row r="548" spans="4:7" x14ac:dyDescent="0.25">
      <c r="D548">
        <v>9.1000000000000085</v>
      </c>
      <c r="E548">
        <v>4.326238886622618</v>
      </c>
      <c r="F548">
        <v>8.9166670000000039</v>
      </c>
      <c r="G548">
        <v>4.2979299946681895</v>
      </c>
    </row>
    <row r="549" spans="4:7" x14ac:dyDescent="0.25">
      <c r="D549">
        <v>9.1166670000000067</v>
      </c>
      <c r="E549">
        <v>4.3267095211722646</v>
      </c>
      <c r="F549">
        <v>8.9333330000000046</v>
      </c>
      <c r="G549">
        <v>4.2987415144703576</v>
      </c>
    </row>
    <row r="550" spans="4:7" x14ac:dyDescent="0.25">
      <c r="D550">
        <v>9.1333340000000049</v>
      </c>
      <c r="E550">
        <v>4.3271663135292604</v>
      </c>
      <c r="F550">
        <v>8.9500000000000028</v>
      </c>
      <c r="G550">
        <v>4.2991533304893856</v>
      </c>
    </row>
    <row r="551" spans="4:7" x14ac:dyDescent="0.25">
      <c r="D551">
        <v>9.1500000000000057</v>
      </c>
      <c r="E551">
        <v>4.327636948078907</v>
      </c>
      <c r="F551">
        <v>8.9666670000000011</v>
      </c>
      <c r="G551">
        <v>4.2995651465083915</v>
      </c>
    </row>
    <row r="552" spans="4:7" x14ac:dyDescent="0.25">
      <c r="D552">
        <v>9.1666670000000039</v>
      </c>
      <c r="E552">
        <v>4.3281075826285536</v>
      </c>
      <c r="F552">
        <v>8.9833330000000018</v>
      </c>
      <c r="G552">
        <v>4.3003766663105605</v>
      </c>
    </row>
    <row r="553" spans="4:7" x14ac:dyDescent="0.25">
      <c r="D553">
        <v>9.1833340000000021</v>
      </c>
      <c r="E553">
        <v>4.3285643749855618</v>
      </c>
      <c r="F553">
        <v>9</v>
      </c>
      <c r="G553">
        <v>4.3007884823295885</v>
      </c>
    </row>
    <row r="554" spans="4:7" x14ac:dyDescent="0.25">
      <c r="D554">
        <v>9.2000000000000028</v>
      </c>
      <c r="E554">
        <v>4.329035009535195</v>
      </c>
      <c r="F554">
        <v>9.0166669999999982</v>
      </c>
      <c r="G554">
        <v>4.3011881861127286</v>
      </c>
    </row>
    <row r="555" spans="4:7" x14ac:dyDescent="0.25">
      <c r="D555">
        <v>9.2166670000000011</v>
      </c>
      <c r="E555">
        <v>4.3299624364418507</v>
      </c>
      <c r="F555">
        <v>9.0333329999999989</v>
      </c>
      <c r="G555">
        <v>4.3019997059149189</v>
      </c>
    </row>
    <row r="556" spans="4:7" x14ac:dyDescent="0.25">
      <c r="D556">
        <v>9.2333340000000135</v>
      </c>
      <c r="E556">
        <v>4.330433070991484</v>
      </c>
      <c r="F556">
        <v>9.0499999999999972</v>
      </c>
      <c r="G556">
        <v>4.3024115219339247</v>
      </c>
    </row>
    <row r="557" spans="4:7" x14ac:dyDescent="0.25">
      <c r="D557">
        <v>9.25</v>
      </c>
      <c r="E557">
        <v>4.3309037055411306</v>
      </c>
      <c r="F557">
        <v>9.0666670000000096</v>
      </c>
      <c r="G557">
        <v>4.3028233379529315</v>
      </c>
    </row>
    <row r="558" spans="4:7" x14ac:dyDescent="0.25">
      <c r="D558">
        <v>9.2666670000000124</v>
      </c>
      <c r="E558">
        <v>4.3313604978981388</v>
      </c>
      <c r="F558">
        <v>9.0833329999999961</v>
      </c>
      <c r="G558">
        <v>4.3036348577551209</v>
      </c>
    </row>
    <row r="559" spans="4:7" x14ac:dyDescent="0.25">
      <c r="D559">
        <v>9.2833340000000106</v>
      </c>
      <c r="E559">
        <v>4.3323017669974195</v>
      </c>
      <c r="F559">
        <v>9.1000000000000085</v>
      </c>
      <c r="G559">
        <v>4.3040466737741276</v>
      </c>
    </row>
    <row r="560" spans="4:7" x14ac:dyDescent="0.25">
      <c r="D560">
        <v>9.3000000000000114</v>
      </c>
      <c r="E560">
        <v>4.3327585593544278</v>
      </c>
      <c r="F560">
        <v>9.1166670000000067</v>
      </c>
      <c r="G560">
        <v>4.3044463775572899</v>
      </c>
    </row>
    <row r="561" spans="4:7" x14ac:dyDescent="0.25">
      <c r="D561">
        <v>9.3166670000000096</v>
      </c>
      <c r="E561">
        <v>4.3332291939040744</v>
      </c>
      <c r="F561">
        <v>9.1333330000000075</v>
      </c>
      <c r="G561">
        <v>4.3048581935762957</v>
      </c>
    </row>
    <row r="562" spans="4:7" x14ac:dyDescent="0.25">
      <c r="D562">
        <v>9.3333340000000078</v>
      </c>
      <c r="E562">
        <v>4.3336998284537085</v>
      </c>
      <c r="F562">
        <v>9.1500000000000057</v>
      </c>
      <c r="G562">
        <v>4.3056697133784638</v>
      </c>
    </row>
    <row r="563" spans="4:7" x14ac:dyDescent="0.25">
      <c r="D563">
        <v>9.3500000000000085</v>
      </c>
      <c r="E563">
        <v>4.3341566208107158</v>
      </c>
      <c r="F563">
        <v>9.1666670000000039</v>
      </c>
      <c r="G563">
        <v>4.3060815293974919</v>
      </c>
    </row>
    <row r="564" spans="4:7" x14ac:dyDescent="0.25">
      <c r="D564">
        <v>9.3666670000000067</v>
      </c>
      <c r="E564">
        <v>4.3346272553603624</v>
      </c>
      <c r="F564">
        <v>9.1833330000000046</v>
      </c>
      <c r="G564">
        <v>4.3064933454164986</v>
      </c>
    </row>
    <row r="565" spans="4:7" x14ac:dyDescent="0.25">
      <c r="D565">
        <v>9.3833340000000049</v>
      </c>
      <c r="E565">
        <v>4.3350978899099974</v>
      </c>
      <c r="F565">
        <v>9.2000000000000028</v>
      </c>
      <c r="G565">
        <v>4.30689304919966</v>
      </c>
    </row>
    <row r="566" spans="4:7" x14ac:dyDescent="0.25">
      <c r="D566">
        <v>9.4000000000000057</v>
      </c>
      <c r="E566">
        <v>4.3355546822670048</v>
      </c>
      <c r="F566">
        <v>9.2166670000000011</v>
      </c>
      <c r="G566">
        <v>4.3073048652186667</v>
      </c>
    </row>
    <row r="567" spans="4:7" x14ac:dyDescent="0.25">
      <c r="D567">
        <v>9.4166670000000039</v>
      </c>
      <c r="E567">
        <v>4.3360253168166514</v>
      </c>
      <c r="F567">
        <v>9.2333330000000018</v>
      </c>
      <c r="G567">
        <v>4.3077166812376948</v>
      </c>
    </row>
    <row r="568" spans="4:7" x14ac:dyDescent="0.25">
      <c r="D568">
        <v>9.4333340000000021</v>
      </c>
      <c r="E568">
        <v>4.3364959513662855</v>
      </c>
      <c r="F568">
        <v>9.25</v>
      </c>
      <c r="G568">
        <v>4.3085282010398629</v>
      </c>
    </row>
    <row r="569" spans="4:7" x14ac:dyDescent="0.25">
      <c r="D569">
        <v>9.4500000000000028</v>
      </c>
      <c r="E569">
        <v>4.3369527437232938</v>
      </c>
      <c r="F569">
        <v>9.2666669999999982</v>
      </c>
      <c r="G569">
        <v>4.3089400170588696</v>
      </c>
    </row>
    <row r="570" spans="4:7" x14ac:dyDescent="0.25">
      <c r="D570">
        <v>9.4666670000000011</v>
      </c>
      <c r="E570">
        <v>4.3374233782729403</v>
      </c>
      <c r="F570">
        <v>9.2833329999999989</v>
      </c>
      <c r="G570">
        <v>4.309339720842031</v>
      </c>
    </row>
    <row r="571" spans="4:7" x14ac:dyDescent="0.25">
      <c r="D571">
        <v>9.4833340000000135</v>
      </c>
      <c r="E571">
        <v>4.3378940128225745</v>
      </c>
      <c r="F571">
        <v>9.2999999999999972</v>
      </c>
      <c r="G571">
        <v>4.3097515368610377</v>
      </c>
    </row>
    <row r="572" spans="4:7" x14ac:dyDescent="0.25">
      <c r="D572">
        <v>9.5</v>
      </c>
      <c r="E572">
        <v>4.3383646473722211</v>
      </c>
      <c r="F572">
        <v>9.3166670000000096</v>
      </c>
      <c r="G572">
        <v>4.3105630566632271</v>
      </c>
    </row>
    <row r="573" spans="4:7" x14ac:dyDescent="0.25">
      <c r="D573">
        <v>9.5166670000000124</v>
      </c>
      <c r="E573">
        <v>4.3388214397292293</v>
      </c>
      <c r="F573">
        <v>9.3333329999999961</v>
      </c>
      <c r="G573">
        <v>4.3109748726822339</v>
      </c>
    </row>
    <row r="574" spans="4:7" x14ac:dyDescent="0.25">
      <c r="D574">
        <v>9.5333340000000106</v>
      </c>
      <c r="E574">
        <v>4.3392920742788759</v>
      </c>
      <c r="F574">
        <v>9.3500000000000085</v>
      </c>
      <c r="G574">
        <v>4.3113866887012398</v>
      </c>
    </row>
    <row r="575" spans="4:7" x14ac:dyDescent="0.25">
      <c r="D575">
        <v>9.5500000000000114</v>
      </c>
      <c r="E575">
        <v>4.3397627088285091</v>
      </c>
      <c r="F575">
        <v>9.3666670000000067</v>
      </c>
      <c r="G575">
        <v>4.311786392484402</v>
      </c>
    </row>
    <row r="576" spans="4:7" x14ac:dyDescent="0.25">
      <c r="D576">
        <v>9.5666670000000096</v>
      </c>
      <c r="E576">
        <v>4.3397627088285091</v>
      </c>
      <c r="F576">
        <v>9.3833330000000075</v>
      </c>
      <c r="G576">
        <v>4.3121982085034087</v>
      </c>
    </row>
    <row r="577" spans="4:7" x14ac:dyDescent="0.25">
      <c r="D577">
        <v>9.5833340000000078</v>
      </c>
      <c r="E577">
        <v>4.3402195011855174</v>
      </c>
      <c r="F577">
        <v>9.4000000000000057</v>
      </c>
      <c r="G577">
        <v>4.3126100245224359</v>
      </c>
    </row>
    <row r="578" spans="4:7" x14ac:dyDescent="0.25">
      <c r="D578">
        <v>9.6000000000000085</v>
      </c>
      <c r="E578">
        <v>4.3406901357351648</v>
      </c>
      <c r="F578">
        <v>9.4166670000000039</v>
      </c>
      <c r="G578">
        <v>4.313009728305599</v>
      </c>
    </row>
    <row r="579" spans="4:7" x14ac:dyDescent="0.25">
      <c r="D579">
        <v>9.6166670000000067</v>
      </c>
      <c r="E579">
        <v>4.341160770284799</v>
      </c>
      <c r="F579">
        <v>9.4333330000000046</v>
      </c>
      <c r="G579">
        <v>4.3134215443246049</v>
      </c>
    </row>
    <row r="580" spans="4:7" x14ac:dyDescent="0.25">
      <c r="D580">
        <v>9.6333340000000049</v>
      </c>
      <c r="E580">
        <v>4.3416175626418063</v>
      </c>
      <c r="F580">
        <v>9.4500000000000028</v>
      </c>
      <c r="G580">
        <v>4.3138333603436116</v>
      </c>
    </row>
    <row r="581" spans="4:7" x14ac:dyDescent="0.25">
      <c r="D581">
        <v>9.6500000000000057</v>
      </c>
      <c r="E581">
        <v>4.3420881971914529</v>
      </c>
      <c r="F581">
        <v>9.4666670000000011</v>
      </c>
      <c r="G581">
        <v>4.3146448801458011</v>
      </c>
    </row>
    <row r="582" spans="4:7" x14ac:dyDescent="0.25">
      <c r="D582">
        <v>9.6666670000000039</v>
      </c>
      <c r="E582">
        <v>4.3420881971914529</v>
      </c>
      <c r="F582">
        <v>9.4833330000000018</v>
      </c>
      <c r="G582">
        <v>4.315044583928942</v>
      </c>
    </row>
    <row r="583" spans="4:7" x14ac:dyDescent="0.25">
      <c r="D583">
        <v>9.6833340000000021</v>
      </c>
      <c r="E583">
        <v>4.342558831741087</v>
      </c>
      <c r="F583">
        <v>9.5</v>
      </c>
      <c r="G583">
        <v>4.3154563999479691</v>
      </c>
    </row>
    <row r="584" spans="4:7" x14ac:dyDescent="0.25">
      <c r="D584">
        <v>9.7000000000000028</v>
      </c>
      <c r="E584">
        <v>4.3430156240980953</v>
      </c>
      <c r="F584">
        <v>9.5166669999999982</v>
      </c>
      <c r="G584">
        <v>4.3158682159669759</v>
      </c>
    </row>
    <row r="585" spans="4:7" x14ac:dyDescent="0.25">
      <c r="D585">
        <v>9.7166670000000011</v>
      </c>
      <c r="E585">
        <v>4.3434862586477418</v>
      </c>
      <c r="F585">
        <v>9.5333329999999989</v>
      </c>
      <c r="G585">
        <v>4.3162679197501381</v>
      </c>
    </row>
    <row r="586" spans="4:7" x14ac:dyDescent="0.25">
      <c r="D586">
        <v>9.7333340000000135</v>
      </c>
      <c r="E586">
        <v>4.3434862586477418</v>
      </c>
      <c r="F586">
        <v>9.5499999999999972</v>
      </c>
      <c r="G586">
        <v>4.3170915517881721</v>
      </c>
    </row>
    <row r="587" spans="4:7" x14ac:dyDescent="0.25">
      <c r="D587">
        <v>9.75</v>
      </c>
      <c r="E587">
        <v>4.3439568931973884</v>
      </c>
      <c r="F587">
        <v>9.5666670000000096</v>
      </c>
      <c r="G587">
        <v>4.3174912555713343</v>
      </c>
    </row>
    <row r="588" spans="4:7" x14ac:dyDescent="0.25">
      <c r="D588">
        <v>9.7666670000000124</v>
      </c>
      <c r="E588">
        <v>4.3444136855543842</v>
      </c>
      <c r="F588">
        <v>9.5833329999999961</v>
      </c>
      <c r="G588">
        <v>4.3179030715903401</v>
      </c>
    </row>
    <row r="589" spans="4:7" x14ac:dyDescent="0.25">
      <c r="D589">
        <v>9.7833340000000106</v>
      </c>
      <c r="E589">
        <v>4.3448843201040299</v>
      </c>
      <c r="F589">
        <v>9.6000000000000085</v>
      </c>
      <c r="G589">
        <v>4.3183148876093469</v>
      </c>
    </row>
    <row r="590" spans="4:7" x14ac:dyDescent="0.25">
      <c r="D590">
        <v>9.8000000000000114</v>
      </c>
      <c r="E590">
        <v>4.3448843201040299</v>
      </c>
      <c r="F590">
        <v>9.6166670000000067</v>
      </c>
      <c r="G590">
        <v>4.319126407411515</v>
      </c>
    </row>
    <row r="591" spans="4:7" x14ac:dyDescent="0.25">
      <c r="D591">
        <v>9.8166670000000096</v>
      </c>
      <c r="E591">
        <v>4.3453549546536765</v>
      </c>
      <c r="F591">
        <v>9.6333330000000075</v>
      </c>
      <c r="G591">
        <v>4.3195382234305431</v>
      </c>
    </row>
    <row r="592" spans="4:7" x14ac:dyDescent="0.25">
      <c r="D592">
        <v>9.8333340000000078</v>
      </c>
      <c r="E592">
        <v>4.3458117470106732</v>
      </c>
      <c r="F592">
        <v>9.6500000000000057</v>
      </c>
      <c r="G592">
        <v>4.3199379272137044</v>
      </c>
    </row>
    <row r="593" spans="4:7" x14ac:dyDescent="0.25">
      <c r="D593">
        <v>9.8500000000000085</v>
      </c>
      <c r="E593">
        <v>4.3462823815603198</v>
      </c>
      <c r="F593">
        <v>9.6666670000000039</v>
      </c>
      <c r="G593">
        <v>4.3203497432327111</v>
      </c>
    </row>
    <row r="594" spans="4:7" x14ac:dyDescent="0.25">
      <c r="D594">
        <v>9.8666670000000067</v>
      </c>
      <c r="E594">
        <v>4.3467530161099655</v>
      </c>
      <c r="F594">
        <v>9.6833330000000046</v>
      </c>
      <c r="G594">
        <v>4.3211612630348801</v>
      </c>
    </row>
    <row r="595" spans="4:7" x14ac:dyDescent="0.25">
      <c r="D595">
        <v>9.8833340000000049</v>
      </c>
      <c r="E595">
        <v>4.3472098084669737</v>
      </c>
      <c r="F595">
        <v>9.7000000000000028</v>
      </c>
      <c r="G595">
        <v>4.321573079053886</v>
      </c>
    </row>
    <row r="596" spans="4:7" x14ac:dyDescent="0.25">
      <c r="D596">
        <v>9.9000000000000057</v>
      </c>
      <c r="E596">
        <v>4.3476804430166078</v>
      </c>
      <c r="F596">
        <v>9.7166670000000011</v>
      </c>
      <c r="G596">
        <v>4.3219848950729141</v>
      </c>
    </row>
    <row r="597" spans="4:7" x14ac:dyDescent="0.25">
      <c r="D597">
        <v>9.9166670000000039</v>
      </c>
      <c r="E597">
        <v>4.3481510775662544</v>
      </c>
      <c r="F597">
        <v>9.7333330000000018</v>
      </c>
      <c r="G597">
        <v>4.3223845988560754</v>
      </c>
    </row>
    <row r="598" spans="4:7" x14ac:dyDescent="0.25">
      <c r="D598">
        <v>9.9333340000000021</v>
      </c>
      <c r="E598">
        <v>4.3486078699232626</v>
      </c>
      <c r="F598">
        <v>9.75</v>
      </c>
      <c r="G598">
        <v>4.3227964148750821</v>
      </c>
    </row>
    <row r="599" spans="4:7" x14ac:dyDescent="0.25">
      <c r="D599">
        <v>9.9500000000000028</v>
      </c>
      <c r="E599">
        <v>4.3490785044728968</v>
      </c>
      <c r="F599">
        <v>9.7666669999999982</v>
      </c>
      <c r="G599">
        <v>4.3236079346772502</v>
      </c>
    </row>
    <row r="600" spans="4:7" x14ac:dyDescent="0.25">
      <c r="D600">
        <v>9.9666670000000011</v>
      </c>
      <c r="E600">
        <v>4.3495491390225434</v>
      </c>
      <c r="F600">
        <v>9.7833329999999989</v>
      </c>
      <c r="G600">
        <v>4.3240197506962783</v>
      </c>
    </row>
    <row r="601" spans="4:7" x14ac:dyDescent="0.25">
      <c r="D601">
        <v>9.9833340000000135</v>
      </c>
      <c r="E601">
        <v>4.3500059313795507</v>
      </c>
      <c r="F601">
        <v>9.7999999999999972</v>
      </c>
      <c r="G601">
        <v>4.3244315667152842</v>
      </c>
    </row>
    <row r="602" spans="4:7" x14ac:dyDescent="0.25">
      <c r="D602">
        <v>10</v>
      </c>
      <c r="E602">
        <v>4.3504765659291849</v>
      </c>
      <c r="F602">
        <v>9.8166670000000096</v>
      </c>
      <c r="G602">
        <v>4.3248312704984464</v>
      </c>
    </row>
    <row r="603" spans="4:7" x14ac:dyDescent="0.25">
      <c r="D603">
        <v>10.016667000000012</v>
      </c>
      <c r="E603">
        <v>4.3509472004788314</v>
      </c>
      <c r="F603">
        <v>9.8333329999999961</v>
      </c>
      <c r="G603">
        <v>4.3252430865174532</v>
      </c>
    </row>
    <row r="604" spans="4:7" x14ac:dyDescent="0.25">
      <c r="D604">
        <v>10.033334000000011</v>
      </c>
      <c r="E604">
        <v>4.3509472004788314</v>
      </c>
      <c r="F604">
        <v>9.8500000000000085</v>
      </c>
      <c r="G604">
        <v>4.325654902536459</v>
      </c>
    </row>
    <row r="605" spans="4:7" x14ac:dyDescent="0.25">
      <c r="D605">
        <v>10.050000000000011</v>
      </c>
      <c r="E605">
        <v>4.3514039928358406</v>
      </c>
      <c r="F605">
        <v>9.8666670000000067</v>
      </c>
      <c r="G605">
        <v>4.3264664223386493</v>
      </c>
    </row>
    <row r="606" spans="4:7" x14ac:dyDescent="0.25">
      <c r="D606">
        <v>10.06666700000001</v>
      </c>
      <c r="E606">
        <v>4.3518746273854862</v>
      </c>
      <c r="F606">
        <v>9.8833330000000075</v>
      </c>
      <c r="G606">
        <v>4.3268782383576561</v>
      </c>
    </row>
    <row r="607" spans="4:7" x14ac:dyDescent="0.25">
      <c r="D607">
        <v>10.083334000000008</v>
      </c>
      <c r="E607">
        <v>4.3523452619351204</v>
      </c>
      <c r="F607">
        <v>9.9000000000000057</v>
      </c>
      <c r="G607">
        <v>4.3272779421408174</v>
      </c>
    </row>
    <row r="608" spans="4:7" x14ac:dyDescent="0.25">
      <c r="D608">
        <v>10.100000000000009</v>
      </c>
      <c r="E608">
        <v>4.3528020542921286</v>
      </c>
      <c r="F608">
        <v>9.9166670000000039</v>
      </c>
      <c r="G608">
        <v>4.3276897581598233</v>
      </c>
    </row>
    <row r="609" spans="4:7" x14ac:dyDescent="0.25">
      <c r="D609">
        <v>10.116667000000007</v>
      </c>
      <c r="E609">
        <v>4.3532726888417752</v>
      </c>
      <c r="F609">
        <v>9.9333330000000046</v>
      </c>
      <c r="G609">
        <v>4.3281015741788522</v>
      </c>
    </row>
    <row r="610" spans="4:7" x14ac:dyDescent="0.25">
      <c r="D610">
        <v>10.133334000000005</v>
      </c>
      <c r="E610">
        <v>4.3537433233914093</v>
      </c>
      <c r="F610">
        <v>9.9500000000000028</v>
      </c>
      <c r="G610">
        <v>4.3285012779619922</v>
      </c>
    </row>
    <row r="611" spans="4:7" x14ac:dyDescent="0.25">
      <c r="D611">
        <v>10.150000000000006</v>
      </c>
      <c r="E611">
        <v>4.3542001157484176</v>
      </c>
      <c r="F611">
        <v>9.9666670000000011</v>
      </c>
      <c r="G611">
        <v>4.3289130939810203</v>
      </c>
    </row>
    <row r="612" spans="4:7" x14ac:dyDescent="0.25">
      <c r="D612">
        <v>10.166667000000004</v>
      </c>
      <c r="E612">
        <v>4.3546707502980642</v>
      </c>
      <c r="F612">
        <v>9.9833330000000018</v>
      </c>
      <c r="G612">
        <v>4.3293127977641825</v>
      </c>
    </row>
    <row r="613" spans="4:7" x14ac:dyDescent="0.25">
      <c r="D613">
        <v>10.183334000000002</v>
      </c>
      <c r="E613">
        <v>4.3551413848476983</v>
      </c>
      <c r="F613">
        <v>10</v>
      </c>
      <c r="G613">
        <v>4.3297246137831884</v>
      </c>
    </row>
    <row r="614" spans="4:7" x14ac:dyDescent="0.25">
      <c r="D614">
        <v>10.200000000000003</v>
      </c>
      <c r="E614">
        <v>4.3556120193973449</v>
      </c>
      <c r="F614">
        <v>10.016666999999998</v>
      </c>
      <c r="G614">
        <v>4.3301364298021952</v>
      </c>
    </row>
    <row r="615" spans="4:7" x14ac:dyDescent="0.25">
      <c r="D615">
        <v>10.216667000000001</v>
      </c>
      <c r="E615">
        <v>4.3560688117543522</v>
      </c>
      <c r="F615">
        <v>10.033332999999999</v>
      </c>
      <c r="G615">
        <v>4.3305361335853565</v>
      </c>
    </row>
    <row r="616" spans="4:7" x14ac:dyDescent="0.25">
      <c r="D616">
        <v>10.233334000000013</v>
      </c>
      <c r="E616">
        <v>4.3565394463039988</v>
      </c>
      <c r="F616">
        <v>10.049999999999997</v>
      </c>
      <c r="G616">
        <v>4.3309479496043846</v>
      </c>
    </row>
    <row r="617" spans="4:7" x14ac:dyDescent="0.25">
      <c r="D617">
        <v>10.25</v>
      </c>
      <c r="E617">
        <v>4.3565394463039988</v>
      </c>
      <c r="F617">
        <v>10.06666700000001</v>
      </c>
      <c r="G617">
        <v>4.3317594694065527</v>
      </c>
    </row>
    <row r="618" spans="4:7" x14ac:dyDescent="0.25">
      <c r="D618">
        <v>10.266667000000012</v>
      </c>
      <c r="E618">
        <v>4.3570100808536338</v>
      </c>
      <c r="F618">
        <v>10.083332999999996</v>
      </c>
      <c r="G618">
        <v>4.3321712854255594</v>
      </c>
    </row>
    <row r="619" spans="4:7" x14ac:dyDescent="0.25">
      <c r="D619">
        <v>10.283334000000011</v>
      </c>
      <c r="E619">
        <v>4.3570100808536338</v>
      </c>
      <c r="F619">
        <v>10.100000000000009</v>
      </c>
      <c r="G619">
        <v>4.3325831014445653</v>
      </c>
    </row>
    <row r="620" spans="4:7" x14ac:dyDescent="0.25">
      <c r="D620">
        <v>10.300000000000011</v>
      </c>
      <c r="E620">
        <v>4.3574668732106412</v>
      </c>
      <c r="F620">
        <v>10.116667000000007</v>
      </c>
      <c r="G620">
        <v>4.3329828052277275</v>
      </c>
    </row>
    <row r="621" spans="4:7" x14ac:dyDescent="0.25">
      <c r="D621">
        <v>10.31666700000001</v>
      </c>
      <c r="E621">
        <v>4.3574668732106412</v>
      </c>
      <c r="F621">
        <v>10.133333000000007</v>
      </c>
      <c r="G621">
        <v>4.3333946212467556</v>
      </c>
    </row>
    <row r="622" spans="4:7" x14ac:dyDescent="0.25">
      <c r="D622">
        <v>10.333334000000008</v>
      </c>
      <c r="E622">
        <v>4.3579375077602878</v>
      </c>
      <c r="F622">
        <v>10.150000000000006</v>
      </c>
      <c r="G622">
        <v>4.3342061410489237</v>
      </c>
    </row>
    <row r="623" spans="4:7" x14ac:dyDescent="0.25">
      <c r="D623">
        <v>10.350000000000009</v>
      </c>
      <c r="E623">
        <v>4.3579375077602878</v>
      </c>
      <c r="F623">
        <v>10.166667000000004</v>
      </c>
      <c r="G623">
        <v>4.3346179570679304</v>
      </c>
    </row>
    <row r="624" spans="4:7" x14ac:dyDescent="0.25">
      <c r="D624">
        <v>10.366667000000007</v>
      </c>
      <c r="E624">
        <v>4.3584081423099219</v>
      </c>
      <c r="F624">
        <v>10.183333000000005</v>
      </c>
      <c r="G624">
        <v>4.3350297730869585</v>
      </c>
    </row>
    <row r="625" spans="4:7" x14ac:dyDescent="0.25">
      <c r="D625">
        <v>10.383334000000005</v>
      </c>
      <c r="E625">
        <v>4.3584081423099219</v>
      </c>
      <c r="F625">
        <v>10.200000000000003</v>
      </c>
      <c r="G625">
        <v>4.3354294768700985</v>
      </c>
    </row>
    <row r="626" spans="4:7" x14ac:dyDescent="0.25">
      <c r="D626">
        <v>10.400000000000006</v>
      </c>
      <c r="E626">
        <v>4.3588649346669301</v>
      </c>
      <c r="F626">
        <v>10.216667000000001</v>
      </c>
      <c r="G626">
        <v>4.3358412928891266</v>
      </c>
    </row>
    <row r="627" spans="4:7" x14ac:dyDescent="0.25">
      <c r="D627">
        <v>10.416667000000004</v>
      </c>
      <c r="E627">
        <v>4.3588649346669301</v>
      </c>
      <c r="F627">
        <v>10.233333000000002</v>
      </c>
      <c r="G627">
        <v>4.3362531089081324</v>
      </c>
    </row>
    <row r="628" spans="4:7" x14ac:dyDescent="0.25">
      <c r="D628">
        <v>10.433334000000002</v>
      </c>
      <c r="E628">
        <v>4.3593355692165758</v>
      </c>
      <c r="F628">
        <v>10.25</v>
      </c>
      <c r="G628">
        <v>4.3366528126912947</v>
      </c>
    </row>
    <row r="629" spans="4:7" x14ac:dyDescent="0.25">
      <c r="D629">
        <v>10.450000000000003</v>
      </c>
      <c r="E629">
        <v>4.3598062037662109</v>
      </c>
      <c r="F629">
        <v>10.266666999999998</v>
      </c>
      <c r="G629">
        <v>4.3370646287103014</v>
      </c>
    </row>
    <row r="630" spans="4:7" x14ac:dyDescent="0.25">
      <c r="D630">
        <v>10.466667000000001</v>
      </c>
      <c r="E630">
        <v>4.3602629961232191</v>
      </c>
      <c r="F630">
        <v>10.283332999999999</v>
      </c>
      <c r="G630">
        <v>4.3374764447293286</v>
      </c>
    </row>
    <row r="631" spans="4:7" x14ac:dyDescent="0.25">
      <c r="D631">
        <v>10.483334000000013</v>
      </c>
      <c r="E631">
        <v>4.3612042652224989</v>
      </c>
      <c r="F631">
        <v>10.299999999999997</v>
      </c>
      <c r="G631">
        <v>4.3378761485124908</v>
      </c>
    </row>
    <row r="632" spans="4:7" x14ac:dyDescent="0.25">
      <c r="D632">
        <v>10.5</v>
      </c>
      <c r="E632">
        <v>4.3616610575795081</v>
      </c>
      <c r="F632">
        <v>10.31666700000001</v>
      </c>
      <c r="G632">
        <v>4.3382879645314976</v>
      </c>
    </row>
    <row r="633" spans="4:7" x14ac:dyDescent="0.25">
      <c r="D633">
        <v>10.516667000000012</v>
      </c>
      <c r="E633">
        <v>4.3626023266788012</v>
      </c>
      <c r="F633">
        <v>10.333332999999996</v>
      </c>
      <c r="G633">
        <v>4.3386997805505034</v>
      </c>
    </row>
    <row r="634" spans="4:7" x14ac:dyDescent="0.25">
      <c r="D634">
        <v>10.533334000000011</v>
      </c>
      <c r="E634">
        <v>4.3630591190357961</v>
      </c>
      <c r="F634">
        <v>10.350000000000009</v>
      </c>
      <c r="G634">
        <v>4.3395113003526724</v>
      </c>
    </row>
    <row r="635" spans="4:7" x14ac:dyDescent="0.25">
      <c r="D635">
        <v>10.550000000000011</v>
      </c>
      <c r="E635">
        <v>4.3635297535854427</v>
      </c>
      <c r="F635">
        <v>10.366667000000007</v>
      </c>
      <c r="G635">
        <v>4.3399231163717005</v>
      </c>
    </row>
    <row r="636" spans="4:7" x14ac:dyDescent="0.25">
      <c r="D636">
        <v>10.56666700000001</v>
      </c>
      <c r="E636">
        <v>4.3640003881350893</v>
      </c>
      <c r="F636">
        <v>10.383333000000007</v>
      </c>
      <c r="G636">
        <v>4.3403228201548618</v>
      </c>
    </row>
    <row r="637" spans="4:7" x14ac:dyDescent="0.25">
      <c r="D637">
        <v>10.583334000000008</v>
      </c>
      <c r="E637">
        <v>4.3644571804920851</v>
      </c>
      <c r="F637">
        <v>10.400000000000006</v>
      </c>
      <c r="G637">
        <v>4.3407346361738677</v>
      </c>
    </row>
    <row r="638" spans="4:7" x14ac:dyDescent="0.25">
      <c r="D638">
        <v>10.600000000000009</v>
      </c>
      <c r="E638">
        <v>4.3644571804920851</v>
      </c>
      <c r="F638">
        <v>10.416667000000004</v>
      </c>
      <c r="G638">
        <v>4.3411464521928744</v>
      </c>
    </row>
    <row r="639" spans="4:7" x14ac:dyDescent="0.25">
      <c r="D639">
        <v>10.616667000000007</v>
      </c>
      <c r="E639">
        <v>4.3649278150417317</v>
      </c>
      <c r="F639">
        <v>10.433333000000005</v>
      </c>
      <c r="G639">
        <v>4.3415461559760367</v>
      </c>
    </row>
    <row r="640" spans="4:7" x14ac:dyDescent="0.25">
      <c r="D640">
        <v>10.633334000000005</v>
      </c>
      <c r="E640">
        <v>4.3653984495913782</v>
      </c>
      <c r="F640">
        <v>10.450000000000003</v>
      </c>
      <c r="G640">
        <v>4.3419579719950647</v>
      </c>
    </row>
    <row r="641" spans="4:7" x14ac:dyDescent="0.25">
      <c r="D641">
        <v>10.650000000000006</v>
      </c>
      <c r="E641">
        <v>4.3658552419483865</v>
      </c>
      <c r="F641">
        <v>10.466667000000001</v>
      </c>
      <c r="G641">
        <v>4.3423576757782048</v>
      </c>
    </row>
    <row r="642" spans="4:7" x14ac:dyDescent="0.25">
      <c r="D642">
        <v>10.666667000000004</v>
      </c>
      <c r="E642">
        <v>4.3663258764980197</v>
      </c>
      <c r="F642">
        <v>10.483333000000002</v>
      </c>
      <c r="G642">
        <v>4.3427694917972328</v>
      </c>
    </row>
    <row r="643" spans="4:7" x14ac:dyDescent="0.25">
      <c r="D643">
        <v>10.683334000000002</v>
      </c>
      <c r="E643">
        <v>4.3667965110476663</v>
      </c>
      <c r="F643">
        <v>10.5</v>
      </c>
      <c r="G643">
        <v>4.3431813078162396</v>
      </c>
    </row>
    <row r="644" spans="4:7" x14ac:dyDescent="0.25">
      <c r="D644">
        <v>10.700000000000003</v>
      </c>
      <c r="E644">
        <v>4.3672533034046754</v>
      </c>
      <c r="F644">
        <v>10.516666999999998</v>
      </c>
      <c r="G644">
        <v>4.3435810115994009</v>
      </c>
    </row>
    <row r="645" spans="4:7" x14ac:dyDescent="0.25">
      <c r="D645">
        <v>10.716667000000001</v>
      </c>
      <c r="E645">
        <v>4.3677239379543087</v>
      </c>
      <c r="F645">
        <v>10.533332999999999</v>
      </c>
      <c r="G645">
        <v>4.3439928276184077</v>
      </c>
    </row>
    <row r="646" spans="4:7" x14ac:dyDescent="0.25">
      <c r="D646">
        <v>10.733334000000013</v>
      </c>
      <c r="E646">
        <v>4.3681945725039553</v>
      </c>
      <c r="F646">
        <v>10.549999999999997</v>
      </c>
      <c r="G646">
        <v>4.3444046436374357</v>
      </c>
    </row>
    <row r="647" spans="4:7" x14ac:dyDescent="0.25">
      <c r="D647">
        <v>10.75</v>
      </c>
      <c r="E647">
        <v>4.3691219994105976</v>
      </c>
      <c r="F647">
        <v>10.56666700000001</v>
      </c>
      <c r="G647">
        <v>4.3448043474205971</v>
      </c>
    </row>
    <row r="648" spans="4:7" x14ac:dyDescent="0.25">
      <c r="D648">
        <v>10.766667000000012</v>
      </c>
      <c r="E648">
        <v>4.3695926339602442</v>
      </c>
      <c r="F648">
        <v>10.583332999999996</v>
      </c>
      <c r="G648">
        <v>4.3452161634396038</v>
      </c>
    </row>
    <row r="649" spans="4:7" x14ac:dyDescent="0.25">
      <c r="D649">
        <v>10.783334000000011</v>
      </c>
      <c r="E649">
        <v>4.3700494263172525</v>
      </c>
      <c r="F649">
        <v>10.600000000000009</v>
      </c>
      <c r="G649">
        <v>4.3456279794586097</v>
      </c>
    </row>
    <row r="650" spans="4:7" x14ac:dyDescent="0.25">
      <c r="D650">
        <v>10.800000000000011</v>
      </c>
      <c r="E650">
        <v>4.3709906954165332</v>
      </c>
      <c r="F650">
        <v>10.616667000000007</v>
      </c>
      <c r="G650">
        <v>4.3460276832417719</v>
      </c>
    </row>
    <row r="651" spans="4:7" x14ac:dyDescent="0.25">
      <c r="D651">
        <v>10.81666700000001</v>
      </c>
      <c r="E651">
        <v>4.3714474877735405</v>
      </c>
      <c r="F651">
        <v>10.633333000000007</v>
      </c>
      <c r="G651">
        <v>4.3464394992607787</v>
      </c>
    </row>
    <row r="652" spans="4:7" x14ac:dyDescent="0.25">
      <c r="D652">
        <v>10.833334000000008</v>
      </c>
      <c r="E652">
        <v>4.3719181223231871</v>
      </c>
      <c r="F652">
        <v>10.650000000000006</v>
      </c>
      <c r="G652">
        <v>4.3472510190629681</v>
      </c>
    </row>
    <row r="653" spans="4:7" x14ac:dyDescent="0.25">
      <c r="D653">
        <v>10.850000000000009</v>
      </c>
      <c r="E653">
        <v>4.3728455492298295</v>
      </c>
      <c r="F653">
        <v>10.666667000000004</v>
      </c>
      <c r="G653">
        <v>4.3476628350819748</v>
      </c>
    </row>
    <row r="654" spans="4:7" x14ac:dyDescent="0.25">
      <c r="D654">
        <v>10.866667000000007</v>
      </c>
      <c r="E654">
        <v>4.3733161837794761</v>
      </c>
      <c r="F654">
        <v>10.683333000000005</v>
      </c>
      <c r="G654">
        <v>4.3480746511009816</v>
      </c>
    </row>
    <row r="655" spans="4:7" x14ac:dyDescent="0.25">
      <c r="D655">
        <v>10.883334000000005</v>
      </c>
      <c r="E655">
        <v>4.3737868183291102</v>
      </c>
      <c r="F655">
        <v>10.700000000000003</v>
      </c>
      <c r="G655">
        <v>4.3484743548841429</v>
      </c>
    </row>
    <row r="656" spans="4:7" x14ac:dyDescent="0.25">
      <c r="D656">
        <v>10.900000000000006</v>
      </c>
      <c r="E656">
        <v>4.3742574528787568</v>
      </c>
      <c r="F656">
        <v>10.716667000000001</v>
      </c>
      <c r="G656">
        <v>4.3488861709031701</v>
      </c>
    </row>
    <row r="657" spans="4:7" x14ac:dyDescent="0.25">
      <c r="D657">
        <v>10.916667000000004</v>
      </c>
      <c r="E657">
        <v>4.3742574528787568</v>
      </c>
      <c r="F657">
        <v>10.733333000000002</v>
      </c>
      <c r="G657">
        <v>4.3492979869221768</v>
      </c>
    </row>
    <row r="658" spans="4:7" x14ac:dyDescent="0.25">
      <c r="D658">
        <v>10.933334000000002</v>
      </c>
      <c r="E658">
        <v>4.374714245235765</v>
      </c>
      <c r="F658">
        <v>10.75</v>
      </c>
      <c r="G658">
        <v>4.3501095067243458</v>
      </c>
    </row>
    <row r="659" spans="4:7" x14ac:dyDescent="0.25">
      <c r="D659">
        <v>10.950000000000003</v>
      </c>
      <c r="E659">
        <v>4.3751848797854116</v>
      </c>
      <c r="F659">
        <v>10.766666999999998</v>
      </c>
      <c r="G659">
        <v>4.3505213227433517</v>
      </c>
    </row>
    <row r="660" spans="4:7" x14ac:dyDescent="0.25">
      <c r="D660">
        <v>10.966667000000001</v>
      </c>
      <c r="E660">
        <v>4.3756555143350457</v>
      </c>
      <c r="F660">
        <v>10.783332999999999</v>
      </c>
      <c r="G660">
        <v>4.3509210265265139</v>
      </c>
    </row>
    <row r="661" spans="4:7" x14ac:dyDescent="0.25">
      <c r="D661">
        <v>10.983334000000013</v>
      </c>
      <c r="E661">
        <v>4.376112306692054</v>
      </c>
      <c r="F661">
        <v>10.799999999999997</v>
      </c>
      <c r="G661">
        <v>4.351332842545542</v>
      </c>
    </row>
    <row r="662" spans="4:7" x14ac:dyDescent="0.25">
      <c r="D662">
        <v>11</v>
      </c>
      <c r="E662">
        <v>4.3765829412417006</v>
      </c>
      <c r="F662">
        <v>10.81666700000001</v>
      </c>
      <c r="G662">
        <v>4.3517446585645478</v>
      </c>
    </row>
    <row r="663" spans="4:7" x14ac:dyDescent="0.25">
      <c r="D663">
        <v>11.016667000000012</v>
      </c>
      <c r="E663">
        <v>4.3765829412417006</v>
      </c>
      <c r="F663">
        <v>10.833332999999996</v>
      </c>
      <c r="G663">
        <v>4.3521443623477101</v>
      </c>
    </row>
    <row r="664" spans="4:7" x14ac:dyDescent="0.25">
      <c r="D664">
        <v>11.033334000000011</v>
      </c>
      <c r="E664">
        <v>4.3770535757913347</v>
      </c>
      <c r="F664">
        <v>10.850000000000009</v>
      </c>
      <c r="G664">
        <v>4.3525561783667159</v>
      </c>
    </row>
    <row r="665" spans="4:7" x14ac:dyDescent="0.25">
      <c r="D665">
        <v>11.050000000000011</v>
      </c>
      <c r="E665">
        <v>4.377510368148342</v>
      </c>
      <c r="F665">
        <v>10.866667000000007</v>
      </c>
      <c r="G665">
        <v>4.3533676981688849</v>
      </c>
    </row>
    <row r="666" spans="4:7" x14ac:dyDescent="0.25">
      <c r="D666">
        <v>11.06666700000001</v>
      </c>
      <c r="E666">
        <v>4.3779810026979886</v>
      </c>
      <c r="F666">
        <v>10.883333000000007</v>
      </c>
      <c r="G666">
        <v>4.3537795141879121</v>
      </c>
    </row>
    <row r="667" spans="4:7" x14ac:dyDescent="0.25">
      <c r="D667">
        <v>11.083334000000008</v>
      </c>
      <c r="E667">
        <v>4.3784516372476237</v>
      </c>
      <c r="F667">
        <v>10.900000000000006</v>
      </c>
      <c r="G667">
        <v>4.3541913302069188</v>
      </c>
    </row>
    <row r="668" spans="4:7" x14ac:dyDescent="0.25">
      <c r="D668">
        <v>11.100000000000009</v>
      </c>
      <c r="E668">
        <v>4.378908429604631</v>
      </c>
      <c r="F668">
        <v>10.916667000000004</v>
      </c>
      <c r="G668">
        <v>4.3545910339900811</v>
      </c>
    </row>
    <row r="669" spans="4:7" x14ac:dyDescent="0.25">
      <c r="D669">
        <v>11.116667000000007</v>
      </c>
      <c r="E669">
        <v>4.3798496987039117</v>
      </c>
      <c r="F669">
        <v>10.933333000000005</v>
      </c>
      <c r="G669">
        <v>4.3550028500090878</v>
      </c>
    </row>
    <row r="670" spans="4:7" x14ac:dyDescent="0.25">
      <c r="D670">
        <v>11.133334000000005</v>
      </c>
      <c r="E670">
        <v>4.3798496987039117</v>
      </c>
      <c r="F670">
        <v>10.950000000000003</v>
      </c>
      <c r="G670">
        <v>4.355414666028115</v>
      </c>
    </row>
    <row r="671" spans="4:7" x14ac:dyDescent="0.25">
      <c r="D671">
        <v>11.150000000000006</v>
      </c>
      <c r="E671">
        <v>4.38030649106092</v>
      </c>
      <c r="F671">
        <v>10.966667000000001</v>
      </c>
      <c r="G671">
        <v>4.3558143698112772</v>
      </c>
    </row>
    <row r="672" spans="4:7" x14ac:dyDescent="0.25">
      <c r="D672">
        <v>11.166667000000004</v>
      </c>
      <c r="E672">
        <v>4.3807771256105665</v>
      </c>
      <c r="F672">
        <v>10.983333000000002</v>
      </c>
      <c r="G672">
        <v>4.356226185830284</v>
      </c>
    </row>
    <row r="673" spans="4:7" x14ac:dyDescent="0.25">
      <c r="D673">
        <v>11.183334000000002</v>
      </c>
      <c r="E673">
        <v>4.3812477601602131</v>
      </c>
      <c r="F673">
        <v>11</v>
      </c>
      <c r="G673">
        <v>4.3566258896134453</v>
      </c>
    </row>
    <row r="674" spans="4:7" x14ac:dyDescent="0.25">
      <c r="D674">
        <v>11.200000000000003</v>
      </c>
      <c r="E674">
        <v>4.3817045525172089</v>
      </c>
      <c r="F674">
        <v>11.016666999999998</v>
      </c>
      <c r="G674">
        <v>4.3570377056324521</v>
      </c>
    </row>
    <row r="675" spans="4:7" x14ac:dyDescent="0.25">
      <c r="D675">
        <v>11.216667000000001</v>
      </c>
      <c r="E675">
        <v>4.3821751870668546</v>
      </c>
      <c r="F675">
        <v>11.033332999999999</v>
      </c>
      <c r="G675">
        <v>4.3574495216514579</v>
      </c>
    </row>
    <row r="676" spans="4:7" x14ac:dyDescent="0.25">
      <c r="D676">
        <v>11.233334000000013</v>
      </c>
      <c r="E676">
        <v>4.3821751870668546</v>
      </c>
      <c r="F676">
        <v>11.049999999999997</v>
      </c>
      <c r="G676">
        <v>4.3578492254346202</v>
      </c>
    </row>
    <row r="677" spans="4:7" x14ac:dyDescent="0.25">
      <c r="D677">
        <v>11.25</v>
      </c>
      <c r="E677">
        <v>4.3826458216165012</v>
      </c>
      <c r="F677">
        <v>11.06666700000001</v>
      </c>
      <c r="G677">
        <v>4.3582610414536482</v>
      </c>
    </row>
    <row r="678" spans="4:7" x14ac:dyDescent="0.25">
      <c r="D678">
        <v>11.266667000000012</v>
      </c>
      <c r="E678">
        <v>4.3826458216165012</v>
      </c>
      <c r="F678">
        <v>11.083332999999996</v>
      </c>
      <c r="G678">
        <v>4.3586728574726541</v>
      </c>
    </row>
    <row r="679" spans="4:7" x14ac:dyDescent="0.25">
      <c r="D679">
        <v>11.283334000000011</v>
      </c>
      <c r="E679">
        <v>4.3826458216165012</v>
      </c>
      <c r="F679">
        <v>11.100000000000009</v>
      </c>
      <c r="G679">
        <v>4.3590725612558163</v>
      </c>
    </row>
    <row r="680" spans="4:7" x14ac:dyDescent="0.25">
      <c r="D680">
        <v>11.300000000000011</v>
      </c>
      <c r="E680">
        <v>4.3826458216165012</v>
      </c>
      <c r="F680">
        <v>11.116667000000007</v>
      </c>
      <c r="G680">
        <v>4.3594843772748231</v>
      </c>
    </row>
    <row r="681" spans="4:7" x14ac:dyDescent="0.25">
      <c r="D681">
        <v>11.31666700000001</v>
      </c>
      <c r="E681">
        <v>4.3826458216165012</v>
      </c>
      <c r="F681">
        <v>11.133333000000007</v>
      </c>
      <c r="G681">
        <v>4.3602958970769912</v>
      </c>
    </row>
    <row r="682" spans="4:7" x14ac:dyDescent="0.25">
      <c r="D682">
        <v>11.333334000000008</v>
      </c>
      <c r="E682">
        <v>4.3826458216165012</v>
      </c>
      <c r="F682">
        <v>11.150000000000006</v>
      </c>
      <c r="G682">
        <v>4.3607077130960192</v>
      </c>
    </row>
    <row r="683" spans="4:7" x14ac:dyDescent="0.25">
      <c r="D683">
        <v>11.350000000000009</v>
      </c>
      <c r="E683">
        <v>4.3826458216165012</v>
      </c>
      <c r="F683">
        <v>11.166667000000004</v>
      </c>
      <c r="G683">
        <v>4.3611195291150251</v>
      </c>
    </row>
    <row r="684" spans="4:7" x14ac:dyDescent="0.25">
      <c r="D684">
        <v>11.366667000000007</v>
      </c>
      <c r="E684">
        <v>4.3831026139734979</v>
      </c>
      <c r="F684">
        <v>11.183333000000005</v>
      </c>
      <c r="G684">
        <v>4.3615192328981873</v>
      </c>
    </row>
    <row r="685" spans="4:7" x14ac:dyDescent="0.25">
      <c r="D685">
        <v>11.383334000000005</v>
      </c>
      <c r="E685">
        <v>4.3831026139734979</v>
      </c>
      <c r="F685">
        <v>11.200000000000003</v>
      </c>
      <c r="G685">
        <v>4.3619310489171932</v>
      </c>
    </row>
    <row r="686" spans="4:7" x14ac:dyDescent="0.25">
      <c r="D686">
        <v>11.400000000000006</v>
      </c>
      <c r="E686">
        <v>4.3835732485231444</v>
      </c>
      <c r="F686">
        <v>11.216667000000001</v>
      </c>
      <c r="G686">
        <v>4.3623428649362213</v>
      </c>
    </row>
    <row r="687" spans="4:7" x14ac:dyDescent="0.25">
      <c r="D687">
        <v>11.416667000000004</v>
      </c>
      <c r="E687">
        <v>4.3840438830727901</v>
      </c>
      <c r="F687">
        <v>11.233333000000002</v>
      </c>
      <c r="G687">
        <v>4.3627425687193835</v>
      </c>
    </row>
    <row r="688" spans="4:7" x14ac:dyDescent="0.25">
      <c r="D688">
        <v>11.433334000000002</v>
      </c>
      <c r="E688">
        <v>4.3840438830727901</v>
      </c>
      <c r="F688">
        <v>11.25</v>
      </c>
      <c r="G688">
        <v>4.3631543847383902</v>
      </c>
    </row>
    <row r="689" spans="4:7" x14ac:dyDescent="0.25">
      <c r="D689">
        <v>11.450000000000003</v>
      </c>
      <c r="E689">
        <v>4.3845006754297984</v>
      </c>
      <c r="F689">
        <v>11.266666999999998</v>
      </c>
      <c r="G689">
        <v>4.3635662007573961</v>
      </c>
    </row>
    <row r="690" spans="4:7" x14ac:dyDescent="0.25">
      <c r="D690">
        <v>11.466667000000001</v>
      </c>
      <c r="E690">
        <v>4.3849713099794325</v>
      </c>
      <c r="F690">
        <v>11.283332999999999</v>
      </c>
      <c r="G690">
        <v>4.3639659045405583</v>
      </c>
    </row>
    <row r="691" spans="4:7" x14ac:dyDescent="0.25">
      <c r="D691">
        <v>11.483334000000013</v>
      </c>
      <c r="E691">
        <v>4.3849713099794325</v>
      </c>
      <c r="F691">
        <v>11.299999999999997</v>
      </c>
      <c r="G691">
        <v>4.3639659045405583</v>
      </c>
    </row>
    <row r="692" spans="4:7" x14ac:dyDescent="0.25">
      <c r="D692">
        <v>11.5</v>
      </c>
      <c r="E692">
        <v>4.3854419445290791</v>
      </c>
      <c r="F692">
        <v>11.31666700000001</v>
      </c>
      <c r="G692">
        <v>4.3643777205595651</v>
      </c>
    </row>
    <row r="693" spans="4:7" x14ac:dyDescent="0.25">
      <c r="D693">
        <v>11.516667000000012</v>
      </c>
      <c r="E693">
        <v>4.3854419445290791</v>
      </c>
      <c r="F693">
        <v>11.333332999999996</v>
      </c>
      <c r="G693">
        <v>4.3647895365785923</v>
      </c>
    </row>
    <row r="694" spans="4:7" x14ac:dyDescent="0.25">
      <c r="D694">
        <v>11.533334000000011</v>
      </c>
      <c r="E694">
        <v>4.3858987368860864</v>
      </c>
      <c r="F694">
        <v>11.350000000000009</v>
      </c>
      <c r="G694">
        <v>4.3651892403617545</v>
      </c>
    </row>
    <row r="695" spans="4:7" x14ac:dyDescent="0.25">
      <c r="D695">
        <v>11.550000000000011</v>
      </c>
      <c r="E695">
        <v>4.3863693714357215</v>
      </c>
      <c r="F695">
        <v>11.366667000000007</v>
      </c>
      <c r="G695">
        <v>4.3656010563807603</v>
      </c>
    </row>
    <row r="696" spans="4:7" x14ac:dyDescent="0.25">
      <c r="D696">
        <v>11.56666700000001</v>
      </c>
      <c r="E696">
        <v>4.3868400059853681</v>
      </c>
      <c r="F696">
        <v>11.383333000000007</v>
      </c>
      <c r="G696">
        <v>4.3660128723997671</v>
      </c>
    </row>
    <row r="697" spans="4:7" x14ac:dyDescent="0.25">
      <c r="D697">
        <v>11.583334000000008</v>
      </c>
      <c r="E697">
        <v>4.3868400059853681</v>
      </c>
      <c r="F697">
        <v>11.400000000000006</v>
      </c>
      <c r="G697">
        <v>4.3664125761829293</v>
      </c>
    </row>
    <row r="698" spans="4:7" x14ac:dyDescent="0.25">
      <c r="D698">
        <v>11.600000000000009</v>
      </c>
      <c r="E698">
        <v>4.3872967983423754</v>
      </c>
      <c r="F698">
        <v>11.416667000000004</v>
      </c>
      <c r="G698">
        <v>4.3668243922019565</v>
      </c>
    </row>
    <row r="699" spans="4:7" x14ac:dyDescent="0.25">
      <c r="D699">
        <v>11.616667000000007</v>
      </c>
      <c r="E699">
        <v>4.3872967983423754</v>
      </c>
      <c r="F699">
        <v>11.433333000000005</v>
      </c>
      <c r="G699">
        <v>4.3672362082209633</v>
      </c>
    </row>
    <row r="700" spans="4:7" x14ac:dyDescent="0.25">
      <c r="D700">
        <v>11.633334000000005</v>
      </c>
      <c r="E700">
        <v>4.3877674328920095</v>
      </c>
      <c r="F700">
        <v>11.450000000000003</v>
      </c>
      <c r="G700">
        <v>4.3676359120041255</v>
      </c>
    </row>
    <row r="701" spans="4:7" x14ac:dyDescent="0.25">
      <c r="D701">
        <v>11.650000000000006</v>
      </c>
      <c r="E701">
        <v>4.3882380674416561</v>
      </c>
      <c r="F701">
        <v>11.466667000000001</v>
      </c>
      <c r="G701">
        <v>4.3680477280231322</v>
      </c>
    </row>
    <row r="702" spans="4:7" x14ac:dyDescent="0.25">
      <c r="D702">
        <v>11.666667000000004</v>
      </c>
      <c r="E702">
        <v>4.3886948597986652</v>
      </c>
      <c r="F702">
        <v>11.483333000000002</v>
      </c>
      <c r="G702">
        <v>4.3684595440421381</v>
      </c>
    </row>
    <row r="703" spans="4:7" x14ac:dyDescent="0.25">
      <c r="D703">
        <v>11.683334000000002</v>
      </c>
      <c r="E703">
        <v>4.3891654943483109</v>
      </c>
      <c r="F703">
        <v>11.5</v>
      </c>
      <c r="G703">
        <v>4.3688592478252994</v>
      </c>
    </row>
    <row r="704" spans="4:7" x14ac:dyDescent="0.25">
      <c r="D704">
        <v>11.700000000000003</v>
      </c>
      <c r="E704">
        <v>4.3896361288979451</v>
      </c>
      <c r="F704">
        <v>11.516666999999998</v>
      </c>
      <c r="G704">
        <v>4.3692710638443284</v>
      </c>
    </row>
    <row r="705" spans="4:7" x14ac:dyDescent="0.25">
      <c r="D705">
        <v>11.716667000000001</v>
      </c>
      <c r="E705">
        <v>4.3900929212549533</v>
      </c>
      <c r="F705">
        <v>11.533332999999999</v>
      </c>
      <c r="G705">
        <v>4.3692710638443284</v>
      </c>
    </row>
    <row r="706" spans="4:7" x14ac:dyDescent="0.25">
      <c r="D706">
        <v>11.733334000000013</v>
      </c>
      <c r="E706">
        <v>4.3905635558045999</v>
      </c>
      <c r="F706">
        <v>11.549999999999997</v>
      </c>
      <c r="G706">
        <v>4.3696707676274897</v>
      </c>
    </row>
    <row r="707" spans="4:7" x14ac:dyDescent="0.25">
      <c r="D707">
        <v>11.75</v>
      </c>
      <c r="E707">
        <v>4.391034190354234</v>
      </c>
      <c r="F707">
        <v>11.56666700000001</v>
      </c>
      <c r="G707">
        <v>4.3700825836464965</v>
      </c>
    </row>
    <row r="708" spans="4:7" x14ac:dyDescent="0.25">
      <c r="D708">
        <v>11.766667000000012</v>
      </c>
      <c r="E708">
        <v>4.3914909827112423</v>
      </c>
      <c r="F708">
        <v>11.583332999999996</v>
      </c>
      <c r="G708">
        <v>4.3704943996655023</v>
      </c>
    </row>
    <row r="709" spans="4:7" x14ac:dyDescent="0.25">
      <c r="D709">
        <v>11.783334000000011</v>
      </c>
      <c r="E709">
        <v>4.3914909827112423</v>
      </c>
      <c r="F709">
        <v>11.600000000000009</v>
      </c>
      <c r="G709">
        <v>4.3708941034486646</v>
      </c>
    </row>
    <row r="710" spans="4:7" x14ac:dyDescent="0.25">
      <c r="D710">
        <v>11.800000000000011</v>
      </c>
      <c r="E710">
        <v>4.3919616172608889</v>
      </c>
      <c r="F710">
        <v>11.616667000000007</v>
      </c>
      <c r="G710">
        <v>4.3713059194676713</v>
      </c>
    </row>
    <row r="711" spans="4:7" x14ac:dyDescent="0.25">
      <c r="D711">
        <v>11.81666700000001</v>
      </c>
      <c r="E711">
        <v>4.392432251810523</v>
      </c>
      <c r="F711">
        <v>11.633333000000007</v>
      </c>
      <c r="G711">
        <v>4.3717177354866985</v>
      </c>
    </row>
    <row r="712" spans="4:7" x14ac:dyDescent="0.25">
      <c r="D712">
        <v>11.833334000000008</v>
      </c>
      <c r="E712">
        <v>4.392432251810523</v>
      </c>
      <c r="F712">
        <v>11.650000000000006</v>
      </c>
      <c r="G712">
        <v>4.3721174392698607</v>
      </c>
    </row>
    <row r="713" spans="4:7" x14ac:dyDescent="0.25">
      <c r="D713">
        <v>11.850000000000009</v>
      </c>
      <c r="E713">
        <v>4.3929028863601696</v>
      </c>
      <c r="F713">
        <v>11.666667000000004</v>
      </c>
      <c r="G713">
        <v>4.3725292552888675</v>
      </c>
    </row>
    <row r="714" spans="4:7" x14ac:dyDescent="0.25">
      <c r="D714">
        <v>11.866667000000007</v>
      </c>
      <c r="E714">
        <v>4.3933596787171769</v>
      </c>
      <c r="F714">
        <v>11.683333000000005</v>
      </c>
      <c r="G714">
        <v>4.3729410713078734</v>
      </c>
    </row>
    <row r="715" spans="4:7" x14ac:dyDescent="0.25">
      <c r="D715">
        <v>11.883334000000005</v>
      </c>
      <c r="E715">
        <v>4.3933596787171769</v>
      </c>
      <c r="F715">
        <v>11.700000000000003</v>
      </c>
      <c r="G715">
        <v>4.3733407750910356</v>
      </c>
    </row>
    <row r="716" spans="4:7" x14ac:dyDescent="0.25">
      <c r="D716">
        <v>11.900000000000006</v>
      </c>
      <c r="E716">
        <v>4.3938303132668235</v>
      </c>
      <c r="F716">
        <v>11.716667000000001</v>
      </c>
      <c r="G716">
        <v>4.3733407750910356</v>
      </c>
    </row>
    <row r="717" spans="4:7" x14ac:dyDescent="0.25">
      <c r="D717">
        <v>11.916667000000004</v>
      </c>
      <c r="E717">
        <v>4.3943009478164585</v>
      </c>
      <c r="F717">
        <v>11.733333000000002</v>
      </c>
      <c r="G717">
        <v>4.3737525911100628</v>
      </c>
    </row>
    <row r="718" spans="4:7" x14ac:dyDescent="0.25">
      <c r="D718">
        <v>11.933334000000002</v>
      </c>
      <c r="E718">
        <v>4.3943009478164585</v>
      </c>
      <c r="F718">
        <v>11.75</v>
      </c>
      <c r="G718">
        <v>4.3741644071290695</v>
      </c>
    </row>
    <row r="719" spans="4:7" x14ac:dyDescent="0.25">
      <c r="D719">
        <v>11.950000000000003</v>
      </c>
      <c r="E719">
        <v>4.3947577401734659</v>
      </c>
      <c r="F719">
        <v>11.766666999999998</v>
      </c>
      <c r="G719">
        <v>4.3745641109122317</v>
      </c>
    </row>
    <row r="720" spans="4:7" x14ac:dyDescent="0.25">
      <c r="D720">
        <v>11.966667000000001</v>
      </c>
      <c r="E720">
        <v>4.3952283747231125</v>
      </c>
      <c r="F720">
        <v>11.783332999999999</v>
      </c>
      <c r="G720">
        <v>4.3749759269312376</v>
      </c>
    </row>
    <row r="721" spans="4:7" x14ac:dyDescent="0.25">
      <c r="D721">
        <v>11.983334000000013</v>
      </c>
      <c r="E721">
        <v>4.3952283747231125</v>
      </c>
      <c r="F721">
        <v>11.799999999999997</v>
      </c>
      <c r="G721">
        <v>4.3753877429502444</v>
      </c>
    </row>
    <row r="722" spans="4:7" x14ac:dyDescent="0.25">
      <c r="D722">
        <v>12</v>
      </c>
      <c r="E722">
        <v>4.3956990092727466</v>
      </c>
      <c r="F722">
        <v>11.81666700000001</v>
      </c>
      <c r="G722">
        <v>4.3757874467334066</v>
      </c>
    </row>
    <row r="723" spans="4:7" x14ac:dyDescent="0.25">
      <c r="D723">
        <v>12.016667000000012</v>
      </c>
      <c r="E723">
        <v>4.3961558016297548</v>
      </c>
      <c r="F723">
        <v>11.833332999999996</v>
      </c>
      <c r="G723">
        <v>4.3761992627524346</v>
      </c>
    </row>
    <row r="724" spans="4:7" x14ac:dyDescent="0.25">
      <c r="D724">
        <v>12.033334000000011</v>
      </c>
      <c r="E724">
        <v>4.3966264361794005</v>
      </c>
      <c r="F724">
        <v>11.850000000000009</v>
      </c>
      <c r="G724">
        <v>4.3766110787714405</v>
      </c>
    </row>
    <row r="725" spans="4:7" x14ac:dyDescent="0.25">
      <c r="D725">
        <v>12.050000000000011</v>
      </c>
      <c r="E725">
        <v>4.3966264361794005</v>
      </c>
      <c r="F725">
        <v>11.866667000000007</v>
      </c>
      <c r="G725">
        <v>4.3770107825546027</v>
      </c>
    </row>
    <row r="726" spans="4:7" x14ac:dyDescent="0.25">
      <c r="D726">
        <v>12.06666700000001</v>
      </c>
      <c r="E726">
        <v>4.3970970707290356</v>
      </c>
      <c r="F726">
        <v>11.883333000000007</v>
      </c>
      <c r="G726">
        <v>4.3774225985736086</v>
      </c>
    </row>
    <row r="727" spans="4:7" x14ac:dyDescent="0.25">
      <c r="D727">
        <v>12.083334000000008</v>
      </c>
      <c r="E727">
        <v>4.3975538630860438</v>
      </c>
      <c r="F727">
        <v>11.900000000000006</v>
      </c>
      <c r="G727">
        <v>4.3778344145926154</v>
      </c>
    </row>
    <row r="728" spans="4:7" x14ac:dyDescent="0.25">
      <c r="D728">
        <v>12.100000000000009</v>
      </c>
      <c r="E728">
        <v>4.3975538630860438</v>
      </c>
      <c r="F728">
        <v>11.916667000000004</v>
      </c>
      <c r="G728">
        <v>4.3778344145926154</v>
      </c>
    </row>
    <row r="729" spans="4:7" x14ac:dyDescent="0.25">
      <c r="D729">
        <v>12.116667000000007</v>
      </c>
      <c r="E729">
        <v>4.3980244976356904</v>
      </c>
      <c r="F729">
        <v>11.933333000000005</v>
      </c>
      <c r="G729">
        <v>4.3782341183757776</v>
      </c>
    </row>
    <row r="730" spans="4:7" x14ac:dyDescent="0.25">
      <c r="D730">
        <v>12.133334000000005</v>
      </c>
      <c r="E730">
        <v>4.3984951321853236</v>
      </c>
      <c r="F730">
        <v>11.950000000000003</v>
      </c>
      <c r="G730">
        <v>4.3786459343948048</v>
      </c>
    </row>
    <row r="731" spans="4:7" x14ac:dyDescent="0.25">
      <c r="D731">
        <v>12.150000000000006</v>
      </c>
      <c r="E731">
        <v>4.3989519245423319</v>
      </c>
      <c r="F731">
        <v>11.966667000000001</v>
      </c>
      <c r="G731">
        <v>4.3790577504138115</v>
      </c>
    </row>
    <row r="732" spans="4:7" x14ac:dyDescent="0.25">
      <c r="D732">
        <v>12.166667000000004</v>
      </c>
      <c r="E732">
        <v>4.3994225590919793</v>
      </c>
      <c r="F732">
        <v>11.983333000000002</v>
      </c>
      <c r="G732">
        <v>4.3794574541969737</v>
      </c>
    </row>
    <row r="733" spans="4:7" x14ac:dyDescent="0.25">
      <c r="D733">
        <v>12.183334000000002</v>
      </c>
      <c r="E733">
        <v>4.3998931936416259</v>
      </c>
      <c r="F733">
        <v>12</v>
      </c>
      <c r="G733">
        <v>4.3798692702159796</v>
      </c>
    </row>
    <row r="734" spans="4:7" x14ac:dyDescent="0.25">
      <c r="D734">
        <v>12.200000000000003</v>
      </c>
      <c r="E734">
        <v>4.4003499859986208</v>
      </c>
      <c r="F734">
        <v>12.016666999999998</v>
      </c>
      <c r="G734">
        <v>4.3798692702159796</v>
      </c>
    </row>
    <row r="735" spans="4:7" x14ac:dyDescent="0.25">
      <c r="D735">
        <v>12.216667000000001</v>
      </c>
      <c r="E735">
        <v>4.4008206205482674</v>
      </c>
      <c r="F735">
        <v>12.033332999999999</v>
      </c>
      <c r="G735">
        <v>4.3802810862350077</v>
      </c>
    </row>
    <row r="736" spans="4:7" x14ac:dyDescent="0.25">
      <c r="D736">
        <v>12.233334000000013</v>
      </c>
      <c r="E736">
        <v>4.401291255097914</v>
      </c>
      <c r="F736">
        <v>12.049999999999997</v>
      </c>
      <c r="G736">
        <v>4.3806807900181477</v>
      </c>
    </row>
    <row r="737" spans="4:7" x14ac:dyDescent="0.25">
      <c r="D737">
        <v>12.25</v>
      </c>
      <c r="E737">
        <v>4.4017480474549213</v>
      </c>
      <c r="F737">
        <v>12.06666700000001</v>
      </c>
      <c r="G737">
        <v>4.3810926060371767</v>
      </c>
    </row>
    <row r="738" spans="4:7" x14ac:dyDescent="0.25">
      <c r="D738">
        <v>12.266667000000012</v>
      </c>
      <c r="E738">
        <v>4.4022186820045563</v>
      </c>
      <c r="F738">
        <v>12.083332999999996</v>
      </c>
      <c r="G738">
        <v>4.3815044220561825</v>
      </c>
    </row>
    <row r="739" spans="4:7" x14ac:dyDescent="0.25">
      <c r="D739">
        <v>12.283334000000011</v>
      </c>
      <c r="E739">
        <v>4.4022186820045563</v>
      </c>
      <c r="F739">
        <v>12.100000000000009</v>
      </c>
      <c r="G739">
        <v>4.3819041258393439</v>
      </c>
    </row>
    <row r="740" spans="4:7" x14ac:dyDescent="0.25">
      <c r="D740">
        <v>12.300000000000011</v>
      </c>
      <c r="E740">
        <v>4.4026893165542029</v>
      </c>
      <c r="F740">
        <v>12.116667000000007</v>
      </c>
      <c r="G740">
        <v>4.3823159418583506</v>
      </c>
    </row>
    <row r="741" spans="4:7" x14ac:dyDescent="0.25">
      <c r="D741">
        <v>12.31666700000001</v>
      </c>
      <c r="E741">
        <v>4.4031461089112112</v>
      </c>
      <c r="F741">
        <v>12.133333000000007</v>
      </c>
      <c r="G741">
        <v>4.3827277578773787</v>
      </c>
    </row>
    <row r="742" spans="4:7" x14ac:dyDescent="0.25">
      <c r="D742">
        <v>12.333334000000008</v>
      </c>
      <c r="E742">
        <v>4.4036167434608444</v>
      </c>
      <c r="F742">
        <v>12.150000000000006</v>
      </c>
      <c r="G742">
        <v>4.3831274616605409</v>
      </c>
    </row>
    <row r="743" spans="4:7" x14ac:dyDescent="0.25">
      <c r="D743">
        <v>12.350000000000009</v>
      </c>
      <c r="E743">
        <v>4.404087378010491</v>
      </c>
      <c r="F743">
        <v>12.166667000000004</v>
      </c>
      <c r="G743">
        <v>4.3835392776795468</v>
      </c>
    </row>
    <row r="744" spans="4:7" x14ac:dyDescent="0.25">
      <c r="D744">
        <v>12.366667000000007</v>
      </c>
      <c r="E744">
        <v>4.4045441703674992</v>
      </c>
      <c r="F744">
        <v>12.183333000000005</v>
      </c>
      <c r="G744">
        <v>4.383938981462709</v>
      </c>
    </row>
    <row r="745" spans="4:7" x14ac:dyDescent="0.25">
      <c r="D745">
        <v>12.383334000000005</v>
      </c>
      <c r="E745">
        <v>4.4050148049171334</v>
      </c>
      <c r="F745">
        <v>12.200000000000003</v>
      </c>
      <c r="G745">
        <v>4.3843507974817157</v>
      </c>
    </row>
    <row r="746" spans="4:7" x14ac:dyDescent="0.25">
      <c r="D746">
        <v>12.400000000000006</v>
      </c>
      <c r="E746">
        <v>4.4050148049171334</v>
      </c>
      <c r="F746">
        <v>12.216667000000001</v>
      </c>
      <c r="G746">
        <v>4.3843507974817157</v>
      </c>
    </row>
    <row r="747" spans="4:7" x14ac:dyDescent="0.25">
      <c r="D747">
        <v>12.416667000000004</v>
      </c>
      <c r="E747">
        <v>4.40548543946678</v>
      </c>
      <c r="F747">
        <v>12.233333000000002</v>
      </c>
      <c r="G747">
        <v>4.3847626135007216</v>
      </c>
    </row>
    <row r="748" spans="4:7" x14ac:dyDescent="0.25">
      <c r="D748">
        <v>12.433334000000002</v>
      </c>
      <c r="E748">
        <v>4.4059422318237882</v>
      </c>
      <c r="F748">
        <v>12.25</v>
      </c>
      <c r="G748">
        <v>4.3851623172838838</v>
      </c>
    </row>
    <row r="749" spans="4:7" x14ac:dyDescent="0.25">
      <c r="D749">
        <v>12.450000000000003</v>
      </c>
      <c r="E749">
        <v>4.4064128663734223</v>
      </c>
      <c r="F749">
        <v>12.266666999999998</v>
      </c>
      <c r="G749">
        <v>4.3855741333029119</v>
      </c>
    </row>
    <row r="750" spans="4:7" x14ac:dyDescent="0.25">
      <c r="D750">
        <v>12.466667000000001</v>
      </c>
      <c r="E750">
        <v>4.4068835009230689</v>
      </c>
      <c r="F750">
        <v>12.283332999999999</v>
      </c>
      <c r="G750">
        <v>4.3859859493219178</v>
      </c>
    </row>
    <row r="751" spans="4:7" x14ac:dyDescent="0.25">
      <c r="D751">
        <v>12.483334000000013</v>
      </c>
      <c r="E751">
        <v>4.4068835009230689</v>
      </c>
      <c r="F751">
        <v>12.299999999999997</v>
      </c>
      <c r="G751">
        <v>4.38638565310508</v>
      </c>
    </row>
    <row r="752" spans="4:7" x14ac:dyDescent="0.25">
      <c r="D752">
        <v>12.5</v>
      </c>
      <c r="E752">
        <v>4.4073402932800771</v>
      </c>
      <c r="F752">
        <v>12.31666700000001</v>
      </c>
      <c r="G752">
        <v>4.3867974691240859</v>
      </c>
    </row>
    <row r="753" spans="4:7" x14ac:dyDescent="0.25">
      <c r="D753">
        <v>12.516667000000012</v>
      </c>
      <c r="E753">
        <v>4.4073402932800771</v>
      </c>
      <c r="F753">
        <v>12.333332999999996</v>
      </c>
      <c r="G753">
        <v>4.3872092851431139</v>
      </c>
    </row>
    <row r="754" spans="4:7" x14ac:dyDescent="0.25">
      <c r="D754">
        <v>12.533334000000011</v>
      </c>
      <c r="E754">
        <v>4.4073402932800771</v>
      </c>
      <c r="F754">
        <v>12.350000000000009</v>
      </c>
      <c r="G754">
        <v>4.3876089889262548</v>
      </c>
    </row>
    <row r="755" spans="4:7" x14ac:dyDescent="0.25">
      <c r="D755">
        <v>12.550000000000011</v>
      </c>
      <c r="E755">
        <v>4.4078109278297237</v>
      </c>
      <c r="F755">
        <v>12.366667000000007</v>
      </c>
      <c r="G755">
        <v>4.388020804945282</v>
      </c>
    </row>
    <row r="756" spans="4:7" x14ac:dyDescent="0.25">
      <c r="D756">
        <v>12.56666700000001</v>
      </c>
      <c r="E756">
        <v>4.4078109278297237</v>
      </c>
      <c r="F756">
        <v>12.383333000000007</v>
      </c>
      <c r="G756">
        <v>4.3884326209642888</v>
      </c>
    </row>
    <row r="757" spans="4:7" x14ac:dyDescent="0.25">
      <c r="D757">
        <v>12.583334000000008</v>
      </c>
      <c r="E757">
        <v>4.4082815623793579</v>
      </c>
      <c r="F757">
        <v>12.400000000000006</v>
      </c>
      <c r="G757">
        <v>4.388832324747451</v>
      </c>
    </row>
    <row r="758" spans="4:7" x14ac:dyDescent="0.25">
      <c r="D758">
        <v>12.600000000000009</v>
      </c>
      <c r="E758">
        <v>4.4082815623793579</v>
      </c>
      <c r="F758">
        <v>12.416667000000004</v>
      </c>
      <c r="G758">
        <v>4.3892441407664577</v>
      </c>
    </row>
    <row r="759" spans="4:7" x14ac:dyDescent="0.25">
      <c r="D759">
        <v>12.616667000000007</v>
      </c>
      <c r="E759">
        <v>4.4082815623793579</v>
      </c>
      <c r="F759">
        <v>12.433333000000005</v>
      </c>
      <c r="G759">
        <v>4.3896559567854849</v>
      </c>
    </row>
    <row r="760" spans="4:7" x14ac:dyDescent="0.25">
      <c r="D760">
        <v>12.633334000000005</v>
      </c>
      <c r="E760">
        <v>4.4087383547363652</v>
      </c>
      <c r="F760">
        <v>12.450000000000003</v>
      </c>
      <c r="G760">
        <v>4.3900556605686463</v>
      </c>
    </row>
    <row r="761" spans="4:7" x14ac:dyDescent="0.25">
      <c r="D761">
        <v>12.650000000000006</v>
      </c>
      <c r="E761">
        <v>4.4087383547363652</v>
      </c>
      <c r="F761">
        <v>12.466667000000001</v>
      </c>
      <c r="G761">
        <v>4.390467476587653</v>
      </c>
    </row>
    <row r="762" spans="4:7" x14ac:dyDescent="0.25">
      <c r="D762">
        <v>12.666667000000004</v>
      </c>
      <c r="E762">
        <v>4.4092089892860118</v>
      </c>
      <c r="F762">
        <v>12.483333000000002</v>
      </c>
      <c r="G762">
        <v>4.3908792926066598</v>
      </c>
    </row>
    <row r="763" spans="4:7" x14ac:dyDescent="0.25">
      <c r="D763">
        <v>12.683334000000002</v>
      </c>
      <c r="E763">
        <v>4.4096796238356459</v>
      </c>
      <c r="F763">
        <v>12.5</v>
      </c>
      <c r="G763">
        <v>4.391278996389822</v>
      </c>
    </row>
    <row r="764" spans="4:7" x14ac:dyDescent="0.25">
      <c r="D764">
        <v>12.700000000000003</v>
      </c>
      <c r="E764">
        <v>4.4096796238356459</v>
      </c>
      <c r="F764">
        <v>12.516666999999998</v>
      </c>
      <c r="G764">
        <v>4.391278996389822</v>
      </c>
    </row>
    <row r="765" spans="4:7" x14ac:dyDescent="0.25">
      <c r="D765">
        <v>12.716667000000001</v>
      </c>
      <c r="E765">
        <v>4.4101502583852925</v>
      </c>
      <c r="F765">
        <v>12.533332999999999</v>
      </c>
      <c r="G765">
        <v>4.3916908124088279</v>
      </c>
    </row>
    <row r="766" spans="4:7" x14ac:dyDescent="0.25">
      <c r="D766">
        <v>12.733334000000013</v>
      </c>
      <c r="E766">
        <v>4.4106070507423007</v>
      </c>
      <c r="F766">
        <v>12.549999999999997</v>
      </c>
      <c r="G766">
        <v>4.3921026284278559</v>
      </c>
    </row>
    <row r="767" spans="4:7" x14ac:dyDescent="0.25">
      <c r="D767">
        <v>12.75</v>
      </c>
      <c r="E767">
        <v>4.4110776852919349</v>
      </c>
      <c r="F767">
        <v>12.56666700000001</v>
      </c>
      <c r="G767">
        <v>4.3925023322110182</v>
      </c>
    </row>
    <row r="768" spans="4:7" x14ac:dyDescent="0.25">
      <c r="D768">
        <v>12.766667000000012</v>
      </c>
      <c r="E768">
        <v>4.4110776852919349</v>
      </c>
      <c r="F768">
        <v>12.583332999999996</v>
      </c>
      <c r="G768">
        <v>4.392914148230024</v>
      </c>
    </row>
    <row r="769" spans="4:7" x14ac:dyDescent="0.25">
      <c r="D769">
        <v>12.783334000000011</v>
      </c>
      <c r="E769">
        <v>4.4115483198415815</v>
      </c>
      <c r="F769">
        <v>12.600000000000009</v>
      </c>
      <c r="G769">
        <v>4.3933259642490308</v>
      </c>
    </row>
    <row r="770" spans="4:7" x14ac:dyDescent="0.25">
      <c r="D770">
        <v>12.800000000000011</v>
      </c>
      <c r="E770">
        <v>4.4120051121985897</v>
      </c>
      <c r="F770">
        <v>12.616667000000007</v>
      </c>
      <c r="G770">
        <v>4.3937256680321921</v>
      </c>
    </row>
    <row r="771" spans="4:7" x14ac:dyDescent="0.25">
      <c r="D771">
        <v>12.81666700000001</v>
      </c>
      <c r="E771">
        <v>4.4120051121985897</v>
      </c>
      <c r="F771">
        <v>12.633333000000007</v>
      </c>
      <c r="G771">
        <v>4.3941374840512211</v>
      </c>
    </row>
    <row r="772" spans="4:7" x14ac:dyDescent="0.25">
      <c r="D772">
        <v>12.833334000000008</v>
      </c>
      <c r="E772">
        <v>4.4124757467482363</v>
      </c>
      <c r="F772">
        <v>12.650000000000006</v>
      </c>
      <c r="G772">
        <v>4.3941374840512211</v>
      </c>
    </row>
    <row r="773" spans="4:7" x14ac:dyDescent="0.25">
      <c r="D773">
        <v>12.850000000000009</v>
      </c>
      <c r="E773">
        <v>4.4124757467482363</v>
      </c>
      <c r="F773">
        <v>12.666667000000004</v>
      </c>
      <c r="G773">
        <v>4.3945493000702269</v>
      </c>
    </row>
    <row r="774" spans="4:7" x14ac:dyDescent="0.25">
      <c r="D774">
        <v>12.866667000000007</v>
      </c>
      <c r="E774">
        <v>4.4129463812978704</v>
      </c>
      <c r="F774">
        <v>12.683333000000005</v>
      </c>
      <c r="G774">
        <v>4.3949490038533883</v>
      </c>
    </row>
    <row r="775" spans="4:7" x14ac:dyDescent="0.25">
      <c r="D775">
        <v>12.883334000000005</v>
      </c>
      <c r="E775">
        <v>4.4134031736548787</v>
      </c>
      <c r="F775">
        <v>12.700000000000003</v>
      </c>
      <c r="G775">
        <v>4.395360819872395</v>
      </c>
    </row>
    <row r="776" spans="4:7" x14ac:dyDescent="0.25">
      <c r="D776">
        <v>12.900000000000006</v>
      </c>
      <c r="E776">
        <v>4.4138738082045252</v>
      </c>
      <c r="F776">
        <v>12.716667000000001</v>
      </c>
      <c r="G776">
        <v>4.3957726358914009</v>
      </c>
    </row>
    <row r="777" spans="4:7" x14ac:dyDescent="0.25">
      <c r="D777">
        <v>12.916667000000004</v>
      </c>
      <c r="E777">
        <v>4.4138738082045252</v>
      </c>
      <c r="F777">
        <v>12.733333000000002</v>
      </c>
      <c r="G777">
        <v>4.3957726358914009</v>
      </c>
    </row>
    <row r="778" spans="4:7" x14ac:dyDescent="0.25">
      <c r="D778">
        <v>12.933334000000002</v>
      </c>
      <c r="E778">
        <v>4.4143444427541585</v>
      </c>
      <c r="F778">
        <v>12.75</v>
      </c>
      <c r="G778">
        <v>4.396172339674564</v>
      </c>
    </row>
    <row r="779" spans="4:7" x14ac:dyDescent="0.25">
      <c r="D779">
        <v>12.950000000000003</v>
      </c>
      <c r="E779">
        <v>4.4148012351111667</v>
      </c>
      <c r="F779">
        <v>12.766666999999998</v>
      </c>
      <c r="G779">
        <v>4.3965841556935912</v>
      </c>
    </row>
    <row r="780" spans="4:7" x14ac:dyDescent="0.25">
      <c r="D780">
        <v>12.966667000000001</v>
      </c>
      <c r="E780">
        <v>4.4152718696608133</v>
      </c>
      <c r="F780">
        <v>12.783332999999999</v>
      </c>
      <c r="G780">
        <v>4.3969838594767534</v>
      </c>
    </row>
    <row r="781" spans="4:7" x14ac:dyDescent="0.25">
      <c r="D781">
        <v>12.983334000000013</v>
      </c>
      <c r="E781">
        <v>4.4157425042104483</v>
      </c>
      <c r="F781">
        <v>12.799999999999997</v>
      </c>
      <c r="G781">
        <v>4.3969838594767534</v>
      </c>
    </row>
    <row r="782" spans="4:7" x14ac:dyDescent="0.25">
      <c r="D782">
        <v>13</v>
      </c>
      <c r="E782">
        <v>4.4161992965674557</v>
      </c>
      <c r="F782">
        <v>12.81666700000001</v>
      </c>
      <c r="G782">
        <v>4.3973956754957602</v>
      </c>
    </row>
    <row r="783" spans="4:7" x14ac:dyDescent="0.25">
      <c r="D783">
        <v>13.016667000000012</v>
      </c>
      <c r="E783">
        <v>4.4166699311171023</v>
      </c>
      <c r="F783">
        <v>12.833332999999996</v>
      </c>
      <c r="G783">
        <v>4.397807491514766</v>
      </c>
    </row>
    <row r="784" spans="4:7" x14ac:dyDescent="0.25">
      <c r="D784">
        <v>13.033334000000011</v>
      </c>
      <c r="E784">
        <v>4.4166699311171023</v>
      </c>
      <c r="F784">
        <v>12.850000000000009</v>
      </c>
      <c r="G784">
        <v>4.3982071952979283</v>
      </c>
    </row>
    <row r="785" spans="4:7" x14ac:dyDescent="0.25">
      <c r="D785">
        <v>13.050000000000011</v>
      </c>
      <c r="E785">
        <v>4.4171405656667488</v>
      </c>
      <c r="F785">
        <v>12.866667000000007</v>
      </c>
      <c r="G785">
        <v>4.3982071952979283</v>
      </c>
    </row>
    <row r="786" spans="4:7" x14ac:dyDescent="0.25">
      <c r="D786">
        <v>13.06666700000001</v>
      </c>
      <c r="E786">
        <v>4.4175973580237438</v>
      </c>
      <c r="F786">
        <v>12.883333000000007</v>
      </c>
      <c r="G786">
        <v>4.3986190113169341</v>
      </c>
    </row>
    <row r="787" spans="4:7" x14ac:dyDescent="0.25">
      <c r="D787">
        <v>13.083334000000008</v>
      </c>
      <c r="E787">
        <v>4.4175973580237438</v>
      </c>
      <c r="F787">
        <v>12.900000000000006</v>
      </c>
      <c r="G787">
        <v>4.3990308273359622</v>
      </c>
    </row>
    <row r="788" spans="4:7" x14ac:dyDescent="0.25">
      <c r="D788">
        <v>13.100000000000009</v>
      </c>
      <c r="E788">
        <v>4.4180679925733903</v>
      </c>
      <c r="F788">
        <v>12.916667000000004</v>
      </c>
      <c r="G788">
        <v>4.3994305311191244</v>
      </c>
    </row>
    <row r="789" spans="4:7" x14ac:dyDescent="0.25">
      <c r="D789">
        <v>13.116667000000007</v>
      </c>
      <c r="E789">
        <v>4.4185386271230369</v>
      </c>
      <c r="F789">
        <v>12.933333000000005</v>
      </c>
      <c r="G789">
        <v>4.3998423471381303</v>
      </c>
    </row>
    <row r="790" spans="4:7" x14ac:dyDescent="0.25">
      <c r="D790">
        <v>13.133334000000005</v>
      </c>
      <c r="E790">
        <v>4.4189954194800336</v>
      </c>
      <c r="F790">
        <v>12.950000000000003</v>
      </c>
      <c r="G790">
        <v>4.400254163157137</v>
      </c>
    </row>
    <row r="791" spans="4:7" x14ac:dyDescent="0.25">
      <c r="D791">
        <v>13.150000000000006</v>
      </c>
      <c r="E791">
        <v>4.4189954194800336</v>
      </c>
      <c r="F791">
        <v>12.966667000000001</v>
      </c>
      <c r="G791">
        <v>4.4006538669402993</v>
      </c>
    </row>
    <row r="792" spans="4:7" x14ac:dyDescent="0.25">
      <c r="D792">
        <v>13.166667000000004</v>
      </c>
      <c r="E792">
        <v>4.4194660540296793</v>
      </c>
      <c r="F792">
        <v>12.983333000000002</v>
      </c>
      <c r="G792">
        <v>4.4006538669402993</v>
      </c>
    </row>
    <row r="793" spans="4:7" x14ac:dyDescent="0.25">
      <c r="D793">
        <v>13.183334000000002</v>
      </c>
      <c r="E793">
        <v>4.4199366885793259</v>
      </c>
      <c r="F793">
        <v>13</v>
      </c>
      <c r="G793">
        <v>4.4010656829593264</v>
      </c>
    </row>
    <row r="794" spans="4:7" x14ac:dyDescent="0.25">
      <c r="D794">
        <v>13.200000000000003</v>
      </c>
      <c r="E794">
        <v>4.4199366885793259</v>
      </c>
      <c r="F794">
        <v>13.016666999999998</v>
      </c>
      <c r="G794">
        <v>4.4014774989783332</v>
      </c>
    </row>
    <row r="795" spans="4:7" x14ac:dyDescent="0.25">
      <c r="D795">
        <v>13.216667000000001</v>
      </c>
      <c r="E795">
        <v>4.4203934809363341</v>
      </c>
      <c r="F795">
        <v>13.033332999999999</v>
      </c>
      <c r="G795">
        <v>4.4018772027614954</v>
      </c>
    </row>
    <row r="796" spans="4:7" x14ac:dyDescent="0.25">
      <c r="D796">
        <v>13.233334000000013</v>
      </c>
      <c r="E796">
        <v>4.4208641154859691</v>
      </c>
      <c r="F796">
        <v>13.049999999999997</v>
      </c>
      <c r="G796">
        <v>4.4022890187805013</v>
      </c>
    </row>
    <row r="797" spans="4:7" x14ac:dyDescent="0.25">
      <c r="D797">
        <v>13.25</v>
      </c>
      <c r="E797">
        <v>4.4208641154859691</v>
      </c>
      <c r="F797">
        <v>13.06666700000001</v>
      </c>
      <c r="G797">
        <v>4.4022890187805013</v>
      </c>
    </row>
    <row r="798" spans="4:7" x14ac:dyDescent="0.25">
      <c r="D798">
        <v>13.266667000000012</v>
      </c>
      <c r="E798">
        <v>4.4213347500356148</v>
      </c>
      <c r="F798">
        <v>13.083332999999996</v>
      </c>
      <c r="G798">
        <v>4.402700834799508</v>
      </c>
    </row>
    <row r="799" spans="4:7" x14ac:dyDescent="0.25">
      <c r="D799">
        <v>13.283334000000011</v>
      </c>
      <c r="E799">
        <v>4.4213347500356148</v>
      </c>
      <c r="F799">
        <v>13.100000000000009</v>
      </c>
      <c r="G799">
        <v>4.4031005385826694</v>
      </c>
    </row>
    <row r="800" spans="4:7" x14ac:dyDescent="0.25">
      <c r="D800">
        <v>13.300000000000011</v>
      </c>
      <c r="E800">
        <v>4.4217915423926231</v>
      </c>
      <c r="F800">
        <v>13.116667000000007</v>
      </c>
      <c r="G800">
        <v>4.4035123546016974</v>
      </c>
    </row>
    <row r="801" spans="4:7" x14ac:dyDescent="0.25">
      <c r="D801">
        <v>13.31666700000001</v>
      </c>
      <c r="E801">
        <v>4.4222621769422572</v>
      </c>
      <c r="F801">
        <v>13.133333000000007</v>
      </c>
      <c r="G801">
        <v>4.4039241706207033</v>
      </c>
    </row>
    <row r="802" spans="4:7" x14ac:dyDescent="0.25">
      <c r="D802">
        <v>13.333334000000008</v>
      </c>
      <c r="E802">
        <v>4.4222621769422572</v>
      </c>
      <c r="F802">
        <v>13.150000000000006</v>
      </c>
      <c r="G802">
        <v>4.4043238744038664</v>
      </c>
    </row>
    <row r="803" spans="4:7" x14ac:dyDescent="0.25">
      <c r="D803">
        <v>13.350000000000009</v>
      </c>
      <c r="E803">
        <v>4.4227328114919038</v>
      </c>
      <c r="F803">
        <v>13.166667000000004</v>
      </c>
      <c r="G803">
        <v>4.4047356904228723</v>
      </c>
    </row>
    <row r="804" spans="4:7" x14ac:dyDescent="0.25">
      <c r="D804">
        <v>13.366667000000007</v>
      </c>
      <c r="E804">
        <v>4.4231896038489111</v>
      </c>
      <c r="F804">
        <v>13.183333000000005</v>
      </c>
      <c r="G804">
        <v>4.4047356904228723</v>
      </c>
    </row>
    <row r="805" spans="4:7" x14ac:dyDescent="0.25">
      <c r="D805">
        <v>13.383334000000005</v>
      </c>
      <c r="E805">
        <v>4.4231896038489111</v>
      </c>
      <c r="F805">
        <v>13.200000000000003</v>
      </c>
      <c r="G805">
        <v>4.4051475064419003</v>
      </c>
    </row>
    <row r="806" spans="4:7" x14ac:dyDescent="0.25">
      <c r="D806">
        <v>13.400000000000006</v>
      </c>
      <c r="E806">
        <v>4.4236602383985462</v>
      </c>
      <c r="F806">
        <v>13.216667000000001</v>
      </c>
      <c r="G806">
        <v>4.4055472102250404</v>
      </c>
    </row>
    <row r="807" spans="4:7" x14ac:dyDescent="0.25">
      <c r="D807">
        <v>13.416667000000004</v>
      </c>
      <c r="E807">
        <v>4.4241308729481927</v>
      </c>
      <c r="F807">
        <v>13.233333000000002</v>
      </c>
      <c r="G807">
        <v>4.4059590262440684</v>
      </c>
    </row>
    <row r="808" spans="4:7" x14ac:dyDescent="0.25">
      <c r="D808">
        <v>13.433334000000002</v>
      </c>
      <c r="E808">
        <v>4.4241308729481927</v>
      </c>
      <c r="F808">
        <v>13.25</v>
      </c>
      <c r="G808">
        <v>4.4063708422630752</v>
      </c>
    </row>
    <row r="809" spans="4:7" x14ac:dyDescent="0.25">
      <c r="D809">
        <v>13.450000000000003</v>
      </c>
      <c r="E809">
        <v>4.4245876653052001</v>
      </c>
      <c r="F809">
        <v>13.266666999999998</v>
      </c>
      <c r="G809">
        <v>4.4067705460462365</v>
      </c>
    </row>
    <row r="810" spans="4:7" x14ac:dyDescent="0.25">
      <c r="D810">
        <v>13.466667000000001</v>
      </c>
      <c r="E810">
        <v>4.4245876653052001</v>
      </c>
      <c r="F810">
        <v>13.283332999999999</v>
      </c>
      <c r="G810">
        <v>4.4071823620652433</v>
      </c>
    </row>
    <row r="811" spans="4:7" x14ac:dyDescent="0.25">
      <c r="D811">
        <v>13.483334000000013</v>
      </c>
      <c r="E811">
        <v>4.4250582998548342</v>
      </c>
      <c r="F811">
        <v>13.299999999999997</v>
      </c>
      <c r="G811">
        <v>4.4071823620652433</v>
      </c>
    </row>
    <row r="812" spans="4:7" x14ac:dyDescent="0.25">
      <c r="D812">
        <v>13.5</v>
      </c>
      <c r="E812">
        <v>4.4255289344044808</v>
      </c>
      <c r="F812">
        <v>13.31666700000001</v>
      </c>
      <c r="G812">
        <v>4.4075941780842713</v>
      </c>
    </row>
    <row r="813" spans="4:7" x14ac:dyDescent="0.25">
      <c r="D813">
        <v>13.516667000000012</v>
      </c>
      <c r="E813">
        <v>4.4255289344044808</v>
      </c>
      <c r="F813">
        <v>13.333332999999996</v>
      </c>
      <c r="G813">
        <v>4.4079938818674327</v>
      </c>
    </row>
    <row r="814" spans="4:7" x14ac:dyDescent="0.25">
      <c r="D814">
        <v>13.533334000000011</v>
      </c>
      <c r="E814">
        <v>4.4259857267614899</v>
      </c>
      <c r="F814">
        <v>13.350000000000009</v>
      </c>
      <c r="G814">
        <v>4.4084056978864394</v>
      </c>
    </row>
    <row r="815" spans="4:7" x14ac:dyDescent="0.25">
      <c r="D815">
        <v>13.550000000000011</v>
      </c>
      <c r="E815">
        <v>4.4259857267614899</v>
      </c>
      <c r="F815">
        <v>13.366667000000007</v>
      </c>
      <c r="G815">
        <v>4.4088175139054453</v>
      </c>
    </row>
    <row r="816" spans="4:7" x14ac:dyDescent="0.25">
      <c r="D816">
        <v>13.56666700000001</v>
      </c>
      <c r="E816">
        <v>4.4264563613111356</v>
      </c>
      <c r="F816">
        <v>13.383333000000007</v>
      </c>
      <c r="G816">
        <v>4.4092172176886084</v>
      </c>
    </row>
    <row r="817" spans="4:7" x14ac:dyDescent="0.25">
      <c r="D817">
        <v>13.583334000000008</v>
      </c>
      <c r="E817">
        <v>4.4264563613111356</v>
      </c>
      <c r="F817">
        <v>13.400000000000006</v>
      </c>
      <c r="G817">
        <v>4.4096290337076143</v>
      </c>
    </row>
    <row r="818" spans="4:7" x14ac:dyDescent="0.25">
      <c r="D818">
        <v>13.600000000000009</v>
      </c>
      <c r="E818">
        <v>4.4264563613111356</v>
      </c>
      <c r="F818">
        <v>13.416667000000004</v>
      </c>
      <c r="G818">
        <v>4.4096290337076143</v>
      </c>
    </row>
    <row r="819" spans="4:7" x14ac:dyDescent="0.25">
      <c r="D819">
        <v>13.616667000000007</v>
      </c>
      <c r="E819">
        <v>4.4269269958607698</v>
      </c>
      <c r="F819">
        <v>13.433333000000005</v>
      </c>
      <c r="G819">
        <v>4.4100287374907756</v>
      </c>
    </row>
    <row r="820" spans="4:7" x14ac:dyDescent="0.25">
      <c r="D820">
        <v>13.633334000000005</v>
      </c>
      <c r="E820">
        <v>4.4269269958607698</v>
      </c>
      <c r="F820">
        <v>13.450000000000003</v>
      </c>
      <c r="G820">
        <v>4.4104405535098046</v>
      </c>
    </row>
    <row r="821" spans="4:7" x14ac:dyDescent="0.25">
      <c r="D821">
        <v>13.650000000000006</v>
      </c>
      <c r="E821">
        <v>4.427383788217778</v>
      </c>
      <c r="F821">
        <v>13.466667000000001</v>
      </c>
      <c r="G821">
        <v>4.4108523695288104</v>
      </c>
    </row>
    <row r="822" spans="4:7" x14ac:dyDescent="0.25">
      <c r="D822">
        <v>13.666667000000004</v>
      </c>
      <c r="E822">
        <v>4.427383788217778</v>
      </c>
      <c r="F822">
        <v>13.483333000000002</v>
      </c>
      <c r="G822">
        <v>4.4112520733119727</v>
      </c>
    </row>
    <row r="823" spans="4:7" x14ac:dyDescent="0.25">
      <c r="D823">
        <v>13.683334000000002</v>
      </c>
      <c r="E823">
        <v>4.4278544227674246</v>
      </c>
      <c r="F823">
        <v>13.5</v>
      </c>
      <c r="G823">
        <v>4.4116638893309785</v>
      </c>
    </row>
    <row r="824" spans="4:7" x14ac:dyDescent="0.25">
      <c r="D824">
        <v>13.700000000000003</v>
      </c>
      <c r="E824">
        <v>4.4278544227674246</v>
      </c>
      <c r="F824">
        <v>13.516666999999998</v>
      </c>
      <c r="G824">
        <v>4.4120757053500066</v>
      </c>
    </row>
    <row r="825" spans="4:7" x14ac:dyDescent="0.25">
      <c r="D825">
        <v>13.716667000000001</v>
      </c>
      <c r="E825">
        <v>4.4283250573170587</v>
      </c>
      <c r="F825">
        <v>13.533332999999999</v>
      </c>
      <c r="G825">
        <v>4.4120757053500066</v>
      </c>
    </row>
    <row r="826" spans="4:7" x14ac:dyDescent="0.25">
      <c r="D826">
        <v>13.733334000000013</v>
      </c>
      <c r="E826">
        <v>4.4283250573170587</v>
      </c>
      <c r="F826">
        <v>13.549999999999997</v>
      </c>
      <c r="G826">
        <v>4.4124754091331475</v>
      </c>
    </row>
    <row r="827" spans="4:7" x14ac:dyDescent="0.25">
      <c r="D827">
        <v>13.75</v>
      </c>
      <c r="E827">
        <v>4.4287956918667053</v>
      </c>
      <c r="F827">
        <v>13.56666700000001</v>
      </c>
      <c r="G827">
        <v>4.4128872251521747</v>
      </c>
    </row>
    <row r="828" spans="4:7" x14ac:dyDescent="0.25">
      <c r="D828">
        <v>13.766667000000012</v>
      </c>
      <c r="E828">
        <v>4.4287956918667053</v>
      </c>
      <c r="F828">
        <v>13.583332999999996</v>
      </c>
      <c r="G828">
        <v>4.4132990411711814</v>
      </c>
    </row>
    <row r="829" spans="4:7" x14ac:dyDescent="0.25">
      <c r="D829">
        <v>13.783334000000011</v>
      </c>
      <c r="E829">
        <v>4.4292524842237135</v>
      </c>
      <c r="F829">
        <v>13.600000000000009</v>
      </c>
      <c r="G829">
        <v>4.4136987449543437</v>
      </c>
    </row>
    <row r="830" spans="4:7" x14ac:dyDescent="0.25">
      <c r="D830">
        <v>13.800000000000011</v>
      </c>
      <c r="E830">
        <v>4.4292524842237135</v>
      </c>
      <c r="F830">
        <v>13.616667000000007</v>
      </c>
      <c r="G830">
        <v>4.4141105609733495</v>
      </c>
    </row>
    <row r="831" spans="4:7" x14ac:dyDescent="0.25">
      <c r="D831">
        <v>13.81666700000001</v>
      </c>
      <c r="E831">
        <v>4.4297231187733477</v>
      </c>
      <c r="F831">
        <v>13.633333000000007</v>
      </c>
      <c r="G831">
        <v>4.4141105609733495</v>
      </c>
    </row>
    <row r="832" spans="4:7" x14ac:dyDescent="0.25">
      <c r="D832">
        <v>13.833334000000008</v>
      </c>
      <c r="E832">
        <v>4.4301937533229943</v>
      </c>
      <c r="F832">
        <v>13.650000000000006</v>
      </c>
      <c r="G832">
        <v>4.4145223769923776</v>
      </c>
    </row>
    <row r="833" spans="4:7" x14ac:dyDescent="0.25">
      <c r="D833">
        <v>13.850000000000009</v>
      </c>
      <c r="E833">
        <v>4.4306505456800016</v>
      </c>
      <c r="F833">
        <v>13.666667000000004</v>
      </c>
      <c r="G833">
        <v>4.4149220807755389</v>
      </c>
    </row>
    <row r="834" spans="4:7" x14ac:dyDescent="0.25">
      <c r="D834">
        <v>13.866667000000007</v>
      </c>
      <c r="E834">
        <v>4.4311211802296482</v>
      </c>
      <c r="F834">
        <v>13.683333000000005</v>
      </c>
      <c r="G834">
        <v>4.4153338967945457</v>
      </c>
    </row>
    <row r="835" spans="4:7" x14ac:dyDescent="0.25">
      <c r="D835">
        <v>13.883334000000005</v>
      </c>
      <c r="E835">
        <v>4.4311211802296482</v>
      </c>
      <c r="F835">
        <v>13.700000000000003</v>
      </c>
      <c r="G835">
        <v>4.4157457128135524</v>
      </c>
    </row>
    <row r="836" spans="4:7" x14ac:dyDescent="0.25">
      <c r="D836">
        <v>13.900000000000006</v>
      </c>
      <c r="E836">
        <v>4.4315918147792823</v>
      </c>
      <c r="F836">
        <v>13.716667000000001</v>
      </c>
      <c r="G836">
        <v>4.4161454165967138</v>
      </c>
    </row>
    <row r="837" spans="4:7" x14ac:dyDescent="0.25">
      <c r="D837">
        <v>13.916667000000004</v>
      </c>
      <c r="E837">
        <v>4.4320486071362906</v>
      </c>
      <c r="F837">
        <v>13.733333000000002</v>
      </c>
      <c r="G837">
        <v>4.4161454165967138</v>
      </c>
    </row>
    <row r="838" spans="4:7" x14ac:dyDescent="0.25">
      <c r="D838">
        <v>13.933334000000002</v>
      </c>
      <c r="E838">
        <v>4.4325192416859371</v>
      </c>
      <c r="F838">
        <v>13.75</v>
      </c>
      <c r="G838">
        <v>4.4165572326157205</v>
      </c>
    </row>
    <row r="839" spans="4:7" x14ac:dyDescent="0.25">
      <c r="D839">
        <v>13.950000000000003</v>
      </c>
      <c r="E839">
        <v>4.4325192416859371</v>
      </c>
      <c r="F839">
        <v>13.766666999999998</v>
      </c>
      <c r="G839">
        <v>4.4169690486347477</v>
      </c>
    </row>
    <row r="840" spans="4:7" x14ac:dyDescent="0.25">
      <c r="D840">
        <v>13.966667000000001</v>
      </c>
      <c r="E840">
        <v>4.4329898762355713</v>
      </c>
      <c r="F840">
        <v>13.783332999999999</v>
      </c>
      <c r="G840">
        <v>4.4173687524179108</v>
      </c>
    </row>
    <row r="841" spans="4:7" x14ac:dyDescent="0.25">
      <c r="D841">
        <v>13.983334000000013</v>
      </c>
      <c r="E841">
        <v>4.4334466685925795</v>
      </c>
      <c r="F841">
        <v>13.799999999999997</v>
      </c>
      <c r="G841">
        <v>4.4177805684369167</v>
      </c>
    </row>
    <row r="842" spans="4:7" x14ac:dyDescent="0.25">
      <c r="D842">
        <v>14</v>
      </c>
      <c r="E842">
        <v>4.4334466685925795</v>
      </c>
      <c r="F842">
        <v>13.81666700000001</v>
      </c>
      <c r="G842">
        <v>4.4177805684369167</v>
      </c>
    </row>
    <row r="843" spans="4:7" x14ac:dyDescent="0.25">
      <c r="D843">
        <v>14.016667000000012</v>
      </c>
      <c r="E843">
        <v>4.4339173031422252</v>
      </c>
      <c r="F843">
        <v>13.833332999999996</v>
      </c>
      <c r="G843">
        <v>4.4181923844559234</v>
      </c>
    </row>
    <row r="844" spans="4:7" x14ac:dyDescent="0.25">
      <c r="D844">
        <v>14.033334000000011</v>
      </c>
      <c r="E844">
        <v>4.4339173031422252</v>
      </c>
      <c r="F844">
        <v>13.850000000000009</v>
      </c>
      <c r="G844">
        <v>4.4185920882390848</v>
      </c>
    </row>
    <row r="845" spans="4:7" x14ac:dyDescent="0.25">
      <c r="D845">
        <v>14.050000000000011</v>
      </c>
      <c r="E845">
        <v>4.4343879376918602</v>
      </c>
      <c r="F845">
        <v>13.866667000000007</v>
      </c>
      <c r="G845">
        <v>4.4190039042581128</v>
      </c>
    </row>
    <row r="846" spans="4:7" x14ac:dyDescent="0.25">
      <c r="D846">
        <v>14.06666700000001</v>
      </c>
      <c r="E846">
        <v>4.4348447300488685</v>
      </c>
      <c r="F846">
        <v>13.883333000000007</v>
      </c>
      <c r="G846">
        <v>4.4190039042581128</v>
      </c>
    </row>
    <row r="847" spans="4:7" x14ac:dyDescent="0.25">
      <c r="D847">
        <v>14.083334000000008</v>
      </c>
      <c r="E847">
        <v>4.4353153645985151</v>
      </c>
      <c r="F847">
        <v>13.900000000000006</v>
      </c>
      <c r="G847">
        <v>4.4194157202771196</v>
      </c>
    </row>
    <row r="848" spans="4:7" x14ac:dyDescent="0.25">
      <c r="D848">
        <v>14.100000000000009</v>
      </c>
      <c r="E848">
        <v>4.4353153645985151</v>
      </c>
      <c r="F848">
        <v>13.916667000000004</v>
      </c>
      <c r="G848">
        <v>4.4198154240602809</v>
      </c>
    </row>
    <row r="849" spans="4:7" x14ac:dyDescent="0.25">
      <c r="D849">
        <v>14.116667000000007</v>
      </c>
      <c r="E849">
        <v>4.4357859991481607</v>
      </c>
      <c r="F849">
        <v>13.933333000000005</v>
      </c>
      <c r="G849">
        <v>4.4198154240602809</v>
      </c>
    </row>
    <row r="850" spans="4:7" x14ac:dyDescent="0.25">
      <c r="D850">
        <v>14.133334000000005</v>
      </c>
      <c r="E850">
        <v>4.4362427915051565</v>
      </c>
      <c r="F850">
        <v>13.950000000000003</v>
      </c>
      <c r="G850">
        <v>4.4202272400792877</v>
      </c>
    </row>
    <row r="851" spans="4:7" x14ac:dyDescent="0.25">
      <c r="D851">
        <v>14.150000000000006</v>
      </c>
      <c r="E851">
        <v>4.4367134260548031</v>
      </c>
      <c r="F851">
        <v>13.966667000000001</v>
      </c>
      <c r="G851">
        <v>4.4206390560982936</v>
      </c>
    </row>
    <row r="852" spans="4:7" x14ac:dyDescent="0.25">
      <c r="D852">
        <v>14.166667000000004</v>
      </c>
      <c r="E852">
        <v>4.4367134260548031</v>
      </c>
      <c r="F852">
        <v>13.983333000000002</v>
      </c>
      <c r="G852">
        <v>4.4206390560982936</v>
      </c>
    </row>
    <row r="853" spans="4:7" x14ac:dyDescent="0.25">
      <c r="D853">
        <v>14.183334000000002</v>
      </c>
      <c r="E853">
        <v>4.4371840606044497</v>
      </c>
      <c r="F853">
        <v>14</v>
      </c>
      <c r="G853">
        <v>4.4210387598814558</v>
      </c>
    </row>
    <row r="854" spans="4:7" x14ac:dyDescent="0.25">
      <c r="D854">
        <v>14.200000000000003</v>
      </c>
      <c r="E854">
        <v>4.4376408529614455</v>
      </c>
      <c r="F854">
        <v>14.016666999999998</v>
      </c>
      <c r="G854">
        <v>4.4214505759004838</v>
      </c>
    </row>
    <row r="855" spans="4:7" x14ac:dyDescent="0.25">
      <c r="D855">
        <v>14.216667000000001</v>
      </c>
      <c r="E855">
        <v>4.4376408529614455</v>
      </c>
      <c r="F855">
        <v>14.033332999999999</v>
      </c>
      <c r="G855">
        <v>4.4218623919194897</v>
      </c>
    </row>
    <row r="856" spans="4:7" x14ac:dyDescent="0.25">
      <c r="D856">
        <v>14.233334000000013</v>
      </c>
      <c r="E856">
        <v>4.4381114875110921</v>
      </c>
      <c r="F856">
        <v>14.049999999999997</v>
      </c>
      <c r="G856">
        <v>4.4218623919194897</v>
      </c>
    </row>
    <row r="857" spans="4:7" x14ac:dyDescent="0.25">
      <c r="D857">
        <v>14.25</v>
      </c>
      <c r="E857">
        <v>4.4381114875110921</v>
      </c>
      <c r="F857">
        <v>14.06666700000001</v>
      </c>
      <c r="G857">
        <v>4.4222620957026528</v>
      </c>
    </row>
    <row r="858" spans="4:7" x14ac:dyDescent="0.25">
      <c r="D858">
        <v>14.266667000000012</v>
      </c>
      <c r="E858">
        <v>4.4385821220607387</v>
      </c>
      <c r="F858">
        <v>14.083332999999996</v>
      </c>
      <c r="G858">
        <v>4.4226739117216587</v>
      </c>
    </row>
    <row r="859" spans="4:7" x14ac:dyDescent="0.25">
      <c r="D859">
        <v>14.283334000000011</v>
      </c>
      <c r="E859">
        <v>4.4385821220607387</v>
      </c>
      <c r="F859">
        <v>14.100000000000009</v>
      </c>
      <c r="G859">
        <v>4.4226739117216587</v>
      </c>
    </row>
    <row r="860" spans="4:7" x14ac:dyDescent="0.25">
      <c r="D860">
        <v>14.300000000000011</v>
      </c>
      <c r="E860">
        <v>4.439038914417746</v>
      </c>
      <c r="F860">
        <v>14.116667000000007</v>
      </c>
      <c r="G860">
        <v>4.4230857277406859</v>
      </c>
    </row>
    <row r="861" spans="4:7" x14ac:dyDescent="0.25">
      <c r="D861">
        <v>14.31666700000001</v>
      </c>
      <c r="E861">
        <v>4.439038914417746</v>
      </c>
      <c r="F861">
        <v>14.133333000000007</v>
      </c>
      <c r="G861">
        <v>4.4234854315238268</v>
      </c>
    </row>
    <row r="862" spans="4:7" x14ac:dyDescent="0.25">
      <c r="D862">
        <v>14.333334000000008</v>
      </c>
      <c r="E862">
        <v>4.439509548967381</v>
      </c>
      <c r="F862">
        <v>14.150000000000006</v>
      </c>
      <c r="G862">
        <v>4.4234854315238268</v>
      </c>
    </row>
    <row r="863" spans="4:7" x14ac:dyDescent="0.25">
      <c r="D863">
        <v>14.350000000000009</v>
      </c>
      <c r="E863">
        <v>4.4399801835170276</v>
      </c>
      <c r="F863">
        <v>14.166667000000004</v>
      </c>
      <c r="G863">
        <v>4.4238972475428548</v>
      </c>
    </row>
    <row r="864" spans="4:7" x14ac:dyDescent="0.25">
      <c r="D864">
        <v>14.366667000000007</v>
      </c>
      <c r="E864">
        <v>4.4404369758740359</v>
      </c>
      <c r="F864">
        <v>14.183333000000005</v>
      </c>
      <c r="G864">
        <v>4.4242969513260171</v>
      </c>
    </row>
    <row r="865" spans="4:7" x14ac:dyDescent="0.25">
      <c r="D865">
        <v>14.383334000000005</v>
      </c>
      <c r="E865">
        <v>4.4404369758740359</v>
      </c>
      <c r="F865">
        <v>14.200000000000003</v>
      </c>
      <c r="G865">
        <v>4.4242969513260171</v>
      </c>
    </row>
    <row r="866" spans="4:7" x14ac:dyDescent="0.25">
      <c r="D866">
        <v>14.400000000000006</v>
      </c>
      <c r="E866">
        <v>4.4409076104236691</v>
      </c>
      <c r="F866">
        <v>14.216667000000001</v>
      </c>
      <c r="G866">
        <v>4.4247087673450229</v>
      </c>
    </row>
    <row r="867" spans="4:7" x14ac:dyDescent="0.25">
      <c r="D867">
        <v>14.416667000000004</v>
      </c>
      <c r="E867">
        <v>4.4413782449733157</v>
      </c>
      <c r="F867">
        <v>14.233333000000002</v>
      </c>
      <c r="G867">
        <v>4.4251205833640288</v>
      </c>
    </row>
    <row r="868" spans="4:7" x14ac:dyDescent="0.25">
      <c r="D868">
        <v>14.433334000000002</v>
      </c>
      <c r="E868">
        <v>4.4418350373303239</v>
      </c>
      <c r="F868">
        <v>14.25</v>
      </c>
      <c r="G868">
        <v>4.4251205833640288</v>
      </c>
    </row>
    <row r="869" spans="4:7" x14ac:dyDescent="0.25">
      <c r="D869">
        <v>14.450000000000003</v>
      </c>
      <c r="E869">
        <v>4.4418350373303239</v>
      </c>
      <c r="F869">
        <v>14.266666999999998</v>
      </c>
      <c r="G869">
        <v>4.4255202871471919</v>
      </c>
    </row>
    <row r="870" spans="4:7" x14ac:dyDescent="0.25">
      <c r="D870">
        <v>14.466667000000001</v>
      </c>
      <c r="E870">
        <v>4.4423056718799581</v>
      </c>
      <c r="F870">
        <v>14.283332999999999</v>
      </c>
      <c r="G870">
        <v>4.4259321031662191</v>
      </c>
    </row>
    <row r="871" spans="4:7" x14ac:dyDescent="0.25">
      <c r="D871">
        <v>14.483334000000013</v>
      </c>
      <c r="E871">
        <v>4.4423056718799581</v>
      </c>
      <c r="F871">
        <v>14.299999999999997</v>
      </c>
      <c r="G871">
        <v>4.4259321031662191</v>
      </c>
    </row>
    <row r="872" spans="4:7" x14ac:dyDescent="0.25">
      <c r="D872">
        <v>14.5</v>
      </c>
      <c r="E872">
        <v>4.4423056718799581</v>
      </c>
      <c r="F872">
        <v>14.31666700000001</v>
      </c>
      <c r="G872">
        <v>4.4263439191852259</v>
      </c>
    </row>
    <row r="873" spans="4:7" x14ac:dyDescent="0.25">
      <c r="D873">
        <v>14.516667000000012</v>
      </c>
      <c r="E873">
        <v>4.4427763064296046</v>
      </c>
      <c r="F873">
        <v>14.333332999999996</v>
      </c>
      <c r="G873">
        <v>4.4267436229683881</v>
      </c>
    </row>
    <row r="874" spans="4:7" x14ac:dyDescent="0.25">
      <c r="D874">
        <v>14.533334000000011</v>
      </c>
      <c r="E874">
        <v>4.4427763064296046</v>
      </c>
      <c r="F874">
        <v>14.350000000000009</v>
      </c>
      <c r="G874">
        <v>4.4267436229683881</v>
      </c>
    </row>
    <row r="875" spans="4:7" x14ac:dyDescent="0.25">
      <c r="D875">
        <v>14.550000000000011</v>
      </c>
      <c r="E875">
        <v>4.4427763064296046</v>
      </c>
      <c r="F875">
        <v>14.366667000000007</v>
      </c>
      <c r="G875">
        <v>4.4271554389873939</v>
      </c>
    </row>
    <row r="876" spans="4:7" x14ac:dyDescent="0.25">
      <c r="D876">
        <v>14.56666700000001</v>
      </c>
      <c r="E876">
        <v>4.4432330987866129</v>
      </c>
      <c r="F876">
        <v>14.383333000000007</v>
      </c>
      <c r="G876">
        <v>4.4275672550064007</v>
      </c>
    </row>
    <row r="877" spans="4:7" x14ac:dyDescent="0.25">
      <c r="D877">
        <v>14.583334000000008</v>
      </c>
      <c r="E877">
        <v>4.4432330987866129</v>
      </c>
      <c r="F877">
        <v>14.400000000000006</v>
      </c>
      <c r="G877">
        <v>4.427966958789562</v>
      </c>
    </row>
    <row r="878" spans="4:7" x14ac:dyDescent="0.25">
      <c r="D878">
        <v>14.600000000000009</v>
      </c>
      <c r="E878">
        <v>4.4437037333362595</v>
      </c>
      <c r="F878">
        <v>14.416667000000004</v>
      </c>
      <c r="G878">
        <v>4.427966958789562</v>
      </c>
    </row>
    <row r="879" spans="4:7" x14ac:dyDescent="0.25">
      <c r="D879">
        <v>14.616667000000007</v>
      </c>
      <c r="E879">
        <v>4.4437037333362595</v>
      </c>
      <c r="F879">
        <v>14.433333000000005</v>
      </c>
      <c r="G879">
        <v>4.4283787748085901</v>
      </c>
    </row>
    <row r="880" spans="4:7" x14ac:dyDescent="0.25">
      <c r="D880">
        <v>14.633334000000005</v>
      </c>
      <c r="E880">
        <v>4.4441743678858936</v>
      </c>
      <c r="F880">
        <v>14.450000000000003</v>
      </c>
      <c r="G880">
        <v>4.428790590827596</v>
      </c>
    </row>
    <row r="881" spans="4:7" x14ac:dyDescent="0.25">
      <c r="D881">
        <v>14.650000000000006</v>
      </c>
      <c r="E881">
        <v>4.4446311602429009</v>
      </c>
      <c r="F881">
        <v>14.466667000000001</v>
      </c>
      <c r="G881">
        <v>4.428790590827596</v>
      </c>
    </row>
    <row r="882" spans="4:7" x14ac:dyDescent="0.25">
      <c r="D882">
        <v>14.666667000000004</v>
      </c>
      <c r="E882">
        <v>4.4446311602429009</v>
      </c>
      <c r="F882">
        <v>14.483333000000002</v>
      </c>
      <c r="G882">
        <v>4.4291902946107582</v>
      </c>
    </row>
    <row r="883" spans="4:7" x14ac:dyDescent="0.25">
      <c r="D883">
        <v>14.683334000000002</v>
      </c>
      <c r="E883">
        <v>4.4451017947925475</v>
      </c>
      <c r="F883">
        <v>14.5</v>
      </c>
      <c r="G883">
        <v>4.4296021106297649</v>
      </c>
    </row>
    <row r="884" spans="4:7" x14ac:dyDescent="0.25">
      <c r="D884">
        <v>14.700000000000003</v>
      </c>
      <c r="E884">
        <v>4.4451017947925475</v>
      </c>
      <c r="F884">
        <v>14.516666999999998</v>
      </c>
      <c r="G884">
        <v>4.4300139266487921</v>
      </c>
    </row>
    <row r="885" spans="4:7" x14ac:dyDescent="0.25">
      <c r="D885">
        <v>14.716667000000001</v>
      </c>
      <c r="E885">
        <v>4.4455724293421826</v>
      </c>
      <c r="F885">
        <v>14.533332999999999</v>
      </c>
      <c r="G885">
        <v>4.4300139266487921</v>
      </c>
    </row>
    <row r="886" spans="4:7" x14ac:dyDescent="0.25">
      <c r="D886">
        <v>14.733334000000013</v>
      </c>
      <c r="E886">
        <v>4.4455724293421826</v>
      </c>
      <c r="F886">
        <v>14.549999999999997</v>
      </c>
      <c r="G886">
        <v>4.430413630431933</v>
      </c>
    </row>
    <row r="887" spans="4:7" x14ac:dyDescent="0.25">
      <c r="D887">
        <v>14.75</v>
      </c>
      <c r="E887">
        <v>4.4455724293421826</v>
      </c>
      <c r="F887">
        <v>14.56666700000001</v>
      </c>
      <c r="G887">
        <v>4.4308254464509611</v>
      </c>
    </row>
    <row r="888" spans="4:7" x14ac:dyDescent="0.25">
      <c r="D888">
        <v>14.766667000000012</v>
      </c>
      <c r="E888">
        <v>4.4460430638918291</v>
      </c>
      <c r="F888">
        <v>14.583332999999996</v>
      </c>
      <c r="G888">
        <v>4.4312372624699679</v>
      </c>
    </row>
    <row r="889" spans="4:7" x14ac:dyDescent="0.25">
      <c r="D889">
        <v>14.783334000000011</v>
      </c>
      <c r="E889">
        <v>4.4460430638918291</v>
      </c>
      <c r="F889">
        <v>14.600000000000009</v>
      </c>
      <c r="G889">
        <v>4.4312372624699679</v>
      </c>
    </row>
    <row r="890" spans="4:7" x14ac:dyDescent="0.25">
      <c r="D890">
        <v>14.800000000000011</v>
      </c>
      <c r="E890">
        <v>4.4464998562488365</v>
      </c>
      <c r="F890">
        <v>14.616667000000007</v>
      </c>
      <c r="G890">
        <v>4.4316369662531292</v>
      </c>
    </row>
    <row r="891" spans="4:7" x14ac:dyDescent="0.25">
      <c r="D891">
        <v>14.81666700000001</v>
      </c>
      <c r="E891">
        <v>4.4464998562488365</v>
      </c>
      <c r="F891">
        <v>14.633333000000007</v>
      </c>
      <c r="G891">
        <v>4.4320487822721351</v>
      </c>
    </row>
    <row r="892" spans="4:7" x14ac:dyDescent="0.25">
      <c r="D892">
        <v>14.833334000000008</v>
      </c>
      <c r="E892">
        <v>4.4469704907984706</v>
      </c>
      <c r="F892">
        <v>14.650000000000006</v>
      </c>
      <c r="G892">
        <v>4.432460598291164</v>
      </c>
    </row>
    <row r="893" spans="4:7" x14ac:dyDescent="0.25">
      <c r="D893">
        <v>14.850000000000009</v>
      </c>
      <c r="E893">
        <v>4.4474411253481172</v>
      </c>
      <c r="F893">
        <v>14.666667000000004</v>
      </c>
      <c r="G893">
        <v>4.432460598291164</v>
      </c>
    </row>
    <row r="894" spans="4:7" x14ac:dyDescent="0.25">
      <c r="D894">
        <v>14.866667000000007</v>
      </c>
      <c r="E894">
        <v>4.4474411253481172</v>
      </c>
      <c r="F894">
        <v>14.683333000000005</v>
      </c>
      <c r="G894">
        <v>4.4328603020743254</v>
      </c>
    </row>
    <row r="895" spans="4:7" x14ac:dyDescent="0.25">
      <c r="D895">
        <v>14.883334000000005</v>
      </c>
      <c r="E895">
        <v>4.4478979177051254</v>
      </c>
      <c r="F895">
        <v>14.700000000000003</v>
      </c>
      <c r="G895">
        <v>4.4332721180933321</v>
      </c>
    </row>
    <row r="896" spans="4:7" x14ac:dyDescent="0.25">
      <c r="D896">
        <v>14.900000000000006</v>
      </c>
      <c r="E896">
        <v>4.4483685522547596</v>
      </c>
      <c r="F896">
        <v>14.716667000000001</v>
      </c>
      <c r="G896">
        <v>4.4332721180933321</v>
      </c>
    </row>
    <row r="897" spans="4:7" x14ac:dyDescent="0.25">
      <c r="D897">
        <v>14.916667000000004</v>
      </c>
      <c r="E897">
        <v>4.4488391868044062</v>
      </c>
      <c r="F897">
        <v>14.733333000000002</v>
      </c>
      <c r="G897">
        <v>4.433683934112338</v>
      </c>
    </row>
    <row r="898" spans="4:7" x14ac:dyDescent="0.25">
      <c r="D898">
        <v>14.933334000000002</v>
      </c>
      <c r="E898">
        <v>4.4492959791614144</v>
      </c>
      <c r="F898">
        <v>14.75</v>
      </c>
      <c r="G898">
        <v>4.4340836378955002</v>
      </c>
    </row>
    <row r="899" spans="4:7" x14ac:dyDescent="0.25">
      <c r="D899">
        <v>14.950000000000003</v>
      </c>
      <c r="E899">
        <v>4.449766613711061</v>
      </c>
      <c r="F899">
        <v>14.766666999999998</v>
      </c>
      <c r="G899">
        <v>4.4340836378955002</v>
      </c>
    </row>
    <row r="900" spans="4:7" x14ac:dyDescent="0.25">
      <c r="D900">
        <v>14.966667000000001</v>
      </c>
      <c r="E900">
        <v>4.4502372482606942</v>
      </c>
      <c r="F900">
        <v>14.783332999999999</v>
      </c>
      <c r="G900">
        <v>4.4344954539145069</v>
      </c>
    </row>
    <row r="901" spans="4:7" x14ac:dyDescent="0.25">
      <c r="D901">
        <v>14.983334000000013</v>
      </c>
      <c r="E901">
        <v>4.4506940406177034</v>
      </c>
      <c r="F901">
        <v>14.799999999999997</v>
      </c>
      <c r="G901">
        <v>4.4349072699335341</v>
      </c>
    </row>
    <row r="902" spans="4:7" x14ac:dyDescent="0.25">
      <c r="D902">
        <v>15</v>
      </c>
      <c r="E902">
        <v>4.4511646751673499</v>
      </c>
      <c r="F902">
        <v>14.81666700000001</v>
      </c>
      <c r="G902">
        <v>4.4349072699335341</v>
      </c>
    </row>
    <row r="903" spans="4:7" x14ac:dyDescent="0.25">
      <c r="D903">
        <v>15.016667000000012</v>
      </c>
      <c r="E903">
        <v>4.4516353097169841</v>
      </c>
      <c r="F903">
        <v>14.833332999999996</v>
      </c>
      <c r="G903">
        <v>4.4353069737166972</v>
      </c>
    </row>
    <row r="904" spans="4:7" x14ac:dyDescent="0.25">
      <c r="D904">
        <v>15.033334000000011</v>
      </c>
      <c r="E904">
        <v>4.4520921020739914</v>
      </c>
      <c r="F904">
        <v>14.850000000000009</v>
      </c>
      <c r="G904">
        <v>4.4357187897357031</v>
      </c>
    </row>
    <row r="905" spans="4:7" x14ac:dyDescent="0.25">
      <c r="D905">
        <v>15.050000000000011</v>
      </c>
      <c r="E905">
        <v>4.4520921020739914</v>
      </c>
      <c r="F905">
        <v>14.866667000000007</v>
      </c>
      <c r="G905">
        <v>4.4357187897357031</v>
      </c>
    </row>
    <row r="906" spans="4:7" x14ac:dyDescent="0.25">
      <c r="D906">
        <v>15.06666700000001</v>
      </c>
      <c r="E906">
        <v>4.452562736623638</v>
      </c>
      <c r="F906">
        <v>14.883333000000007</v>
      </c>
      <c r="G906">
        <v>4.436130605754709</v>
      </c>
    </row>
    <row r="907" spans="4:7" x14ac:dyDescent="0.25">
      <c r="D907">
        <v>15.083334000000008</v>
      </c>
      <c r="E907">
        <v>4.453033371173273</v>
      </c>
      <c r="F907">
        <v>14.900000000000006</v>
      </c>
      <c r="G907">
        <v>4.4365303095378712</v>
      </c>
    </row>
    <row r="908" spans="4:7" x14ac:dyDescent="0.25">
      <c r="D908">
        <v>15.100000000000009</v>
      </c>
      <c r="E908">
        <v>4.453033371173273</v>
      </c>
      <c r="F908">
        <v>14.916667000000004</v>
      </c>
      <c r="G908">
        <v>4.4365303095378712</v>
      </c>
    </row>
    <row r="909" spans="4:7" x14ac:dyDescent="0.25">
      <c r="D909">
        <v>15.116667000000007</v>
      </c>
      <c r="E909">
        <v>4.4534901635302804</v>
      </c>
      <c r="F909">
        <v>14.933333000000005</v>
      </c>
      <c r="G909">
        <v>4.4369421255568771</v>
      </c>
    </row>
    <row r="910" spans="4:7" x14ac:dyDescent="0.25">
      <c r="D910">
        <v>15.133334000000005</v>
      </c>
      <c r="E910">
        <v>4.453960798079927</v>
      </c>
      <c r="F910">
        <v>14.950000000000003</v>
      </c>
      <c r="G910">
        <v>4.4373418293400402</v>
      </c>
    </row>
    <row r="911" spans="4:7" x14ac:dyDescent="0.25">
      <c r="D911">
        <v>15.150000000000006</v>
      </c>
      <c r="E911">
        <v>4.453960798079927</v>
      </c>
      <c r="F911">
        <v>14.966667000000001</v>
      </c>
      <c r="G911">
        <v>4.4373418293400402</v>
      </c>
    </row>
    <row r="912" spans="4:7" x14ac:dyDescent="0.25">
      <c r="D912">
        <v>15.166667000000004</v>
      </c>
      <c r="E912">
        <v>4.4544314326295735</v>
      </c>
      <c r="F912">
        <v>14.983333000000002</v>
      </c>
      <c r="G912">
        <v>4.4377536453590674</v>
      </c>
    </row>
    <row r="913" spans="4:7" x14ac:dyDescent="0.25">
      <c r="D913">
        <v>15.183334000000002</v>
      </c>
      <c r="E913">
        <v>4.4548882249865684</v>
      </c>
      <c r="F913">
        <v>15</v>
      </c>
      <c r="G913">
        <v>4.4381654613780732</v>
      </c>
    </row>
    <row r="914" spans="4:7" x14ac:dyDescent="0.25">
      <c r="D914">
        <v>15.200000000000003</v>
      </c>
      <c r="E914">
        <v>4.4548882249865684</v>
      </c>
      <c r="F914">
        <v>15.016666999999998</v>
      </c>
      <c r="G914">
        <v>4.4381654613780732</v>
      </c>
    </row>
    <row r="915" spans="4:7" x14ac:dyDescent="0.25">
      <c r="D915">
        <v>15.216667000000001</v>
      </c>
      <c r="E915">
        <v>4.455358859536215</v>
      </c>
      <c r="F915">
        <v>15.033332999999999</v>
      </c>
      <c r="G915">
        <v>4.4385651651612363</v>
      </c>
    </row>
    <row r="916" spans="4:7" x14ac:dyDescent="0.25">
      <c r="D916">
        <v>15.233334000000013</v>
      </c>
      <c r="E916">
        <v>4.455358859536215</v>
      </c>
      <c r="F916">
        <v>15.049999999999997</v>
      </c>
      <c r="G916">
        <v>4.4389769811802422</v>
      </c>
    </row>
    <row r="917" spans="4:7" x14ac:dyDescent="0.25">
      <c r="D917">
        <v>15.25</v>
      </c>
      <c r="E917">
        <v>4.4558294940858616</v>
      </c>
      <c r="F917">
        <v>15.06666700000001</v>
      </c>
      <c r="G917">
        <v>4.4389769811802422</v>
      </c>
    </row>
    <row r="918" spans="4:7" x14ac:dyDescent="0.25">
      <c r="D918">
        <v>15.266667000000012</v>
      </c>
      <c r="E918">
        <v>4.4558294940858616</v>
      </c>
      <c r="F918">
        <v>15.083332999999996</v>
      </c>
      <c r="G918">
        <v>4.4393887971992703</v>
      </c>
    </row>
    <row r="919" spans="4:7" x14ac:dyDescent="0.25">
      <c r="D919">
        <v>15.283334000000011</v>
      </c>
      <c r="E919">
        <v>4.4562862864428583</v>
      </c>
      <c r="F919">
        <v>15.100000000000009</v>
      </c>
      <c r="G919">
        <v>4.4397885009824316</v>
      </c>
    </row>
    <row r="920" spans="4:7" x14ac:dyDescent="0.25">
      <c r="D920">
        <v>15.300000000000011</v>
      </c>
      <c r="E920">
        <v>4.4562862864428583</v>
      </c>
      <c r="F920">
        <v>15.116667000000007</v>
      </c>
      <c r="G920">
        <v>4.4402003170014384</v>
      </c>
    </row>
    <row r="921" spans="4:7" x14ac:dyDescent="0.25">
      <c r="D921">
        <v>15.31666700000001</v>
      </c>
      <c r="E921">
        <v>4.456756920992504</v>
      </c>
      <c r="F921">
        <v>15.133333000000007</v>
      </c>
      <c r="G921">
        <v>4.4402003170014384</v>
      </c>
    </row>
    <row r="922" spans="4:7" x14ac:dyDescent="0.25">
      <c r="D922">
        <v>15.333334000000008</v>
      </c>
      <c r="E922">
        <v>4.456756920992504</v>
      </c>
      <c r="F922">
        <v>15.150000000000006</v>
      </c>
      <c r="G922">
        <v>4.4406121330204451</v>
      </c>
    </row>
    <row r="923" spans="4:7" x14ac:dyDescent="0.25">
      <c r="D923">
        <v>15.350000000000009</v>
      </c>
      <c r="E923">
        <v>4.456756920992504</v>
      </c>
      <c r="F923">
        <v>15.166667000000004</v>
      </c>
      <c r="G923">
        <v>4.4410118368036064</v>
      </c>
    </row>
    <row r="924" spans="4:7" x14ac:dyDescent="0.25">
      <c r="D924">
        <v>15.366667000000007</v>
      </c>
      <c r="E924">
        <v>4.4572275555421506</v>
      </c>
      <c r="F924">
        <v>15.183333000000005</v>
      </c>
      <c r="G924">
        <v>4.4414236528226132</v>
      </c>
    </row>
    <row r="925" spans="4:7" x14ac:dyDescent="0.25">
      <c r="D925">
        <v>15.383334000000005</v>
      </c>
      <c r="E925">
        <v>4.4572275555421506</v>
      </c>
      <c r="F925">
        <v>15.200000000000003</v>
      </c>
      <c r="G925">
        <v>4.4414236528226132</v>
      </c>
    </row>
    <row r="926" spans="4:7" x14ac:dyDescent="0.25">
      <c r="D926">
        <v>15.400000000000006</v>
      </c>
      <c r="E926">
        <v>4.4572275555421506</v>
      </c>
      <c r="F926">
        <v>15.216667000000001</v>
      </c>
      <c r="G926">
        <v>4.4418354688416404</v>
      </c>
    </row>
    <row r="927" spans="4:7" x14ac:dyDescent="0.25">
      <c r="D927">
        <v>15.416667000000004</v>
      </c>
      <c r="E927">
        <v>4.4572275555421506</v>
      </c>
      <c r="F927">
        <v>15.233333000000002</v>
      </c>
      <c r="G927">
        <v>4.4422351726248026</v>
      </c>
    </row>
    <row r="928" spans="4:7" x14ac:dyDescent="0.25">
      <c r="D928">
        <v>15.433334000000002</v>
      </c>
      <c r="E928">
        <v>4.4576843478991588</v>
      </c>
      <c r="F928">
        <v>15.25</v>
      </c>
      <c r="G928">
        <v>4.4422351726248026</v>
      </c>
    </row>
    <row r="929" spans="4:7" x14ac:dyDescent="0.25">
      <c r="D929">
        <v>15.450000000000003</v>
      </c>
      <c r="E929">
        <v>4.4576843478991588</v>
      </c>
      <c r="F929">
        <v>15.266666999999998</v>
      </c>
      <c r="G929">
        <v>4.4426469886438094</v>
      </c>
    </row>
    <row r="930" spans="4:7" x14ac:dyDescent="0.25">
      <c r="D930">
        <v>15.466667000000001</v>
      </c>
      <c r="E930">
        <v>4.4576843478991588</v>
      </c>
      <c r="F930">
        <v>15.283332999999999</v>
      </c>
      <c r="G930">
        <v>4.4430588046628152</v>
      </c>
    </row>
    <row r="931" spans="4:7" x14ac:dyDescent="0.25">
      <c r="D931">
        <v>15.483334000000013</v>
      </c>
      <c r="E931">
        <v>4.4581549824487938</v>
      </c>
      <c r="F931">
        <v>15.299999999999997</v>
      </c>
      <c r="G931">
        <v>4.4434585084459775</v>
      </c>
    </row>
    <row r="932" spans="4:7" x14ac:dyDescent="0.25">
      <c r="D932">
        <v>15.5</v>
      </c>
      <c r="E932">
        <v>4.4581549824487938</v>
      </c>
      <c r="F932">
        <v>15.31666700000001</v>
      </c>
      <c r="G932">
        <v>4.4434585084459775</v>
      </c>
    </row>
    <row r="933" spans="4:7" x14ac:dyDescent="0.25">
      <c r="D933">
        <v>15.516667000000012</v>
      </c>
      <c r="E933">
        <v>4.4586256169984395</v>
      </c>
      <c r="F933">
        <v>15.333332999999996</v>
      </c>
      <c r="G933">
        <v>4.4438703244649842</v>
      </c>
    </row>
    <row r="934" spans="4:7" x14ac:dyDescent="0.25">
      <c r="D934">
        <v>15.533334000000011</v>
      </c>
      <c r="E934">
        <v>4.4586256169984395</v>
      </c>
      <c r="F934">
        <v>15.350000000000009</v>
      </c>
      <c r="G934">
        <v>4.4442821404840123</v>
      </c>
    </row>
    <row r="935" spans="4:7" x14ac:dyDescent="0.25">
      <c r="D935">
        <v>15.550000000000011</v>
      </c>
      <c r="E935">
        <v>4.4590824093554478</v>
      </c>
      <c r="F935">
        <v>15.366667000000007</v>
      </c>
      <c r="G935">
        <v>4.4442821404840123</v>
      </c>
    </row>
    <row r="936" spans="4:7" x14ac:dyDescent="0.25">
      <c r="D936">
        <v>15.56666700000001</v>
      </c>
      <c r="E936">
        <v>4.4590824093554478</v>
      </c>
      <c r="F936">
        <v>15.383333000000007</v>
      </c>
      <c r="G936">
        <v>4.4446818442671736</v>
      </c>
    </row>
    <row r="937" spans="4:7" x14ac:dyDescent="0.25">
      <c r="D937">
        <v>15.583334000000008</v>
      </c>
      <c r="E937">
        <v>4.4590824093554478</v>
      </c>
      <c r="F937">
        <v>15.400000000000006</v>
      </c>
      <c r="G937">
        <v>4.4446818442671736</v>
      </c>
    </row>
    <row r="938" spans="4:7" x14ac:dyDescent="0.25">
      <c r="D938">
        <v>15.600000000000009</v>
      </c>
      <c r="E938">
        <v>4.4595530439050819</v>
      </c>
      <c r="F938">
        <v>15.416667000000004</v>
      </c>
      <c r="G938">
        <v>4.4450936602861795</v>
      </c>
    </row>
    <row r="939" spans="4:7" x14ac:dyDescent="0.25">
      <c r="D939">
        <v>15.616667000000007</v>
      </c>
      <c r="E939">
        <v>4.4595530439050819</v>
      </c>
      <c r="F939">
        <v>15.433333000000005</v>
      </c>
      <c r="G939">
        <v>4.4455054763051862</v>
      </c>
    </row>
    <row r="940" spans="4:7" x14ac:dyDescent="0.25">
      <c r="D940">
        <v>15.633334000000005</v>
      </c>
      <c r="E940">
        <v>4.4595530439050819</v>
      </c>
      <c r="F940">
        <v>15.450000000000003</v>
      </c>
      <c r="G940">
        <v>4.4455054763051862</v>
      </c>
    </row>
    <row r="941" spans="4:7" x14ac:dyDescent="0.25">
      <c r="D941">
        <v>15.650000000000006</v>
      </c>
      <c r="E941">
        <v>4.4600236784547285</v>
      </c>
      <c r="F941">
        <v>15.466667000000001</v>
      </c>
      <c r="G941">
        <v>4.4459051800883485</v>
      </c>
    </row>
    <row r="942" spans="4:7" x14ac:dyDescent="0.25">
      <c r="D942">
        <v>15.666667000000004</v>
      </c>
      <c r="E942">
        <v>4.4600236784547285</v>
      </c>
      <c r="F942">
        <v>15.483333000000002</v>
      </c>
      <c r="G942">
        <v>4.4459051800883485</v>
      </c>
    </row>
    <row r="943" spans="4:7" x14ac:dyDescent="0.25">
      <c r="D943">
        <v>15.683334000000002</v>
      </c>
      <c r="E943">
        <v>4.4604804708117358</v>
      </c>
      <c r="F943">
        <v>15.5</v>
      </c>
      <c r="G943">
        <v>4.4463169961073765</v>
      </c>
    </row>
    <row r="944" spans="4:7" x14ac:dyDescent="0.25">
      <c r="D944">
        <v>15.700000000000003</v>
      </c>
      <c r="E944">
        <v>4.4604804708117358</v>
      </c>
      <c r="F944">
        <v>15.516666999999998</v>
      </c>
      <c r="G944">
        <v>4.4467288121263824</v>
      </c>
    </row>
    <row r="945" spans="4:7" x14ac:dyDescent="0.25">
      <c r="D945">
        <v>15.716667000000001</v>
      </c>
      <c r="E945">
        <v>4.4609511053613708</v>
      </c>
      <c r="F945">
        <v>15.533332999999999</v>
      </c>
      <c r="G945">
        <v>4.4467288121263824</v>
      </c>
    </row>
    <row r="946" spans="4:7" x14ac:dyDescent="0.25">
      <c r="D946">
        <v>15.733334000000013</v>
      </c>
      <c r="E946">
        <v>4.4609511053613708</v>
      </c>
      <c r="F946">
        <v>15.549999999999997</v>
      </c>
      <c r="G946">
        <v>4.4471285159095446</v>
      </c>
    </row>
    <row r="947" spans="4:7" x14ac:dyDescent="0.25">
      <c r="D947">
        <v>15.75</v>
      </c>
      <c r="E947">
        <v>4.4614217399110174</v>
      </c>
      <c r="F947">
        <v>15.56666700000001</v>
      </c>
      <c r="G947">
        <v>4.4475403319285514</v>
      </c>
    </row>
    <row r="948" spans="4:7" x14ac:dyDescent="0.25">
      <c r="D948">
        <v>15.766667000000012</v>
      </c>
      <c r="E948">
        <v>4.4618785322680248</v>
      </c>
      <c r="F948">
        <v>15.583332999999996</v>
      </c>
      <c r="G948">
        <v>4.4475403319285514</v>
      </c>
    </row>
    <row r="949" spans="4:7" x14ac:dyDescent="0.25">
      <c r="D949">
        <v>15.783334000000011</v>
      </c>
      <c r="E949">
        <v>4.4618785322680248</v>
      </c>
      <c r="F949">
        <v>15.600000000000009</v>
      </c>
      <c r="G949">
        <v>4.4479521479475572</v>
      </c>
    </row>
    <row r="950" spans="4:7" x14ac:dyDescent="0.25">
      <c r="D950">
        <v>15.800000000000011</v>
      </c>
      <c r="E950">
        <v>4.4623491668176714</v>
      </c>
      <c r="F950">
        <v>15.616667000000007</v>
      </c>
      <c r="G950">
        <v>4.4483518517307195</v>
      </c>
    </row>
    <row r="951" spans="4:7" x14ac:dyDescent="0.25">
      <c r="D951">
        <v>15.81666700000001</v>
      </c>
      <c r="E951">
        <v>4.4628198013673055</v>
      </c>
      <c r="F951">
        <v>15.633333000000007</v>
      </c>
      <c r="G951">
        <v>4.4483518517307195</v>
      </c>
    </row>
    <row r="952" spans="4:7" x14ac:dyDescent="0.25">
      <c r="D952">
        <v>15.833334000000008</v>
      </c>
      <c r="E952">
        <v>4.4628198013673055</v>
      </c>
      <c r="F952">
        <v>15.650000000000006</v>
      </c>
      <c r="G952">
        <v>4.4487636677497475</v>
      </c>
    </row>
    <row r="953" spans="4:7" x14ac:dyDescent="0.25">
      <c r="D953">
        <v>15.850000000000009</v>
      </c>
      <c r="E953">
        <v>4.4632765937243137</v>
      </c>
      <c r="F953">
        <v>15.666667000000004</v>
      </c>
      <c r="G953">
        <v>4.4487636677497475</v>
      </c>
    </row>
    <row r="954" spans="4:7" x14ac:dyDescent="0.25">
      <c r="D954">
        <v>15.866667000000007</v>
      </c>
      <c r="E954">
        <v>4.4637472282739603</v>
      </c>
      <c r="F954">
        <v>15.683333000000005</v>
      </c>
      <c r="G954">
        <v>4.4491754837687534</v>
      </c>
    </row>
    <row r="955" spans="4:7" x14ac:dyDescent="0.25">
      <c r="D955">
        <v>15.883334000000005</v>
      </c>
      <c r="E955">
        <v>4.4642178628235945</v>
      </c>
      <c r="F955">
        <v>15.700000000000003</v>
      </c>
      <c r="G955">
        <v>4.4491754837687534</v>
      </c>
    </row>
    <row r="956" spans="4:7" x14ac:dyDescent="0.25">
      <c r="D956">
        <v>15.900000000000006</v>
      </c>
      <c r="E956">
        <v>4.464688497373241</v>
      </c>
      <c r="F956">
        <v>15.716667000000001</v>
      </c>
      <c r="G956">
        <v>4.4495751875519156</v>
      </c>
    </row>
    <row r="957" spans="4:7" x14ac:dyDescent="0.25">
      <c r="D957">
        <v>15.916667000000004</v>
      </c>
      <c r="E957">
        <v>4.464688497373241</v>
      </c>
      <c r="F957">
        <v>15.733333000000002</v>
      </c>
      <c r="G957">
        <v>4.4499870035709215</v>
      </c>
    </row>
    <row r="958" spans="4:7" x14ac:dyDescent="0.25">
      <c r="D958">
        <v>15.933334000000002</v>
      </c>
      <c r="E958">
        <v>4.4651452897302493</v>
      </c>
      <c r="F958">
        <v>15.75</v>
      </c>
      <c r="G958">
        <v>4.4499870035709215</v>
      </c>
    </row>
    <row r="959" spans="4:7" x14ac:dyDescent="0.25">
      <c r="D959">
        <v>15.950000000000003</v>
      </c>
      <c r="E959">
        <v>4.4656159242798834</v>
      </c>
      <c r="F959">
        <v>15.766666999999998</v>
      </c>
      <c r="G959">
        <v>4.4503988195899495</v>
      </c>
    </row>
    <row r="960" spans="4:7" x14ac:dyDescent="0.25">
      <c r="D960">
        <v>15.966667000000001</v>
      </c>
      <c r="E960">
        <v>4.4660865588295291</v>
      </c>
      <c r="F960">
        <v>15.783332999999999</v>
      </c>
      <c r="G960">
        <v>4.4503988195899495</v>
      </c>
    </row>
    <row r="961" spans="4:7" x14ac:dyDescent="0.25">
      <c r="D961">
        <v>15.983334000000013</v>
      </c>
      <c r="E961">
        <v>4.4660865588295291</v>
      </c>
      <c r="F961">
        <v>15.799999999999997</v>
      </c>
      <c r="G961">
        <v>4.4507985233730905</v>
      </c>
    </row>
    <row r="962" spans="4:7" x14ac:dyDescent="0.25">
      <c r="D962">
        <v>16</v>
      </c>
      <c r="E962">
        <v>4.4665433511865382</v>
      </c>
      <c r="F962">
        <v>15.81666700000001</v>
      </c>
      <c r="G962">
        <v>4.4512103393921176</v>
      </c>
    </row>
    <row r="963" spans="4:7" x14ac:dyDescent="0.25">
      <c r="D963">
        <v>16.016667000000012</v>
      </c>
      <c r="E963">
        <v>4.4665433511865382</v>
      </c>
      <c r="F963">
        <v>15.833332999999996</v>
      </c>
      <c r="G963">
        <v>4.4516100431752808</v>
      </c>
    </row>
    <row r="964" spans="4:7" x14ac:dyDescent="0.25">
      <c r="D964">
        <v>16.033334000000011</v>
      </c>
      <c r="E964">
        <v>4.4670139857361724</v>
      </c>
      <c r="F964">
        <v>15.850000000000009</v>
      </c>
      <c r="G964">
        <v>4.4516100431752808</v>
      </c>
    </row>
    <row r="965" spans="4:7" x14ac:dyDescent="0.25">
      <c r="D965">
        <v>16.050000000000011</v>
      </c>
      <c r="E965">
        <v>4.4674846202858189</v>
      </c>
      <c r="F965">
        <v>15.866667000000007</v>
      </c>
      <c r="G965">
        <v>4.4520218591942866</v>
      </c>
    </row>
    <row r="966" spans="4:7" x14ac:dyDescent="0.25">
      <c r="D966">
        <v>16.06666700000001</v>
      </c>
      <c r="E966">
        <v>4.4674846202858189</v>
      </c>
      <c r="F966">
        <v>15.883333000000007</v>
      </c>
      <c r="G966">
        <v>4.4524336752132934</v>
      </c>
    </row>
    <row r="967" spans="4:7" x14ac:dyDescent="0.25">
      <c r="D967">
        <v>16.083334000000008</v>
      </c>
      <c r="E967">
        <v>4.4679414126428263</v>
      </c>
      <c r="F967">
        <v>15.900000000000006</v>
      </c>
      <c r="G967">
        <v>4.4524336752132934</v>
      </c>
    </row>
    <row r="968" spans="4:7" x14ac:dyDescent="0.25">
      <c r="D968">
        <v>16.100000000000009</v>
      </c>
      <c r="E968">
        <v>4.4684120471924729</v>
      </c>
      <c r="F968">
        <v>15.916667000000004</v>
      </c>
      <c r="G968">
        <v>4.4528333789964547</v>
      </c>
    </row>
    <row r="969" spans="4:7" x14ac:dyDescent="0.25">
      <c r="D969">
        <v>16.116667000000007</v>
      </c>
      <c r="E969">
        <v>4.4684120471924729</v>
      </c>
      <c r="F969">
        <v>15.933333000000005</v>
      </c>
      <c r="G969">
        <v>4.4528333789964547</v>
      </c>
    </row>
    <row r="970" spans="4:7" x14ac:dyDescent="0.25">
      <c r="D970">
        <v>16.133334000000005</v>
      </c>
      <c r="E970">
        <v>4.468882681742107</v>
      </c>
      <c r="F970">
        <v>15.950000000000003</v>
      </c>
      <c r="G970">
        <v>4.4532451950154828</v>
      </c>
    </row>
    <row r="971" spans="4:7" x14ac:dyDescent="0.25">
      <c r="D971">
        <v>16.150000000000006</v>
      </c>
      <c r="E971">
        <v>4.468882681742107</v>
      </c>
      <c r="F971">
        <v>15.966667000000001</v>
      </c>
      <c r="G971">
        <v>4.4536570110344886</v>
      </c>
    </row>
    <row r="972" spans="4:7" x14ac:dyDescent="0.25">
      <c r="D972">
        <v>16.166667000000004</v>
      </c>
      <c r="E972">
        <v>4.4693394740991153</v>
      </c>
      <c r="F972">
        <v>15.983333000000002</v>
      </c>
      <c r="G972">
        <v>4.4536570110344886</v>
      </c>
    </row>
    <row r="973" spans="4:7" x14ac:dyDescent="0.25">
      <c r="D973">
        <v>16.183334000000002</v>
      </c>
      <c r="E973">
        <v>4.4698101086487618</v>
      </c>
      <c r="F973">
        <v>16</v>
      </c>
      <c r="G973">
        <v>4.4540567148176509</v>
      </c>
    </row>
    <row r="974" spans="4:7" x14ac:dyDescent="0.25">
      <c r="D974">
        <v>16.200000000000003</v>
      </c>
      <c r="E974">
        <v>4.4698101086487618</v>
      </c>
      <c r="F974">
        <v>16.016666999999998</v>
      </c>
      <c r="G974">
        <v>4.4540567148176509</v>
      </c>
    </row>
    <row r="975" spans="4:7" x14ac:dyDescent="0.25">
      <c r="D975">
        <v>16.216667000000001</v>
      </c>
      <c r="E975">
        <v>4.470280743198396</v>
      </c>
      <c r="F975">
        <v>16.033332999999999</v>
      </c>
      <c r="G975">
        <v>4.4544685308366576</v>
      </c>
    </row>
    <row r="976" spans="4:7" x14ac:dyDescent="0.25">
      <c r="D976">
        <v>16.233334000000013</v>
      </c>
      <c r="E976">
        <v>4.470280743198396</v>
      </c>
      <c r="F976">
        <v>16.049999999999997</v>
      </c>
      <c r="G976">
        <v>4.4548803468556635</v>
      </c>
    </row>
    <row r="977" spans="4:7" x14ac:dyDescent="0.25">
      <c r="D977">
        <v>16.25</v>
      </c>
      <c r="E977">
        <v>4.4707375355554042</v>
      </c>
      <c r="F977">
        <v>16.06666700000001</v>
      </c>
      <c r="G977">
        <v>4.4548803468556635</v>
      </c>
    </row>
    <row r="978" spans="4:7" x14ac:dyDescent="0.25">
      <c r="D978">
        <v>16.266667000000012</v>
      </c>
      <c r="E978">
        <v>4.4707375355554042</v>
      </c>
      <c r="F978">
        <v>16.083332999999996</v>
      </c>
      <c r="G978">
        <v>4.4552800506388257</v>
      </c>
    </row>
    <row r="979" spans="4:7" x14ac:dyDescent="0.25">
      <c r="D979">
        <v>16.283334000000011</v>
      </c>
      <c r="E979">
        <v>4.4707375355554042</v>
      </c>
      <c r="F979">
        <v>16.100000000000009</v>
      </c>
      <c r="G979">
        <v>4.4552800506388257</v>
      </c>
    </row>
    <row r="980" spans="4:7" x14ac:dyDescent="0.25">
      <c r="D980">
        <v>16.300000000000011</v>
      </c>
      <c r="E980">
        <v>4.4707375355554042</v>
      </c>
      <c r="F980">
        <v>16.116667000000007</v>
      </c>
      <c r="G980">
        <v>4.4556918666578538</v>
      </c>
    </row>
    <row r="981" spans="4:7" x14ac:dyDescent="0.25">
      <c r="D981">
        <v>16.31666700000001</v>
      </c>
      <c r="E981">
        <v>4.4712081701050499</v>
      </c>
      <c r="F981">
        <v>16.133333000000007</v>
      </c>
      <c r="G981">
        <v>4.4556918666578538</v>
      </c>
    </row>
    <row r="982" spans="4:7" x14ac:dyDescent="0.25">
      <c r="D982">
        <v>16.333334000000008</v>
      </c>
      <c r="E982">
        <v>4.4712081701050499</v>
      </c>
      <c r="F982">
        <v>16.150000000000006</v>
      </c>
      <c r="G982">
        <v>4.4561036826768596</v>
      </c>
    </row>
    <row r="983" spans="4:7" x14ac:dyDescent="0.25">
      <c r="D983">
        <v>16.350000000000009</v>
      </c>
      <c r="E983">
        <v>4.4712081701050499</v>
      </c>
      <c r="F983">
        <v>16.166667000000004</v>
      </c>
      <c r="G983">
        <v>4.4565033864600219</v>
      </c>
    </row>
    <row r="984" spans="4:7" x14ac:dyDescent="0.25">
      <c r="D984">
        <v>16.366667000000007</v>
      </c>
      <c r="E984">
        <v>4.4712081701050499</v>
      </c>
      <c r="F984">
        <v>16.183333000000005</v>
      </c>
      <c r="G984">
        <v>4.4565033864600219</v>
      </c>
    </row>
    <row r="985" spans="4:7" x14ac:dyDescent="0.25">
      <c r="D985">
        <v>16.383334000000005</v>
      </c>
      <c r="E985">
        <v>4.4712081701050499</v>
      </c>
      <c r="F985">
        <v>16.200000000000003</v>
      </c>
      <c r="G985">
        <v>4.4569152024790277</v>
      </c>
    </row>
    <row r="986" spans="4:7" x14ac:dyDescent="0.25">
      <c r="D986">
        <v>16.400000000000006</v>
      </c>
      <c r="E986">
        <v>4.4716788046546849</v>
      </c>
      <c r="F986">
        <v>16.216667000000001</v>
      </c>
      <c r="G986">
        <v>4.4569152024790277</v>
      </c>
    </row>
    <row r="987" spans="4:7" x14ac:dyDescent="0.25">
      <c r="D987">
        <v>16.416667000000004</v>
      </c>
      <c r="E987">
        <v>4.4716788046546849</v>
      </c>
      <c r="F987">
        <v>16.233333000000002</v>
      </c>
      <c r="G987">
        <v>4.4573270184980567</v>
      </c>
    </row>
    <row r="988" spans="4:7" x14ac:dyDescent="0.25">
      <c r="D988">
        <v>16.433334000000002</v>
      </c>
      <c r="E988">
        <v>4.4721355970116932</v>
      </c>
      <c r="F988">
        <v>16.25</v>
      </c>
      <c r="G988">
        <v>4.4577267222811967</v>
      </c>
    </row>
    <row r="989" spans="4:7" x14ac:dyDescent="0.25">
      <c r="D989">
        <v>16.450000000000003</v>
      </c>
      <c r="E989">
        <v>4.4721355970116932</v>
      </c>
      <c r="F989">
        <v>16.266666999999998</v>
      </c>
      <c r="G989">
        <v>4.4577267222811967</v>
      </c>
    </row>
    <row r="990" spans="4:7" x14ac:dyDescent="0.25">
      <c r="D990">
        <v>16.466667000000001</v>
      </c>
      <c r="E990">
        <v>4.4726062315613397</v>
      </c>
      <c r="F990">
        <v>16.283332999999999</v>
      </c>
      <c r="G990">
        <v>4.4581385383002239</v>
      </c>
    </row>
    <row r="991" spans="4:7" x14ac:dyDescent="0.25">
      <c r="D991">
        <v>16.483334000000013</v>
      </c>
      <c r="E991">
        <v>4.4726062315613397</v>
      </c>
      <c r="F991">
        <v>16.299999999999997</v>
      </c>
      <c r="G991">
        <v>4.4581385383002239</v>
      </c>
    </row>
    <row r="992" spans="4:7" x14ac:dyDescent="0.25">
      <c r="D992">
        <v>16.5</v>
      </c>
      <c r="E992">
        <v>4.4726062315613397</v>
      </c>
      <c r="F992">
        <v>16.31666700000001</v>
      </c>
      <c r="G992">
        <v>4.4585503543192306</v>
      </c>
    </row>
    <row r="993" spans="4:7" x14ac:dyDescent="0.25">
      <c r="D993">
        <v>16.516667000000012</v>
      </c>
      <c r="E993">
        <v>4.4730768661109854</v>
      </c>
      <c r="F993">
        <v>16.333332999999996</v>
      </c>
      <c r="G993">
        <v>4.4585503543192306</v>
      </c>
    </row>
    <row r="994" spans="4:7" x14ac:dyDescent="0.25">
      <c r="D994">
        <v>16.533334000000011</v>
      </c>
      <c r="E994">
        <v>4.4730768661109854</v>
      </c>
      <c r="F994">
        <v>16.350000000000009</v>
      </c>
      <c r="G994">
        <v>4.4589500581023929</v>
      </c>
    </row>
    <row r="995" spans="4:7" x14ac:dyDescent="0.25">
      <c r="D995">
        <v>16.550000000000011</v>
      </c>
      <c r="E995">
        <v>4.4735336584679812</v>
      </c>
      <c r="F995">
        <v>16.366667000000007</v>
      </c>
      <c r="G995">
        <v>4.4589500581023929</v>
      </c>
    </row>
    <row r="996" spans="4:7" x14ac:dyDescent="0.25">
      <c r="D996">
        <v>16.56666700000001</v>
      </c>
      <c r="E996">
        <v>4.4740042930176278</v>
      </c>
      <c r="F996">
        <v>16.383333000000007</v>
      </c>
      <c r="G996">
        <v>4.4593618741213996</v>
      </c>
    </row>
    <row r="997" spans="4:7" x14ac:dyDescent="0.25">
      <c r="D997">
        <v>16.583334000000008</v>
      </c>
      <c r="E997">
        <v>4.4740042930176278</v>
      </c>
      <c r="F997">
        <v>16.400000000000006</v>
      </c>
      <c r="G997">
        <v>4.4597736901404268</v>
      </c>
    </row>
    <row r="998" spans="4:7" x14ac:dyDescent="0.25">
      <c r="D998">
        <v>16.600000000000009</v>
      </c>
      <c r="E998">
        <v>4.4740042930176278</v>
      </c>
      <c r="F998">
        <v>16.416667000000004</v>
      </c>
      <c r="G998">
        <v>4.4597736901404268</v>
      </c>
    </row>
    <row r="999" spans="4:7" x14ac:dyDescent="0.25">
      <c r="D999">
        <v>16.616667000000007</v>
      </c>
      <c r="E999">
        <v>4.4744749275672744</v>
      </c>
      <c r="F999">
        <v>16.433333000000005</v>
      </c>
      <c r="G999">
        <v>4.460173393923589</v>
      </c>
    </row>
    <row r="1000" spans="4:7" x14ac:dyDescent="0.25">
      <c r="D1000">
        <v>16.633334000000005</v>
      </c>
      <c r="E1000">
        <v>4.4744749275672744</v>
      </c>
      <c r="F1000">
        <v>16.450000000000003</v>
      </c>
      <c r="G1000">
        <v>4.460173393923589</v>
      </c>
    </row>
    <row r="1001" spans="4:7" x14ac:dyDescent="0.25">
      <c r="D1001">
        <v>16.650000000000006</v>
      </c>
      <c r="E1001">
        <v>4.4744749275672744</v>
      </c>
      <c r="F1001">
        <v>16.466667000000001</v>
      </c>
      <c r="G1001">
        <v>4.4605852099425958</v>
      </c>
    </row>
    <row r="1002" spans="4:7" x14ac:dyDescent="0.25">
      <c r="D1002">
        <v>16.666667000000004</v>
      </c>
      <c r="E1002">
        <v>4.4749317199242702</v>
      </c>
      <c r="F1002">
        <v>16.483333000000002</v>
      </c>
      <c r="G1002">
        <v>4.4605852099425958</v>
      </c>
    </row>
    <row r="1003" spans="4:7" x14ac:dyDescent="0.25">
      <c r="D1003">
        <v>16.683334000000002</v>
      </c>
      <c r="E1003">
        <v>4.4754023544739168</v>
      </c>
      <c r="F1003">
        <v>16.5</v>
      </c>
      <c r="G1003">
        <v>4.4609970259616016</v>
      </c>
    </row>
    <row r="1004" spans="4:7" x14ac:dyDescent="0.25">
      <c r="D1004">
        <v>16.700000000000003</v>
      </c>
      <c r="E1004">
        <v>4.4754023544739168</v>
      </c>
      <c r="F1004">
        <v>16.516666999999998</v>
      </c>
      <c r="G1004">
        <v>4.4613967297447639</v>
      </c>
    </row>
    <row r="1005" spans="4:7" x14ac:dyDescent="0.25">
      <c r="D1005">
        <v>16.716667000000001</v>
      </c>
      <c r="E1005">
        <v>4.4758729890235633</v>
      </c>
      <c r="F1005">
        <v>16.533332999999999</v>
      </c>
      <c r="G1005">
        <v>4.4613967297447639</v>
      </c>
    </row>
    <row r="1006" spans="4:7" x14ac:dyDescent="0.25">
      <c r="D1006">
        <v>16.733334000000013</v>
      </c>
      <c r="E1006">
        <v>4.4763297813805707</v>
      </c>
      <c r="F1006">
        <v>16.549999999999997</v>
      </c>
      <c r="G1006">
        <v>4.4618085457637697</v>
      </c>
    </row>
    <row r="1007" spans="4:7" x14ac:dyDescent="0.25">
      <c r="D1007">
        <v>16.75</v>
      </c>
      <c r="E1007">
        <v>4.4763297813805707</v>
      </c>
      <c r="F1007">
        <v>16.56666700000001</v>
      </c>
      <c r="G1007">
        <v>4.4622203617827978</v>
      </c>
    </row>
    <row r="1008" spans="4:7" x14ac:dyDescent="0.25">
      <c r="D1008">
        <v>16.766667000000012</v>
      </c>
      <c r="E1008">
        <v>4.4768004159302048</v>
      </c>
      <c r="F1008">
        <v>16.583332999999996</v>
      </c>
      <c r="G1008">
        <v>4.46262006556596</v>
      </c>
    </row>
    <row r="1009" spans="4:7" x14ac:dyDescent="0.25">
      <c r="D1009">
        <v>16.783334000000011</v>
      </c>
      <c r="E1009">
        <v>4.4772710504798514</v>
      </c>
      <c r="F1009">
        <v>16.600000000000009</v>
      </c>
      <c r="G1009">
        <v>4.46262006556596</v>
      </c>
    </row>
    <row r="1010" spans="4:7" x14ac:dyDescent="0.25">
      <c r="D1010">
        <v>16.800000000000011</v>
      </c>
      <c r="E1010">
        <v>4.4772710504798514</v>
      </c>
      <c r="F1010">
        <v>16.616667000000007</v>
      </c>
      <c r="G1010">
        <v>4.4630318815849659</v>
      </c>
    </row>
    <row r="1011" spans="4:7" x14ac:dyDescent="0.25">
      <c r="D1011">
        <v>16.81666700000001</v>
      </c>
      <c r="E1011">
        <v>4.4772710504798514</v>
      </c>
      <c r="F1011">
        <v>16.633333000000007</v>
      </c>
      <c r="G1011">
        <v>4.4634436976039726</v>
      </c>
    </row>
    <row r="1012" spans="4:7" x14ac:dyDescent="0.25">
      <c r="D1012">
        <v>16.833334000000008</v>
      </c>
      <c r="E1012">
        <v>4.4772710504798514</v>
      </c>
      <c r="F1012">
        <v>16.650000000000006</v>
      </c>
      <c r="G1012">
        <v>4.4634436976039726</v>
      </c>
    </row>
    <row r="1013" spans="4:7" x14ac:dyDescent="0.25">
      <c r="D1013">
        <v>16.850000000000009</v>
      </c>
      <c r="E1013">
        <v>4.4777278428368605</v>
      </c>
      <c r="F1013">
        <v>16.666667000000004</v>
      </c>
      <c r="G1013">
        <v>4.4638434013871349</v>
      </c>
    </row>
    <row r="1014" spans="4:7" x14ac:dyDescent="0.25">
      <c r="D1014">
        <v>16.866667000000007</v>
      </c>
      <c r="E1014">
        <v>4.4777278428368605</v>
      </c>
      <c r="F1014">
        <v>16.683333000000005</v>
      </c>
      <c r="G1014">
        <v>4.464255217406162</v>
      </c>
    </row>
    <row r="1015" spans="4:7" x14ac:dyDescent="0.25">
      <c r="D1015">
        <v>16.883334000000005</v>
      </c>
      <c r="E1015">
        <v>4.4781984773864938</v>
      </c>
      <c r="F1015">
        <v>16.700000000000003</v>
      </c>
      <c r="G1015">
        <v>4.464255217406162</v>
      </c>
    </row>
    <row r="1016" spans="4:7" x14ac:dyDescent="0.25">
      <c r="D1016">
        <v>16.900000000000006</v>
      </c>
      <c r="E1016">
        <v>4.4781984773864938</v>
      </c>
      <c r="F1016">
        <v>16.716667000000001</v>
      </c>
      <c r="G1016">
        <v>4.464654921189303</v>
      </c>
    </row>
    <row r="1017" spans="4:7" x14ac:dyDescent="0.25">
      <c r="D1017">
        <v>16.916667000000004</v>
      </c>
      <c r="E1017">
        <v>4.4786691119361404</v>
      </c>
      <c r="F1017">
        <v>16.733333000000002</v>
      </c>
      <c r="G1017">
        <v>4.465066737208331</v>
      </c>
    </row>
    <row r="1018" spans="4:7" x14ac:dyDescent="0.25">
      <c r="D1018">
        <v>16.933334000000002</v>
      </c>
      <c r="E1018">
        <v>4.4786691119361404</v>
      </c>
      <c r="F1018">
        <v>16.75</v>
      </c>
      <c r="G1018">
        <v>4.465066737208331</v>
      </c>
    </row>
    <row r="1019" spans="4:7" x14ac:dyDescent="0.25">
      <c r="D1019">
        <v>16.950000000000003</v>
      </c>
      <c r="E1019">
        <v>4.4786691119361404</v>
      </c>
      <c r="F1019">
        <v>16.766666999999998</v>
      </c>
      <c r="G1019">
        <v>4.4654785532273378</v>
      </c>
    </row>
    <row r="1020" spans="4:7" x14ac:dyDescent="0.25">
      <c r="D1020">
        <v>16.966667000000001</v>
      </c>
      <c r="E1020">
        <v>4.4791259042931486</v>
      </c>
      <c r="F1020">
        <v>16.783332999999999</v>
      </c>
      <c r="G1020">
        <v>4.4658782570104991</v>
      </c>
    </row>
    <row r="1021" spans="4:7" x14ac:dyDescent="0.25">
      <c r="D1021">
        <v>16.983334000000013</v>
      </c>
      <c r="E1021">
        <v>4.4791259042931486</v>
      </c>
      <c r="F1021">
        <v>16.799999999999997</v>
      </c>
      <c r="G1021">
        <v>4.4658782570104991</v>
      </c>
    </row>
    <row r="1022" spans="4:7" x14ac:dyDescent="0.25">
      <c r="D1022">
        <v>17</v>
      </c>
      <c r="E1022">
        <v>4.4795965388427827</v>
      </c>
      <c r="F1022">
        <v>16.81666700000001</v>
      </c>
      <c r="G1022">
        <v>4.466290073029505</v>
      </c>
    </row>
    <row r="1023" spans="4:7" x14ac:dyDescent="0.25">
      <c r="D1023">
        <v>17.016667000000012</v>
      </c>
      <c r="E1023">
        <v>4.4795965388427827</v>
      </c>
      <c r="F1023">
        <v>16.833332999999996</v>
      </c>
      <c r="G1023">
        <v>4.466701889048533</v>
      </c>
    </row>
    <row r="1024" spans="4:7" x14ac:dyDescent="0.25">
      <c r="D1024">
        <v>17.033334000000011</v>
      </c>
      <c r="E1024">
        <v>4.4800671733924293</v>
      </c>
      <c r="F1024">
        <v>16.850000000000009</v>
      </c>
      <c r="G1024">
        <v>4.466701889048533</v>
      </c>
    </row>
    <row r="1025" spans="4:7" x14ac:dyDescent="0.25">
      <c r="D1025">
        <v>17.050000000000011</v>
      </c>
      <c r="E1025">
        <v>4.4800671733924293</v>
      </c>
      <c r="F1025">
        <v>16.866667000000007</v>
      </c>
      <c r="G1025">
        <v>4.4671015928316953</v>
      </c>
    </row>
    <row r="1026" spans="4:7" x14ac:dyDescent="0.25">
      <c r="D1026">
        <v>17.06666700000001</v>
      </c>
      <c r="E1026">
        <v>4.4805239657494376</v>
      </c>
      <c r="F1026">
        <v>16.883333000000007</v>
      </c>
      <c r="G1026">
        <v>4.4671015928316953</v>
      </c>
    </row>
    <row r="1027" spans="4:7" x14ac:dyDescent="0.25">
      <c r="D1027">
        <v>17.083334000000008</v>
      </c>
      <c r="E1027">
        <v>4.4805239657494376</v>
      </c>
      <c r="F1027">
        <v>16.900000000000006</v>
      </c>
      <c r="G1027">
        <v>4.467513408850702</v>
      </c>
    </row>
    <row r="1028" spans="4:7" x14ac:dyDescent="0.25">
      <c r="D1028">
        <v>17.100000000000009</v>
      </c>
      <c r="E1028">
        <v>4.4805239657494376</v>
      </c>
      <c r="F1028">
        <v>16.916667000000004</v>
      </c>
      <c r="G1028">
        <v>4.4679252248697079</v>
      </c>
    </row>
    <row r="1029" spans="4:7" x14ac:dyDescent="0.25">
      <c r="D1029">
        <v>17.116667000000007</v>
      </c>
      <c r="E1029">
        <v>4.4809946002990841</v>
      </c>
      <c r="F1029">
        <v>16.933333000000005</v>
      </c>
      <c r="G1029">
        <v>4.4679252248697079</v>
      </c>
    </row>
    <row r="1030" spans="4:7" x14ac:dyDescent="0.25">
      <c r="D1030">
        <v>17.133334000000005</v>
      </c>
      <c r="E1030">
        <v>4.4809946002990841</v>
      </c>
      <c r="F1030">
        <v>16.950000000000003</v>
      </c>
      <c r="G1030">
        <v>4.4683249286528701</v>
      </c>
    </row>
    <row r="1031" spans="4:7" x14ac:dyDescent="0.25">
      <c r="D1031">
        <v>17.150000000000006</v>
      </c>
      <c r="E1031">
        <v>4.4809946002990841</v>
      </c>
      <c r="F1031">
        <v>16.966667000000001</v>
      </c>
      <c r="G1031">
        <v>4.4683249286528701</v>
      </c>
    </row>
    <row r="1032" spans="4:7" x14ac:dyDescent="0.25">
      <c r="D1032">
        <v>17.166667000000004</v>
      </c>
      <c r="E1032">
        <v>4.4809946002990841</v>
      </c>
      <c r="F1032">
        <v>16.983333000000002</v>
      </c>
      <c r="G1032">
        <v>4.4687367446718769</v>
      </c>
    </row>
    <row r="1033" spans="4:7" x14ac:dyDescent="0.25">
      <c r="D1033">
        <v>17.183334000000002</v>
      </c>
      <c r="E1033">
        <v>4.4814652348487183</v>
      </c>
      <c r="F1033">
        <v>17</v>
      </c>
      <c r="G1033">
        <v>4.4687367446718769</v>
      </c>
    </row>
    <row r="1034" spans="4:7" x14ac:dyDescent="0.25">
      <c r="D1034">
        <v>17.200000000000003</v>
      </c>
      <c r="E1034">
        <v>4.4814652348487183</v>
      </c>
      <c r="F1034">
        <v>17.016666999999998</v>
      </c>
      <c r="G1034">
        <v>4.469148560690904</v>
      </c>
    </row>
    <row r="1035" spans="4:7" x14ac:dyDescent="0.25">
      <c r="D1035">
        <v>17.216667000000001</v>
      </c>
      <c r="E1035">
        <v>4.4819358693983649</v>
      </c>
      <c r="F1035">
        <v>17.033332999999999</v>
      </c>
      <c r="G1035">
        <v>4.469148560690904</v>
      </c>
    </row>
    <row r="1036" spans="4:7" x14ac:dyDescent="0.25">
      <c r="D1036">
        <v>17.233334000000013</v>
      </c>
      <c r="E1036">
        <v>4.4819358693983649</v>
      </c>
      <c r="F1036">
        <v>17.049999999999997</v>
      </c>
      <c r="G1036">
        <v>4.4695482644740663</v>
      </c>
    </row>
    <row r="1037" spans="4:7" x14ac:dyDescent="0.25">
      <c r="D1037">
        <v>17.25</v>
      </c>
      <c r="E1037">
        <v>4.4823926617553722</v>
      </c>
      <c r="F1037">
        <v>17.06666700000001</v>
      </c>
      <c r="G1037">
        <v>4.4695482644740663</v>
      </c>
    </row>
    <row r="1038" spans="4:7" x14ac:dyDescent="0.25">
      <c r="D1038">
        <v>17.266667000000012</v>
      </c>
      <c r="E1038">
        <v>4.4823926617553722</v>
      </c>
      <c r="F1038">
        <v>17.083332999999996</v>
      </c>
      <c r="G1038">
        <v>4.4695482644740663</v>
      </c>
    </row>
    <row r="1039" spans="4:7" x14ac:dyDescent="0.25">
      <c r="D1039">
        <v>17.283334000000011</v>
      </c>
      <c r="E1039">
        <v>4.4828632963050072</v>
      </c>
      <c r="F1039">
        <v>17.100000000000009</v>
      </c>
      <c r="G1039">
        <v>4.4699600804930721</v>
      </c>
    </row>
    <row r="1040" spans="4:7" x14ac:dyDescent="0.25">
      <c r="D1040">
        <v>17.300000000000011</v>
      </c>
      <c r="E1040">
        <v>4.4828632963050072</v>
      </c>
      <c r="F1040">
        <v>17.116667000000007</v>
      </c>
      <c r="G1040">
        <v>4.4699600804930721</v>
      </c>
    </row>
    <row r="1041" spans="4:32" x14ac:dyDescent="0.25">
      <c r="D1041">
        <v>17.31666700000001</v>
      </c>
      <c r="E1041">
        <v>4.4828632963050072</v>
      </c>
      <c r="F1041">
        <v>17.133333000000007</v>
      </c>
      <c r="G1041">
        <v>4.4703718965120789</v>
      </c>
    </row>
    <row r="1042" spans="4:32" x14ac:dyDescent="0.25">
      <c r="D1042">
        <v>17.333334000000008</v>
      </c>
      <c r="E1042">
        <v>4.4833339308546538</v>
      </c>
      <c r="F1042">
        <v>17.150000000000006</v>
      </c>
      <c r="G1042">
        <v>4.4707716002952411</v>
      </c>
      <c r="AF1042">
        <v>0</v>
      </c>
    </row>
    <row r="1043" spans="4:32" x14ac:dyDescent="0.25">
      <c r="D1043">
        <v>17.350000000000009</v>
      </c>
      <c r="E1043">
        <v>4.4833339308546538</v>
      </c>
      <c r="F1043">
        <v>17.166667000000004</v>
      </c>
      <c r="G1043">
        <v>4.4707716002952411</v>
      </c>
      <c r="AF1043">
        <v>0</v>
      </c>
    </row>
    <row r="1044" spans="4:32" x14ac:dyDescent="0.25">
      <c r="D1044">
        <v>17.366667000000007</v>
      </c>
      <c r="E1044">
        <v>4.4833339308546538</v>
      </c>
      <c r="F1044">
        <v>17.183333000000005</v>
      </c>
      <c r="G1044">
        <v>4.4711834163142683</v>
      </c>
      <c r="AF1044">
        <v>0</v>
      </c>
    </row>
    <row r="1045" spans="4:32" x14ac:dyDescent="0.25">
      <c r="D1045">
        <v>17.383334000000005</v>
      </c>
      <c r="E1045">
        <v>4.4833339308546538</v>
      </c>
      <c r="F1045">
        <v>17.200000000000003</v>
      </c>
      <c r="G1045">
        <v>4.4711834163142683</v>
      </c>
      <c r="AF1045">
        <v>0</v>
      </c>
    </row>
    <row r="1046" spans="4:32" x14ac:dyDescent="0.25">
      <c r="D1046">
        <v>17.400000000000006</v>
      </c>
      <c r="E1046">
        <v>4.4837907232116612</v>
      </c>
      <c r="F1046">
        <v>17.216667000000001</v>
      </c>
      <c r="G1046">
        <v>4.471595232333275</v>
      </c>
      <c r="AF1046">
        <v>0</v>
      </c>
    </row>
    <row r="1047" spans="4:32" x14ac:dyDescent="0.25">
      <c r="D1047">
        <v>17.416667000000004</v>
      </c>
      <c r="E1047">
        <v>4.4837907232116612</v>
      </c>
      <c r="F1047">
        <v>17.233333000000002</v>
      </c>
      <c r="G1047">
        <v>4.471595232333275</v>
      </c>
      <c r="AF1047">
        <v>0</v>
      </c>
    </row>
    <row r="1048" spans="4:32" x14ac:dyDescent="0.25">
      <c r="D1048">
        <v>17.433334000000002</v>
      </c>
      <c r="E1048">
        <v>4.4842613577612953</v>
      </c>
      <c r="F1048">
        <v>17.25</v>
      </c>
      <c r="G1048">
        <v>4.4719949361164373</v>
      </c>
      <c r="AF1048">
        <v>0</v>
      </c>
    </row>
    <row r="1049" spans="4:32" x14ac:dyDescent="0.25">
      <c r="D1049">
        <v>17.450000000000003</v>
      </c>
      <c r="E1049">
        <v>4.4847319923109419</v>
      </c>
      <c r="F1049">
        <v>17.266666999999998</v>
      </c>
      <c r="G1049">
        <v>4.472406752135444</v>
      </c>
      <c r="AF1049">
        <v>0</v>
      </c>
    </row>
    <row r="1050" spans="4:32" x14ac:dyDescent="0.25">
      <c r="D1050">
        <v>17.466667000000001</v>
      </c>
      <c r="E1050">
        <v>4.4851887846679501</v>
      </c>
      <c r="F1050">
        <v>17.283332999999999</v>
      </c>
      <c r="G1050">
        <v>4.472406752135444</v>
      </c>
      <c r="AF1050">
        <v>0</v>
      </c>
    </row>
    <row r="1051" spans="4:32" x14ac:dyDescent="0.25">
      <c r="D1051">
        <v>17.483334000000013</v>
      </c>
      <c r="E1051">
        <v>4.4851887846679501</v>
      </c>
      <c r="F1051">
        <v>17.299999999999997</v>
      </c>
      <c r="G1051">
        <v>4.4728185681544499</v>
      </c>
      <c r="AF1051">
        <v>0</v>
      </c>
    </row>
    <row r="1052" spans="4:32" x14ac:dyDescent="0.25">
      <c r="D1052">
        <v>17.5</v>
      </c>
      <c r="E1052">
        <v>4.4856594192175967</v>
      </c>
      <c r="F1052">
        <v>17.31666700000001</v>
      </c>
      <c r="G1052">
        <v>4.4728185681544499</v>
      </c>
      <c r="AF1052">
        <v>0</v>
      </c>
    </row>
    <row r="1053" spans="4:32" x14ac:dyDescent="0.25">
      <c r="D1053">
        <v>17.516667000000012</v>
      </c>
      <c r="E1053">
        <v>4.4856594192175967</v>
      </c>
      <c r="F1053">
        <v>17.333332999999996</v>
      </c>
      <c r="G1053">
        <v>4.4732182719376112</v>
      </c>
      <c r="AF1053">
        <v>0</v>
      </c>
    </row>
    <row r="1054" spans="4:32" x14ac:dyDescent="0.25">
      <c r="D1054">
        <v>17.533334000000011</v>
      </c>
      <c r="E1054">
        <v>4.4861300537672308</v>
      </c>
      <c r="F1054">
        <v>17.350000000000009</v>
      </c>
      <c r="G1054">
        <v>4.4732182719376112</v>
      </c>
      <c r="AF1054">
        <v>0</v>
      </c>
    </row>
    <row r="1055" spans="4:32" x14ac:dyDescent="0.25">
      <c r="D1055">
        <v>17.550000000000011</v>
      </c>
      <c r="E1055">
        <v>4.4861300537672308</v>
      </c>
      <c r="F1055">
        <v>17.366667000000007</v>
      </c>
      <c r="G1055">
        <v>4.4736300879566402</v>
      </c>
      <c r="AF1055">
        <v>0</v>
      </c>
    </row>
    <row r="1056" spans="4:32" x14ac:dyDescent="0.25">
      <c r="D1056">
        <v>17.56666700000001</v>
      </c>
      <c r="E1056">
        <v>4.4861300537672308</v>
      </c>
      <c r="F1056">
        <v>17.383333000000007</v>
      </c>
      <c r="G1056">
        <v>4.4740419039756461</v>
      </c>
      <c r="AF1056">
        <v>0</v>
      </c>
    </row>
    <row r="1057" spans="4:32" x14ac:dyDescent="0.25">
      <c r="D1057">
        <v>17.583334000000008</v>
      </c>
      <c r="E1057">
        <v>4.4861300537672308</v>
      </c>
      <c r="F1057">
        <v>17.400000000000006</v>
      </c>
      <c r="G1057">
        <v>4.4740419039756461</v>
      </c>
      <c r="AF1057">
        <v>0</v>
      </c>
    </row>
    <row r="1058" spans="4:32" x14ac:dyDescent="0.25">
      <c r="D1058">
        <v>17.600000000000009</v>
      </c>
      <c r="E1058">
        <v>4.4861300537672308</v>
      </c>
      <c r="F1058">
        <v>17.416667000000004</v>
      </c>
      <c r="G1058">
        <v>4.4744416077588083</v>
      </c>
      <c r="AF1058">
        <v>0</v>
      </c>
    </row>
    <row r="1059" spans="4:32" x14ac:dyDescent="0.25">
      <c r="D1059">
        <v>17.616667000000007</v>
      </c>
      <c r="E1059">
        <v>4.4861300537672308</v>
      </c>
      <c r="F1059">
        <v>17.433333000000005</v>
      </c>
      <c r="G1059">
        <v>4.4744416077588083</v>
      </c>
      <c r="AF1059">
        <v>0</v>
      </c>
    </row>
    <row r="1060" spans="4:32" x14ac:dyDescent="0.25">
      <c r="D1060">
        <v>17.633334000000005</v>
      </c>
      <c r="E1060">
        <v>4.4865868461242391</v>
      </c>
      <c r="F1060">
        <v>17.450000000000003</v>
      </c>
      <c r="G1060">
        <v>4.4748534237778141</v>
      </c>
      <c r="AF1060">
        <v>3.9970378316205154E-4</v>
      </c>
    </row>
    <row r="1061" spans="4:32" x14ac:dyDescent="0.25">
      <c r="D1061">
        <v>17.650000000000006</v>
      </c>
      <c r="E1061">
        <v>4.4865868461242391</v>
      </c>
      <c r="F1061">
        <v>17.466667000000001</v>
      </c>
      <c r="G1061">
        <v>4.4752652397968422</v>
      </c>
      <c r="AF1061">
        <v>3.9970378316205154E-4</v>
      </c>
    </row>
    <row r="1062" spans="4:32" x14ac:dyDescent="0.25">
      <c r="D1062">
        <v>17.666667000000004</v>
      </c>
      <c r="E1062">
        <v>4.4870574806738857</v>
      </c>
      <c r="F1062">
        <v>17.483333000000002</v>
      </c>
      <c r="G1062">
        <v>4.4752652397968422</v>
      </c>
      <c r="AF1062">
        <v>3.9970378316205154E-4</v>
      </c>
    </row>
    <row r="1063" spans="4:32" x14ac:dyDescent="0.25">
      <c r="D1063">
        <v>17.683334000000002</v>
      </c>
      <c r="E1063">
        <v>4.4875281152235189</v>
      </c>
      <c r="F1063">
        <v>17.5</v>
      </c>
      <c r="G1063">
        <v>4.4756649435799831</v>
      </c>
      <c r="AF1063">
        <v>3.9970378316205154E-4</v>
      </c>
    </row>
    <row r="1064" spans="4:32" x14ac:dyDescent="0.25">
      <c r="D1064">
        <v>17.700000000000003</v>
      </c>
      <c r="E1064">
        <v>4.4875281152235189</v>
      </c>
      <c r="F1064">
        <v>17.516666999999998</v>
      </c>
      <c r="G1064">
        <v>4.4756649435799831</v>
      </c>
      <c r="AF1064">
        <v>3.9970378316205154E-4</v>
      </c>
    </row>
    <row r="1065" spans="4:32" x14ac:dyDescent="0.25">
      <c r="D1065">
        <v>17.716667000000001</v>
      </c>
      <c r="E1065">
        <v>4.487984907580528</v>
      </c>
      <c r="F1065">
        <v>17.533332999999999</v>
      </c>
      <c r="G1065">
        <v>4.4760767595990103</v>
      </c>
      <c r="AF1065">
        <v>3.9970378316205154E-4</v>
      </c>
    </row>
    <row r="1066" spans="4:32" x14ac:dyDescent="0.25">
      <c r="D1066">
        <v>17.733334000000013</v>
      </c>
      <c r="E1066">
        <v>4.4884555421301746</v>
      </c>
      <c r="F1066">
        <v>17.549999999999997</v>
      </c>
      <c r="G1066">
        <v>4.4764885756180171</v>
      </c>
      <c r="AF1066">
        <v>3.9970378316205154E-4</v>
      </c>
    </row>
    <row r="1067" spans="4:32" x14ac:dyDescent="0.25">
      <c r="D1067">
        <v>17.75</v>
      </c>
      <c r="E1067">
        <v>4.4889261766798079</v>
      </c>
      <c r="F1067">
        <v>17.56666700000001</v>
      </c>
      <c r="G1067">
        <v>4.4764885756180171</v>
      </c>
      <c r="AF1067">
        <v>0</v>
      </c>
    </row>
    <row r="1068" spans="4:32" x14ac:dyDescent="0.25">
      <c r="D1068">
        <v>17.766667000000012</v>
      </c>
      <c r="E1068">
        <v>4.4889261766798079</v>
      </c>
      <c r="F1068">
        <v>17.583332999999996</v>
      </c>
      <c r="G1068">
        <v>4.4768882794011793</v>
      </c>
      <c r="AF1068">
        <v>3.9970378316205154E-4</v>
      </c>
    </row>
    <row r="1069" spans="4:32" x14ac:dyDescent="0.25">
      <c r="D1069">
        <v>17.783334000000011</v>
      </c>
      <c r="E1069">
        <v>4.4893829690368161</v>
      </c>
      <c r="F1069">
        <v>17.600000000000009</v>
      </c>
      <c r="G1069">
        <v>4.4768882794011793</v>
      </c>
      <c r="AF1069">
        <v>2.0348556233645764E-3</v>
      </c>
    </row>
    <row r="1070" spans="4:32" x14ac:dyDescent="0.25">
      <c r="D1070">
        <v>17.800000000000011</v>
      </c>
      <c r="E1070">
        <v>4.4898536035864627</v>
      </c>
      <c r="F1070">
        <v>17.616667000000007</v>
      </c>
      <c r="G1070">
        <v>4.4773000954201851</v>
      </c>
      <c r="AF1070">
        <v>5.2930470679038426E-3</v>
      </c>
    </row>
    <row r="1071" spans="4:32" x14ac:dyDescent="0.25">
      <c r="D1071">
        <v>17.81666700000001</v>
      </c>
      <c r="E1071">
        <v>4.4903242381360968</v>
      </c>
      <c r="F1071">
        <v>17.633333000000007</v>
      </c>
      <c r="G1071">
        <v>4.4777119114392132</v>
      </c>
      <c r="AF1071">
        <v>1.0997910154814003E-2</v>
      </c>
    </row>
    <row r="1072" spans="4:32" x14ac:dyDescent="0.25">
      <c r="D1072">
        <v>17.833334000000008</v>
      </c>
      <c r="E1072">
        <v>4.4903242381360968</v>
      </c>
      <c r="F1072">
        <v>17.650000000000006</v>
      </c>
      <c r="G1072">
        <v>4.4777119114392132</v>
      </c>
      <c r="AF1072">
        <v>1.9561260903122896E-2</v>
      </c>
    </row>
    <row r="1073" spans="4:32" x14ac:dyDescent="0.25">
      <c r="D1073">
        <v>17.850000000000009</v>
      </c>
      <c r="E1073">
        <v>4.4907810304931051</v>
      </c>
      <c r="F1073">
        <v>17.666667000000004</v>
      </c>
      <c r="G1073">
        <v>4.4781116152223754</v>
      </c>
      <c r="AF1073">
        <v>2.6901275830257098E-2</v>
      </c>
    </row>
    <row r="1074" spans="4:32" x14ac:dyDescent="0.25">
      <c r="D1074">
        <v>17.866667000000007</v>
      </c>
      <c r="E1074">
        <v>4.4907810304931051</v>
      </c>
      <c r="F1074">
        <v>17.683333000000005</v>
      </c>
      <c r="G1074">
        <v>4.4781116152223754</v>
      </c>
      <c r="AF1074">
        <v>3.0983099312830522E-2</v>
      </c>
    </row>
    <row r="1075" spans="4:32" x14ac:dyDescent="0.25">
      <c r="D1075">
        <v>17.883334000000005</v>
      </c>
      <c r="E1075">
        <v>4.4907810304931051</v>
      </c>
      <c r="F1075">
        <v>17.700000000000003</v>
      </c>
      <c r="G1075">
        <v>4.4785234312413813</v>
      </c>
      <c r="AF1075">
        <v>3.3017954936173578E-2</v>
      </c>
    </row>
    <row r="1076" spans="4:32" x14ac:dyDescent="0.25">
      <c r="D1076">
        <v>17.900000000000006</v>
      </c>
      <c r="E1076">
        <v>4.4912516650427516</v>
      </c>
      <c r="F1076">
        <v>17.716667000000001</v>
      </c>
      <c r="G1076">
        <v>4.4789231350245435</v>
      </c>
      <c r="AF1076">
        <v>3.4241290757369786E-2</v>
      </c>
    </row>
    <row r="1077" spans="4:32" x14ac:dyDescent="0.25">
      <c r="D1077">
        <v>17.916667000000004</v>
      </c>
      <c r="E1077">
        <v>4.4917222995923982</v>
      </c>
      <c r="F1077">
        <v>17.733333000000002</v>
      </c>
      <c r="G1077">
        <v>4.4789231350245435</v>
      </c>
      <c r="AF1077">
        <v>3.6276146380734363E-2</v>
      </c>
    </row>
    <row r="1078" spans="4:32" x14ac:dyDescent="0.25">
      <c r="D1078">
        <v>17.933334000000002</v>
      </c>
      <c r="E1078">
        <v>4.4917222995923982</v>
      </c>
      <c r="F1078">
        <v>17.75</v>
      </c>
      <c r="G1078">
        <v>4.4793349510435494</v>
      </c>
      <c r="AF1078">
        <v>4.3204345288840727E-2</v>
      </c>
    </row>
    <row r="1079" spans="4:32" x14ac:dyDescent="0.25">
      <c r="D1079">
        <v>17.950000000000003</v>
      </c>
      <c r="E1079">
        <v>4.4921790919493931</v>
      </c>
      <c r="F1079">
        <v>17.766666999999998</v>
      </c>
      <c r="G1079">
        <v>4.4793349510435494</v>
      </c>
      <c r="AF1079">
        <v>6.2777718427829407E-2</v>
      </c>
    </row>
    <row r="1080" spans="4:32" x14ac:dyDescent="0.25">
      <c r="D1080">
        <v>17.966667000000001</v>
      </c>
      <c r="E1080">
        <v>4.4926497264990397</v>
      </c>
      <c r="F1080">
        <v>17.783332999999999</v>
      </c>
      <c r="G1080">
        <v>4.4797467670625561</v>
      </c>
      <c r="AF1080">
        <v>0.10639387973567646</v>
      </c>
    </row>
    <row r="1081" spans="4:32" x14ac:dyDescent="0.25">
      <c r="D1081">
        <v>17.983334000000013</v>
      </c>
      <c r="E1081">
        <v>4.4926497264990397</v>
      </c>
      <c r="F1081">
        <v>17.799999999999997</v>
      </c>
      <c r="G1081">
        <v>4.4797467670625561</v>
      </c>
      <c r="AF1081">
        <v>0.17895828473298944</v>
      </c>
    </row>
    <row r="1082" spans="4:32" x14ac:dyDescent="0.25">
      <c r="D1082">
        <v>18</v>
      </c>
      <c r="E1082">
        <v>4.4931203610486863</v>
      </c>
      <c r="F1082">
        <v>17.81666700000001</v>
      </c>
      <c r="G1082">
        <v>4.4801464708457184</v>
      </c>
      <c r="AF1082">
        <v>0.27149576665245317</v>
      </c>
    </row>
    <row r="1083" spans="4:32" x14ac:dyDescent="0.25">
      <c r="D1083">
        <v>18.016667000000012</v>
      </c>
      <c r="E1083">
        <v>4.493577153405683</v>
      </c>
      <c r="F1083">
        <v>17.833332999999996</v>
      </c>
      <c r="G1083">
        <v>4.4801464708457184</v>
      </c>
      <c r="AF1083">
        <v>0.38238328588970938</v>
      </c>
    </row>
    <row r="1084" spans="4:32" x14ac:dyDescent="0.25">
      <c r="D1084">
        <v>18.033334000000011</v>
      </c>
      <c r="E1084">
        <v>4.493577153405683</v>
      </c>
      <c r="F1084">
        <v>17.850000000000009</v>
      </c>
      <c r="G1084">
        <v>4.4805582868647464</v>
      </c>
      <c r="AF1084">
        <v>0.50712720294317837</v>
      </c>
    </row>
    <row r="1085" spans="4:32" x14ac:dyDescent="0.25">
      <c r="D1085">
        <v>18.050000000000011</v>
      </c>
      <c r="E1085">
        <v>4.493577153405683</v>
      </c>
      <c r="F1085">
        <v>17.866667000000007</v>
      </c>
      <c r="G1085">
        <v>4.4809701028837523</v>
      </c>
      <c r="AF1085">
        <v>0.64695085363403471</v>
      </c>
    </row>
    <row r="1086" spans="4:32" x14ac:dyDescent="0.25">
      <c r="D1086">
        <v>18.06666700000001</v>
      </c>
      <c r="E1086">
        <v>4.4940477879553287</v>
      </c>
      <c r="F1086">
        <v>17.883333000000007</v>
      </c>
      <c r="G1086">
        <v>4.4809701028837523</v>
      </c>
      <c r="AF1086">
        <v>0.80267787000033419</v>
      </c>
    </row>
    <row r="1087" spans="4:32" x14ac:dyDescent="0.25">
      <c r="D1087">
        <v>18.083334000000008</v>
      </c>
      <c r="E1087">
        <v>4.4940477879553287</v>
      </c>
      <c r="F1087">
        <v>17.900000000000006</v>
      </c>
      <c r="G1087">
        <v>4.4813698066669145</v>
      </c>
      <c r="AF1087">
        <v>0.97674281144858188</v>
      </c>
    </row>
    <row r="1088" spans="4:32" x14ac:dyDescent="0.25">
      <c r="D1088">
        <v>18.100000000000009</v>
      </c>
      <c r="E1088">
        <v>4.4945184225049752</v>
      </c>
      <c r="F1088">
        <v>17.916667000000004</v>
      </c>
      <c r="G1088">
        <v>4.4813698066669145</v>
      </c>
      <c r="AF1088">
        <v>1.1671229345912573</v>
      </c>
    </row>
    <row r="1089" spans="4:32" x14ac:dyDescent="0.25">
      <c r="D1089">
        <v>18.116667000000007</v>
      </c>
      <c r="E1089">
        <v>4.4945184225049752</v>
      </c>
      <c r="F1089">
        <v>17.933333000000005</v>
      </c>
      <c r="G1089">
        <v>4.4817816226859204</v>
      </c>
      <c r="AF1089">
        <v>1.3644312566420391</v>
      </c>
    </row>
    <row r="1090" spans="4:32" x14ac:dyDescent="0.25">
      <c r="D1090">
        <v>18.133334000000005</v>
      </c>
      <c r="E1090">
        <v>4.4945184225049752</v>
      </c>
      <c r="F1090">
        <v>17.950000000000003</v>
      </c>
      <c r="G1090">
        <v>4.4821934387049485</v>
      </c>
      <c r="AF1090">
        <v>1.5576577552102477</v>
      </c>
    </row>
    <row r="1091" spans="4:32" x14ac:dyDescent="0.25">
      <c r="D1091">
        <v>18.150000000000006</v>
      </c>
      <c r="E1091">
        <v>4.4945184225049752</v>
      </c>
      <c r="F1091">
        <v>17.966667000000001</v>
      </c>
      <c r="G1091">
        <v>4.4821934387049485</v>
      </c>
      <c r="AF1091">
        <v>1.748025766117079</v>
      </c>
    </row>
    <row r="1092" spans="4:32" x14ac:dyDescent="0.25">
      <c r="D1092">
        <v>18.166667000000004</v>
      </c>
      <c r="E1092">
        <v>4.4945184225049752</v>
      </c>
      <c r="F1092">
        <v>17.983333000000002</v>
      </c>
      <c r="G1092">
        <v>4.4825931424880894</v>
      </c>
      <c r="AF1092">
        <v>1.9396292250809508</v>
      </c>
    </row>
    <row r="1093" spans="4:32" x14ac:dyDescent="0.25">
      <c r="D1093">
        <v>18.183334000000002</v>
      </c>
      <c r="E1093">
        <v>4.4949752148619835</v>
      </c>
      <c r="F1093">
        <v>18</v>
      </c>
      <c r="G1093">
        <v>4.4825931424880894</v>
      </c>
      <c r="AF1093">
        <v>2.1304090520067884</v>
      </c>
    </row>
    <row r="1094" spans="4:32" x14ac:dyDescent="0.25">
      <c r="D1094">
        <v>18.200000000000003</v>
      </c>
      <c r="E1094">
        <v>4.4949752148619835</v>
      </c>
      <c r="F1094">
        <v>18.016666999999998</v>
      </c>
      <c r="G1094">
        <v>4.4830049585071166</v>
      </c>
      <c r="AF1094">
        <v>2.3048858094740421</v>
      </c>
    </row>
    <row r="1095" spans="4:32" x14ac:dyDescent="0.25">
      <c r="D1095">
        <v>18.216667000000001</v>
      </c>
      <c r="E1095">
        <v>4.4949752148619835</v>
      </c>
      <c r="F1095">
        <v>18.033332999999999</v>
      </c>
      <c r="G1095">
        <v>4.4830049585071166</v>
      </c>
      <c r="AF1095">
        <v>2.4549079627534103</v>
      </c>
    </row>
    <row r="1096" spans="4:32" x14ac:dyDescent="0.25">
      <c r="D1096">
        <v>18.233334000000013</v>
      </c>
      <c r="E1096">
        <v>4.4949752148619835</v>
      </c>
      <c r="F1096">
        <v>18.049999999999997</v>
      </c>
      <c r="G1096">
        <v>4.4834167745261233</v>
      </c>
      <c r="AF1096">
        <v>2.5776170241835357</v>
      </c>
    </row>
    <row r="1097" spans="4:32" x14ac:dyDescent="0.25">
      <c r="D1097">
        <v>18.25</v>
      </c>
      <c r="E1097">
        <v>4.4949752148619835</v>
      </c>
      <c r="F1097">
        <v>18.06666700000001</v>
      </c>
      <c r="G1097">
        <v>4.4834167745261233</v>
      </c>
      <c r="AF1097">
        <v>2.6766708889920783</v>
      </c>
    </row>
    <row r="1098" spans="4:32" x14ac:dyDescent="0.25">
      <c r="D1098">
        <v>18.266667000000012</v>
      </c>
      <c r="E1098">
        <v>4.4949752148619835</v>
      </c>
      <c r="F1098">
        <v>18.083332999999996</v>
      </c>
      <c r="G1098">
        <v>4.4834167745261233</v>
      </c>
      <c r="AF1098">
        <v>2.7557637891143356</v>
      </c>
    </row>
    <row r="1099" spans="4:32" x14ac:dyDescent="0.25">
      <c r="D1099">
        <v>18.283334000000011</v>
      </c>
      <c r="E1099">
        <v>4.4949752148619835</v>
      </c>
      <c r="F1099">
        <v>18.100000000000009</v>
      </c>
      <c r="G1099">
        <v>4.4838164783092855</v>
      </c>
      <c r="AF1099">
        <v>2.8209881791845359</v>
      </c>
    </row>
    <row r="1100" spans="4:32" x14ac:dyDescent="0.25">
      <c r="D1100">
        <v>18.300000000000011</v>
      </c>
      <c r="E1100">
        <v>4.4949752148619835</v>
      </c>
      <c r="F1100">
        <v>18.116667000000007</v>
      </c>
      <c r="G1100">
        <v>4.4838164783092855</v>
      </c>
      <c r="AF1100">
        <v>2.8760140666662246</v>
      </c>
    </row>
    <row r="1101" spans="4:32" x14ac:dyDescent="0.25">
      <c r="D1101">
        <v>18.31666700000001</v>
      </c>
      <c r="E1101">
        <v>4.4949752148619835</v>
      </c>
      <c r="F1101">
        <v>18.133333000000007</v>
      </c>
      <c r="G1101">
        <v>4.4842282943282914</v>
      </c>
      <c r="AF1101">
        <v>2.923312347673483</v>
      </c>
    </row>
    <row r="1102" spans="4:32" x14ac:dyDescent="0.25">
      <c r="D1102">
        <v>18.333334000000008</v>
      </c>
      <c r="E1102">
        <v>4.4949752148619835</v>
      </c>
      <c r="F1102">
        <v>18.150000000000006</v>
      </c>
      <c r="G1102">
        <v>4.4842282943282914</v>
      </c>
      <c r="AF1102">
        <v>2.9648936533579873</v>
      </c>
    </row>
    <row r="1103" spans="4:32" x14ac:dyDescent="0.25">
      <c r="D1103">
        <v>18.350000000000009</v>
      </c>
      <c r="E1103">
        <v>4.4949752148619835</v>
      </c>
      <c r="F1103">
        <v>18.166667000000004</v>
      </c>
      <c r="G1103">
        <v>4.4846401103473195</v>
      </c>
      <c r="AF1103">
        <v>3.00198131954089</v>
      </c>
    </row>
    <row r="1104" spans="4:32" x14ac:dyDescent="0.25">
      <c r="D1104">
        <v>18.366667000000007</v>
      </c>
      <c r="E1104">
        <v>4.4949752148619835</v>
      </c>
      <c r="F1104">
        <v>18.183333000000005</v>
      </c>
      <c r="G1104">
        <v>4.4846401103473195</v>
      </c>
      <c r="AF1104">
        <v>3.0354110904960914</v>
      </c>
    </row>
    <row r="1105" spans="4:32" x14ac:dyDescent="0.25">
      <c r="D1105">
        <v>18.383334000000005</v>
      </c>
      <c r="E1105">
        <v>4.4949752148619835</v>
      </c>
      <c r="F1105">
        <v>18.200000000000003</v>
      </c>
      <c r="G1105">
        <v>4.4850398141304817</v>
      </c>
      <c r="AF1105">
        <v>3.0659823737898941</v>
      </c>
    </row>
    <row r="1106" spans="4:32" x14ac:dyDescent="0.25">
      <c r="D1106">
        <v>18.400000000000006</v>
      </c>
      <c r="E1106">
        <v>4.4954458494116176</v>
      </c>
      <c r="F1106">
        <v>18.216667000000001</v>
      </c>
      <c r="G1106">
        <v>4.4850398141304817</v>
      </c>
      <c r="AF1106">
        <v>3.0941190976771917</v>
      </c>
    </row>
    <row r="1107" spans="4:32" x14ac:dyDescent="0.25">
      <c r="D1107">
        <v>18.416667000000004</v>
      </c>
      <c r="E1107">
        <v>4.4959164839612642</v>
      </c>
      <c r="F1107">
        <v>18.233333000000002</v>
      </c>
      <c r="G1107">
        <v>4.4854516301494884</v>
      </c>
      <c r="AF1107">
        <v>3.1202088537052588</v>
      </c>
    </row>
    <row r="1108" spans="4:32" x14ac:dyDescent="0.25">
      <c r="D1108">
        <v>18.433334000000002</v>
      </c>
      <c r="E1108">
        <v>4.4959164839612642</v>
      </c>
      <c r="F1108">
        <v>18.25</v>
      </c>
      <c r="G1108">
        <v>4.4854516301494884</v>
      </c>
      <c r="AF1108">
        <v>3.1446634578931452</v>
      </c>
    </row>
    <row r="1109" spans="4:32" x14ac:dyDescent="0.25">
      <c r="D1109">
        <v>18.450000000000003</v>
      </c>
      <c r="E1109">
        <v>4.4963732763182724</v>
      </c>
      <c r="F1109">
        <v>18.266666999999998</v>
      </c>
      <c r="G1109">
        <v>4.4858634461684943</v>
      </c>
      <c r="AF1109">
        <v>3.1679068384956794</v>
      </c>
    </row>
    <row r="1110" spans="4:32" x14ac:dyDescent="0.25">
      <c r="D1110">
        <v>18.466667000000001</v>
      </c>
      <c r="E1110">
        <v>4.4963732763182724</v>
      </c>
      <c r="F1110">
        <v>18.283332999999999</v>
      </c>
      <c r="G1110">
        <v>4.4862631499516556</v>
      </c>
      <c r="AF1110">
        <v>3.1907262908433625</v>
      </c>
    </row>
    <row r="1111" spans="4:32" x14ac:dyDescent="0.25">
      <c r="D1111">
        <v>18.483334000000013</v>
      </c>
      <c r="E1111">
        <v>4.4968439108679066</v>
      </c>
      <c r="F1111">
        <v>18.299999999999997</v>
      </c>
      <c r="G1111">
        <v>4.4862631499516556</v>
      </c>
      <c r="AF1111">
        <v>3.2131581516437286</v>
      </c>
    </row>
    <row r="1112" spans="4:32" x14ac:dyDescent="0.25">
      <c r="D1112">
        <v>18.5</v>
      </c>
      <c r="E1112">
        <v>4.4973145454175532</v>
      </c>
      <c r="F1112">
        <v>18.31666700000001</v>
      </c>
      <c r="G1112">
        <v>4.4866749659706624</v>
      </c>
      <c r="AF1112">
        <v>3.2343545643870755</v>
      </c>
    </row>
    <row r="1113" spans="4:32" x14ac:dyDescent="0.25">
      <c r="D1113">
        <v>18.516667000000012</v>
      </c>
      <c r="E1113">
        <v>4.4973145454175532</v>
      </c>
      <c r="F1113">
        <v>18.333332999999996</v>
      </c>
      <c r="G1113">
        <v>4.4866749659706624</v>
      </c>
      <c r="AF1113">
        <v>3.2551391611113951</v>
      </c>
    </row>
    <row r="1114" spans="4:32" x14ac:dyDescent="0.25">
      <c r="D1114">
        <v>18.533334000000011</v>
      </c>
      <c r="E1114">
        <v>4.4977713377745605</v>
      </c>
      <c r="F1114">
        <v>18.350000000000009</v>
      </c>
      <c r="G1114">
        <v>4.4870867819896905</v>
      </c>
      <c r="AF1114">
        <v>3.2751122380335245</v>
      </c>
    </row>
    <row r="1115" spans="4:32" x14ac:dyDescent="0.25">
      <c r="D1115">
        <v>18.550000000000011</v>
      </c>
      <c r="E1115">
        <v>4.4977713377745605</v>
      </c>
      <c r="F1115">
        <v>18.366667000000007</v>
      </c>
      <c r="G1115">
        <v>4.4870867819896905</v>
      </c>
      <c r="AF1115">
        <v>3.2942737951535066</v>
      </c>
    </row>
    <row r="1116" spans="4:32" x14ac:dyDescent="0.25">
      <c r="D1116">
        <v>18.56666700000001</v>
      </c>
      <c r="E1116">
        <v>4.4982419723241955</v>
      </c>
      <c r="F1116">
        <v>18.383333000000007</v>
      </c>
      <c r="G1116">
        <v>4.4874864857728527</v>
      </c>
      <c r="AF1116">
        <v>3.3130235362544607</v>
      </c>
    </row>
    <row r="1117" spans="4:32" x14ac:dyDescent="0.25">
      <c r="D1117">
        <v>18.583334000000008</v>
      </c>
      <c r="E1117">
        <v>4.4982419723241955</v>
      </c>
      <c r="F1117">
        <v>18.400000000000006</v>
      </c>
      <c r="G1117">
        <v>4.4878983017918586</v>
      </c>
      <c r="AF1117">
        <v>3.3305620537700849</v>
      </c>
    </row>
    <row r="1118" spans="4:32" x14ac:dyDescent="0.25">
      <c r="D1118">
        <v>18.600000000000009</v>
      </c>
      <c r="E1118">
        <v>4.4987126068738421</v>
      </c>
      <c r="F1118">
        <v>18.416667000000004</v>
      </c>
      <c r="G1118">
        <v>4.4878983017918586</v>
      </c>
      <c r="AF1118">
        <v>3.3476766430308369</v>
      </c>
    </row>
    <row r="1119" spans="4:32" x14ac:dyDescent="0.25">
      <c r="D1119">
        <v>18.616667000000007</v>
      </c>
      <c r="E1119">
        <v>4.4991693992308495</v>
      </c>
      <c r="F1119">
        <v>18.433333000000005</v>
      </c>
      <c r="G1119">
        <v>4.4883101178108644</v>
      </c>
      <c r="AF1119">
        <v>3.3643915285084489</v>
      </c>
    </row>
    <row r="1120" spans="4:32" x14ac:dyDescent="0.25">
      <c r="D1120">
        <v>18.633334000000005</v>
      </c>
      <c r="E1120">
        <v>4.4991693992308495</v>
      </c>
      <c r="F1120">
        <v>18.450000000000003</v>
      </c>
      <c r="G1120">
        <v>4.4883101178108644</v>
      </c>
      <c r="AF1120">
        <v>3.3798830781648634</v>
      </c>
    </row>
    <row r="1121" spans="4:32" x14ac:dyDescent="0.25">
      <c r="D1121">
        <v>18.650000000000006</v>
      </c>
      <c r="E1121">
        <v>4.4991693992308495</v>
      </c>
      <c r="F1121">
        <v>18.466667000000001</v>
      </c>
      <c r="G1121">
        <v>4.4887098215940275</v>
      </c>
      <c r="AF1121">
        <v>3.3949628118022512</v>
      </c>
    </row>
    <row r="1122" spans="4:32" x14ac:dyDescent="0.25">
      <c r="D1122">
        <v>18.666667000000004</v>
      </c>
      <c r="E1122">
        <v>4.499640033780496</v>
      </c>
      <c r="F1122">
        <v>18.483333000000002</v>
      </c>
      <c r="G1122">
        <v>4.4891216376130547</v>
      </c>
      <c r="AF1122">
        <v>3.4096428416564981</v>
      </c>
    </row>
    <row r="1123" spans="4:32" x14ac:dyDescent="0.25">
      <c r="D1123">
        <v>18.683334000000002</v>
      </c>
      <c r="E1123">
        <v>4.499640033780496</v>
      </c>
      <c r="F1123">
        <v>18.5</v>
      </c>
      <c r="G1123">
        <v>4.4891216376130547</v>
      </c>
      <c r="AF1123">
        <v>3.4234992394727111</v>
      </c>
    </row>
    <row r="1124" spans="4:32" x14ac:dyDescent="0.25">
      <c r="D1124">
        <v>18.700000000000003</v>
      </c>
      <c r="E1124">
        <v>4.5001106683301302</v>
      </c>
      <c r="F1124">
        <v>18.516666999999998</v>
      </c>
      <c r="G1124">
        <v>4.4895334536320615</v>
      </c>
      <c r="AF1124">
        <v>3.4369559335057613</v>
      </c>
    </row>
    <row r="1125" spans="4:32" x14ac:dyDescent="0.25">
      <c r="D1125">
        <v>18.716667000000001</v>
      </c>
      <c r="E1125">
        <v>4.5001106683301302</v>
      </c>
      <c r="F1125">
        <v>18.533332999999999</v>
      </c>
      <c r="G1125">
        <v>4.4895334536320615</v>
      </c>
      <c r="AF1125">
        <v>3.4500008115198058</v>
      </c>
    </row>
    <row r="1126" spans="4:32" x14ac:dyDescent="0.25">
      <c r="D1126">
        <v>18.733334000000013</v>
      </c>
      <c r="E1126">
        <v>4.5005813028797768</v>
      </c>
      <c r="F1126">
        <v>18.549999999999997</v>
      </c>
      <c r="G1126">
        <v>4.4899331574152237</v>
      </c>
      <c r="AF1126">
        <v>3.4626338735148225</v>
      </c>
    </row>
    <row r="1127" spans="4:32" x14ac:dyDescent="0.25">
      <c r="D1127">
        <v>18.75</v>
      </c>
      <c r="E1127">
        <v>4.501038095236785</v>
      </c>
      <c r="F1127">
        <v>18.56666700000001</v>
      </c>
      <c r="G1127">
        <v>4.4899331574152237</v>
      </c>
      <c r="AF1127">
        <v>3.4744554157076704</v>
      </c>
    </row>
    <row r="1128" spans="4:32" x14ac:dyDescent="0.25">
      <c r="D1128">
        <v>18.766667000000012</v>
      </c>
      <c r="E1128">
        <v>4.5015087297864191</v>
      </c>
      <c r="F1128">
        <v>18.583332999999996</v>
      </c>
      <c r="G1128">
        <v>4.4903449734342296</v>
      </c>
      <c r="AF1128">
        <v>3.4862890701363844</v>
      </c>
    </row>
    <row r="1129" spans="4:32" x14ac:dyDescent="0.25">
      <c r="D1129">
        <v>18.783334000000011</v>
      </c>
      <c r="E1129">
        <v>4.5019793643360657</v>
      </c>
      <c r="F1129">
        <v>18.600000000000009</v>
      </c>
      <c r="G1129">
        <v>4.4903449734342296</v>
      </c>
      <c r="AF1129">
        <v>3.4972869802912196</v>
      </c>
    </row>
    <row r="1130" spans="4:32" x14ac:dyDescent="0.25">
      <c r="D1130">
        <v>18.800000000000011</v>
      </c>
      <c r="E1130">
        <v>4.5019793643360657</v>
      </c>
      <c r="F1130">
        <v>18.616667000000007</v>
      </c>
      <c r="G1130">
        <v>4.4907567894532363</v>
      </c>
      <c r="AF1130">
        <v>3.5062621470585351</v>
      </c>
    </row>
    <row r="1131" spans="4:32" x14ac:dyDescent="0.25">
      <c r="D1131">
        <v>18.81666700000001</v>
      </c>
      <c r="E1131">
        <v>4.502436156693074</v>
      </c>
      <c r="F1131">
        <v>18.633333000000007</v>
      </c>
      <c r="G1131">
        <v>4.4907567894532363</v>
      </c>
      <c r="AF1131">
        <v>3.5140018657688099</v>
      </c>
    </row>
    <row r="1132" spans="4:32" x14ac:dyDescent="0.25">
      <c r="D1132">
        <v>18.833334000000008</v>
      </c>
      <c r="E1132">
        <v>4.5029067912427081</v>
      </c>
      <c r="F1132">
        <v>18.650000000000006</v>
      </c>
      <c r="G1132">
        <v>4.4911564932363977</v>
      </c>
      <c r="AF1132">
        <v>3.5217536967149505</v>
      </c>
    </row>
    <row r="1133" spans="4:32" x14ac:dyDescent="0.25">
      <c r="D1133">
        <v>18.850000000000009</v>
      </c>
      <c r="E1133">
        <v>4.5029067912427081</v>
      </c>
      <c r="F1133">
        <v>18.666667000000004</v>
      </c>
      <c r="G1133">
        <v>4.4911564932363977</v>
      </c>
      <c r="AF1133">
        <v>3.5319400870675963</v>
      </c>
    </row>
    <row r="1134" spans="4:32" x14ac:dyDescent="0.25">
      <c r="D1134">
        <v>18.866667000000007</v>
      </c>
      <c r="E1134">
        <v>4.5029067912427081</v>
      </c>
      <c r="F1134">
        <v>18.683333000000005</v>
      </c>
      <c r="G1134">
        <v>4.4915683092554257</v>
      </c>
      <c r="AF1134">
        <v>3.542950109458276</v>
      </c>
    </row>
    <row r="1135" spans="4:32" x14ac:dyDescent="0.25">
      <c r="D1135">
        <v>18.883334000000005</v>
      </c>
      <c r="E1135">
        <v>4.5033774257923547</v>
      </c>
      <c r="F1135">
        <v>18.700000000000003</v>
      </c>
      <c r="G1135">
        <v>4.4915683092554257</v>
      </c>
      <c r="AF1135">
        <v>3.553548315829949</v>
      </c>
    </row>
    <row r="1136" spans="4:32" x14ac:dyDescent="0.25">
      <c r="D1136">
        <v>18.900000000000006</v>
      </c>
      <c r="E1136">
        <v>4.5033774257923547</v>
      </c>
      <c r="F1136">
        <v>18.716667000000001</v>
      </c>
      <c r="G1136">
        <v>4.4919680130385879</v>
      </c>
      <c r="AF1136">
        <v>3.5629231863804267</v>
      </c>
    </row>
    <row r="1137" spans="4:32" x14ac:dyDescent="0.25">
      <c r="D1137">
        <v>18.916667000000004</v>
      </c>
      <c r="E1137">
        <v>4.503834218149362</v>
      </c>
      <c r="F1137">
        <v>18.733333000000002</v>
      </c>
      <c r="G1137">
        <v>4.4919680130385879</v>
      </c>
      <c r="AF1137">
        <v>3.5698513852885334</v>
      </c>
    </row>
    <row r="1138" spans="4:32" x14ac:dyDescent="0.25">
      <c r="D1138">
        <v>18.933334000000002</v>
      </c>
      <c r="E1138">
        <v>4.503834218149362</v>
      </c>
      <c r="F1138">
        <v>18.75</v>
      </c>
      <c r="G1138">
        <v>4.4923798290575938</v>
      </c>
      <c r="AF1138">
        <v>3.5759680643944498</v>
      </c>
    </row>
    <row r="1139" spans="4:32" x14ac:dyDescent="0.25">
      <c r="D1139">
        <v>18.950000000000003</v>
      </c>
      <c r="E1139">
        <v>4.503834218149362</v>
      </c>
      <c r="F1139">
        <v>18.766666999999998</v>
      </c>
      <c r="G1139">
        <v>4.4923798290575938</v>
      </c>
      <c r="AF1139">
        <v>3.5820847435003875</v>
      </c>
    </row>
    <row r="1140" spans="4:32" x14ac:dyDescent="0.25">
      <c r="D1140">
        <v>18.966667000000001</v>
      </c>
      <c r="E1140">
        <v>4.5043048526990095</v>
      </c>
      <c r="F1140">
        <v>18.783332999999999</v>
      </c>
      <c r="G1140">
        <v>4.4927916450766006</v>
      </c>
      <c r="AF1140">
        <v>3.5886011263894875</v>
      </c>
    </row>
    <row r="1141" spans="4:32" x14ac:dyDescent="0.25">
      <c r="D1141">
        <v>18.983334000000013</v>
      </c>
      <c r="E1141">
        <v>4.5047754872486436</v>
      </c>
      <c r="F1141">
        <v>18.799999999999997</v>
      </c>
      <c r="G1141">
        <v>4.4927916450766006</v>
      </c>
      <c r="AF1141">
        <v>3.5951296215144319</v>
      </c>
    </row>
    <row r="1142" spans="4:32" x14ac:dyDescent="0.25">
      <c r="D1142">
        <v>19</v>
      </c>
      <c r="E1142">
        <v>4.5047754872486436</v>
      </c>
      <c r="F1142">
        <v>18.81666700000001</v>
      </c>
      <c r="G1142">
        <v>4.4931913488597628</v>
      </c>
      <c r="AF1142">
        <v>3.6024696364415445</v>
      </c>
    </row>
    <row r="1143" spans="4:32" x14ac:dyDescent="0.25">
      <c r="D1143">
        <v>19.016667000000012</v>
      </c>
      <c r="E1143">
        <v>4.505232279605651</v>
      </c>
      <c r="F1143">
        <v>18.833332999999996</v>
      </c>
      <c r="G1143">
        <v>4.4931913488597628</v>
      </c>
      <c r="AF1143">
        <v>3.6102093551518193</v>
      </c>
    </row>
    <row r="1144" spans="4:32" x14ac:dyDescent="0.25">
      <c r="D1144">
        <v>19.033334000000011</v>
      </c>
      <c r="E1144">
        <v>4.505232279605651</v>
      </c>
      <c r="F1144">
        <v>18.850000000000009</v>
      </c>
      <c r="G1144">
        <v>4.4936031648787695</v>
      </c>
      <c r="AF1144">
        <v>3.618772705900128</v>
      </c>
    </row>
    <row r="1145" spans="4:32" x14ac:dyDescent="0.25">
      <c r="D1145">
        <v>19.050000000000011</v>
      </c>
      <c r="E1145">
        <v>4.5057029141552976</v>
      </c>
      <c r="F1145">
        <v>18.866667000000007</v>
      </c>
      <c r="G1145">
        <v>4.4936031648787695</v>
      </c>
      <c r="AF1145">
        <v>3.6269242406294309</v>
      </c>
    </row>
    <row r="1146" spans="4:32" x14ac:dyDescent="0.25">
      <c r="D1146">
        <v>19.06666700000001</v>
      </c>
      <c r="E1146">
        <v>4.5061735487049317</v>
      </c>
      <c r="F1146">
        <v>18.883333000000007</v>
      </c>
      <c r="G1146">
        <v>4.4940149808977967</v>
      </c>
      <c r="AF1146">
        <v>3.6354875913777396</v>
      </c>
    </row>
    <row r="1147" spans="4:32" x14ac:dyDescent="0.25">
      <c r="D1147">
        <v>19.083334000000008</v>
      </c>
      <c r="E1147">
        <v>4.5061735487049317</v>
      </c>
      <c r="F1147">
        <v>18.900000000000006</v>
      </c>
      <c r="G1147">
        <v>4.4940149808977967</v>
      </c>
      <c r="AF1147">
        <v>3.6448624619282164</v>
      </c>
    </row>
    <row r="1148" spans="4:32" x14ac:dyDescent="0.25">
      <c r="D1148">
        <v>19.100000000000009</v>
      </c>
      <c r="E1148">
        <v>4.5061735487049317</v>
      </c>
      <c r="F1148">
        <v>18.916667000000004</v>
      </c>
      <c r="G1148">
        <v>4.4944146846809581</v>
      </c>
      <c r="AF1148">
        <v>3.6530139966574984</v>
      </c>
    </row>
    <row r="1149" spans="4:32" x14ac:dyDescent="0.25">
      <c r="D1149">
        <v>19.116667000000007</v>
      </c>
      <c r="E1149">
        <v>4.5066303410619399</v>
      </c>
      <c r="F1149">
        <v>18.933333000000005</v>
      </c>
      <c r="G1149">
        <v>4.4944146846809581</v>
      </c>
      <c r="AF1149">
        <v>3.6603540115846323</v>
      </c>
    </row>
    <row r="1150" spans="4:32" x14ac:dyDescent="0.25">
      <c r="D1150">
        <v>19.133334000000005</v>
      </c>
      <c r="E1150">
        <v>4.5066303410619399</v>
      </c>
      <c r="F1150">
        <v>18.950000000000003</v>
      </c>
      <c r="G1150">
        <v>4.4948265006999648</v>
      </c>
      <c r="AF1150">
        <v>3.6660588746715428</v>
      </c>
    </row>
    <row r="1151" spans="4:32" x14ac:dyDescent="0.25">
      <c r="D1151">
        <v>19.150000000000006</v>
      </c>
      <c r="E1151">
        <v>4.5066303410619399</v>
      </c>
      <c r="F1151">
        <v>18.966667000000001</v>
      </c>
      <c r="G1151">
        <v>4.4948265006999648</v>
      </c>
      <c r="AF1151">
        <v>3.670540401937278</v>
      </c>
    </row>
    <row r="1152" spans="4:32" x14ac:dyDescent="0.25">
      <c r="D1152">
        <v>19.166667000000004</v>
      </c>
      <c r="E1152">
        <v>4.5071009756115865</v>
      </c>
      <c r="F1152">
        <v>18.983333000000002</v>
      </c>
      <c r="G1152">
        <v>4.4952383167189716</v>
      </c>
      <c r="AF1152">
        <v>3.6750340414388578</v>
      </c>
    </row>
    <row r="1153" spans="4:32" x14ac:dyDescent="0.25">
      <c r="D1153">
        <v>19.183334000000002</v>
      </c>
      <c r="E1153">
        <v>4.5071009756115865</v>
      </c>
      <c r="F1153">
        <v>19</v>
      </c>
      <c r="G1153">
        <v>4.4952383167189716</v>
      </c>
      <c r="AF1153">
        <v>3.6795155687045931</v>
      </c>
    </row>
    <row r="1154" spans="4:32" x14ac:dyDescent="0.25">
      <c r="D1154">
        <v>19.200000000000003</v>
      </c>
      <c r="E1154">
        <v>4.5075716101612207</v>
      </c>
      <c r="F1154">
        <v>19.016666999999998</v>
      </c>
      <c r="G1154">
        <v>4.4956380205021338</v>
      </c>
      <c r="AF1154">
        <v>3.6848086157724969</v>
      </c>
    </row>
    <row r="1155" spans="4:32" x14ac:dyDescent="0.25">
      <c r="D1155">
        <v>19.216667000000001</v>
      </c>
      <c r="E1155">
        <v>4.5075716101612207</v>
      </c>
      <c r="F1155">
        <v>19.033332999999999</v>
      </c>
      <c r="G1155">
        <v>4.4956380205021338</v>
      </c>
      <c r="AF1155">
        <v>3.6909252948784346</v>
      </c>
    </row>
    <row r="1156" spans="4:32" x14ac:dyDescent="0.25">
      <c r="D1156">
        <v>19.233334000000013</v>
      </c>
      <c r="E1156">
        <v>4.5075716101612207</v>
      </c>
      <c r="F1156">
        <v>19.049999999999997</v>
      </c>
      <c r="G1156">
        <v>4.4960498365211397</v>
      </c>
      <c r="AF1156">
        <v>3.6966301579653451</v>
      </c>
    </row>
    <row r="1157" spans="4:32" x14ac:dyDescent="0.25">
      <c r="D1157">
        <v>19.25</v>
      </c>
      <c r="E1157">
        <v>4.5075716101612207</v>
      </c>
      <c r="F1157">
        <v>19.06666700000001</v>
      </c>
      <c r="G1157">
        <v>4.4960498365211397</v>
      </c>
      <c r="AF1157">
        <v>3.7031586530903113</v>
      </c>
    </row>
    <row r="1158" spans="4:32" x14ac:dyDescent="0.25">
      <c r="D1158">
        <v>19.266667000000012</v>
      </c>
      <c r="E1158">
        <v>4.5080284025182289</v>
      </c>
      <c r="F1158">
        <v>19.083332999999996</v>
      </c>
      <c r="G1158">
        <v>4.4964616525401677</v>
      </c>
      <c r="AF1158">
        <v>3.708863516177221</v>
      </c>
    </row>
    <row r="1159" spans="4:32" x14ac:dyDescent="0.25">
      <c r="D1159">
        <v>19.283334000000011</v>
      </c>
      <c r="E1159">
        <v>4.5080284025182289</v>
      </c>
      <c r="F1159">
        <v>19.100000000000009</v>
      </c>
      <c r="G1159">
        <v>4.4964616525401677</v>
      </c>
      <c r="AF1159">
        <v>3.7137568594619625</v>
      </c>
    </row>
    <row r="1160" spans="4:32" x14ac:dyDescent="0.25">
      <c r="D1160">
        <v>19.300000000000011</v>
      </c>
      <c r="E1160">
        <v>4.5084990370678746</v>
      </c>
      <c r="F1160">
        <v>19.116667000000007</v>
      </c>
      <c r="G1160">
        <v>4.49686135632333</v>
      </c>
      <c r="AF1160">
        <v>3.7182383867276987</v>
      </c>
    </row>
    <row r="1161" spans="4:32" x14ac:dyDescent="0.25">
      <c r="D1161">
        <v>19.31666700000001</v>
      </c>
      <c r="E1161">
        <v>4.5084990370678746</v>
      </c>
      <c r="F1161">
        <v>19.133333000000007</v>
      </c>
      <c r="G1161">
        <v>4.49686135632333</v>
      </c>
      <c r="AF1161">
        <v>3.7223202102102717</v>
      </c>
    </row>
    <row r="1162" spans="4:32" x14ac:dyDescent="0.25">
      <c r="D1162">
        <v>19.333334000000008</v>
      </c>
      <c r="E1162">
        <v>4.5084990370678746</v>
      </c>
      <c r="F1162">
        <v>19.150000000000006</v>
      </c>
      <c r="G1162">
        <v>4.49686135632333</v>
      </c>
      <c r="AF1162">
        <v>3.7263899214570011</v>
      </c>
    </row>
    <row r="1163" spans="4:32" x14ac:dyDescent="0.25">
      <c r="D1163">
        <v>19.350000000000009</v>
      </c>
      <c r="E1163">
        <v>4.5089696716175087</v>
      </c>
      <c r="F1163">
        <v>19.166667000000004</v>
      </c>
      <c r="G1163">
        <v>4.4972731723423358</v>
      </c>
      <c r="AF1163">
        <v>3.7304717449395746</v>
      </c>
    </row>
    <row r="1164" spans="4:32" x14ac:dyDescent="0.25">
      <c r="D1164">
        <v>19.366667000000007</v>
      </c>
      <c r="E1164">
        <v>4.5094264639745179</v>
      </c>
      <c r="F1164">
        <v>19.183333000000005</v>
      </c>
      <c r="G1164">
        <v>4.4972731723423358</v>
      </c>
      <c r="AF1164">
        <v>3.7345414561862822</v>
      </c>
    </row>
    <row r="1165" spans="4:32" x14ac:dyDescent="0.25">
      <c r="D1165">
        <v>19.383334000000005</v>
      </c>
      <c r="E1165">
        <v>4.5094264639745179</v>
      </c>
      <c r="F1165">
        <v>19.200000000000003</v>
      </c>
      <c r="G1165">
        <v>4.4976849883613426</v>
      </c>
      <c r="AF1165">
        <v>3.7390350956878615</v>
      </c>
    </row>
    <row r="1166" spans="4:32" x14ac:dyDescent="0.25">
      <c r="D1166">
        <v>19.400000000000006</v>
      </c>
      <c r="E1166">
        <v>4.5094264639745179</v>
      </c>
      <c r="F1166">
        <v>19.216667000000001</v>
      </c>
      <c r="G1166">
        <v>4.4976849883613426</v>
      </c>
      <c r="AF1166">
        <v>3.7431048069345905</v>
      </c>
    </row>
    <row r="1167" spans="4:32" x14ac:dyDescent="0.25">
      <c r="D1167">
        <v>19.416667000000004</v>
      </c>
      <c r="E1167">
        <v>4.5094264639745179</v>
      </c>
      <c r="F1167">
        <v>19.233333000000002</v>
      </c>
      <c r="G1167">
        <v>4.4980846921445039</v>
      </c>
      <c r="AF1167">
        <v>3.7471866304171639</v>
      </c>
    </row>
    <row r="1168" spans="4:32" x14ac:dyDescent="0.25">
      <c r="D1168">
        <v>19.433334000000002</v>
      </c>
      <c r="E1168">
        <v>4.5098970985241644</v>
      </c>
      <c r="F1168">
        <v>19.25</v>
      </c>
      <c r="G1168">
        <v>4.4980846921445039</v>
      </c>
      <c r="AF1168">
        <v>3.7516681576828996</v>
      </c>
    </row>
    <row r="1169" spans="4:32" x14ac:dyDescent="0.25">
      <c r="D1169">
        <v>19.450000000000003</v>
      </c>
      <c r="E1169">
        <v>4.5098970985241644</v>
      </c>
      <c r="F1169">
        <v>19.266666999999998</v>
      </c>
      <c r="G1169">
        <v>4.4984965081635329</v>
      </c>
      <c r="AF1169">
        <v>3.7561496849486349</v>
      </c>
    </row>
    <row r="1170" spans="4:32" x14ac:dyDescent="0.25">
      <c r="D1170">
        <v>19.466667000000001</v>
      </c>
      <c r="E1170">
        <v>4.5098970985241644</v>
      </c>
      <c r="F1170">
        <v>19.283332999999999</v>
      </c>
      <c r="G1170">
        <v>4.4984965081635329</v>
      </c>
      <c r="AF1170">
        <v>3.7602315084312083</v>
      </c>
    </row>
    <row r="1171" spans="4:32" x14ac:dyDescent="0.25">
      <c r="D1171">
        <v>19.483334000000013</v>
      </c>
      <c r="E1171">
        <v>4.5098970985241644</v>
      </c>
      <c r="F1171">
        <v>19.299999999999997</v>
      </c>
      <c r="G1171">
        <v>4.4989083241825387</v>
      </c>
      <c r="AF1171">
        <v>3.764713035696944</v>
      </c>
    </row>
    <row r="1172" spans="4:32" x14ac:dyDescent="0.25">
      <c r="D1172">
        <v>19.5</v>
      </c>
      <c r="E1172">
        <v>4.5103677330738101</v>
      </c>
      <c r="F1172">
        <v>19.31666700000001</v>
      </c>
      <c r="G1172">
        <v>4.4989083241825387</v>
      </c>
      <c r="AF1172">
        <v>3.7687948591795175</v>
      </c>
    </row>
    <row r="1173" spans="4:32" x14ac:dyDescent="0.25">
      <c r="D1173">
        <v>19.516667000000012</v>
      </c>
      <c r="E1173">
        <v>4.5103677330738101</v>
      </c>
      <c r="F1173">
        <v>19.333332999999996</v>
      </c>
      <c r="G1173">
        <v>4.4993080279657001</v>
      </c>
      <c r="AF1173">
        <v>3.7732763864452528</v>
      </c>
    </row>
    <row r="1174" spans="4:32" x14ac:dyDescent="0.25">
      <c r="D1174">
        <v>19.533334000000011</v>
      </c>
      <c r="E1174">
        <v>4.5108245254308059</v>
      </c>
      <c r="F1174">
        <v>19.350000000000009</v>
      </c>
      <c r="G1174">
        <v>4.4993080279657001</v>
      </c>
      <c r="AF1174">
        <v>3.7773460976919604</v>
      </c>
    </row>
    <row r="1175" spans="4:32" x14ac:dyDescent="0.25">
      <c r="D1175">
        <v>19.550000000000011</v>
      </c>
      <c r="E1175">
        <v>4.5108245254308059</v>
      </c>
      <c r="F1175">
        <v>19.366667000000007</v>
      </c>
      <c r="G1175">
        <v>4.4997198439847068</v>
      </c>
      <c r="AF1175">
        <v>3.7814279211745343</v>
      </c>
    </row>
    <row r="1176" spans="4:32" x14ac:dyDescent="0.25">
      <c r="D1176">
        <v>19.56666700000001</v>
      </c>
      <c r="E1176">
        <v>4.5108245254308059</v>
      </c>
      <c r="F1176">
        <v>19.383333000000007</v>
      </c>
      <c r="G1176">
        <v>4.4997198439847068</v>
      </c>
      <c r="AF1176">
        <v>3.7859094484402696</v>
      </c>
    </row>
    <row r="1177" spans="4:32" x14ac:dyDescent="0.25">
      <c r="D1177">
        <v>19.583334000000008</v>
      </c>
      <c r="E1177">
        <v>4.5108245254308059</v>
      </c>
      <c r="F1177">
        <v>19.400000000000006</v>
      </c>
      <c r="G1177">
        <v>4.5001316600037127</v>
      </c>
      <c r="AF1177">
        <v>3.7899912719228426</v>
      </c>
    </row>
    <row r="1178" spans="4:32" x14ac:dyDescent="0.25">
      <c r="D1178">
        <v>19.600000000000009</v>
      </c>
      <c r="E1178">
        <v>4.5112951599804525</v>
      </c>
      <c r="F1178">
        <v>19.416667000000004</v>
      </c>
      <c r="G1178">
        <v>4.5001316600037127</v>
      </c>
      <c r="AF1178">
        <v>3.794060983169572</v>
      </c>
    </row>
    <row r="1179" spans="4:32" x14ac:dyDescent="0.25">
      <c r="D1179">
        <v>19.616667000000007</v>
      </c>
      <c r="E1179">
        <v>4.5112951599804525</v>
      </c>
      <c r="F1179">
        <v>19.433333000000005</v>
      </c>
      <c r="G1179">
        <v>4.5005313637868758</v>
      </c>
      <c r="AF1179">
        <v>3.7977309906331178</v>
      </c>
    </row>
    <row r="1180" spans="4:32" x14ac:dyDescent="0.25">
      <c r="D1180">
        <v>19.633334000000005</v>
      </c>
      <c r="E1180">
        <v>4.5112951599804525</v>
      </c>
      <c r="F1180">
        <v>19.450000000000003</v>
      </c>
      <c r="G1180">
        <v>4.5005313637868758</v>
      </c>
      <c r="AF1180">
        <v>3.8018128141156913</v>
      </c>
    </row>
    <row r="1181" spans="4:32" x14ac:dyDescent="0.25">
      <c r="D1181">
        <v>19.650000000000006</v>
      </c>
      <c r="E1181">
        <v>4.5117657945300991</v>
      </c>
      <c r="F1181">
        <v>19.466667000000001</v>
      </c>
      <c r="G1181">
        <v>4.500943179805903</v>
      </c>
      <c r="AF1181">
        <v>3.8054828215792584</v>
      </c>
    </row>
    <row r="1182" spans="4:32" x14ac:dyDescent="0.25">
      <c r="D1182">
        <v>19.666667000000004</v>
      </c>
      <c r="E1182">
        <v>4.5117657945300991</v>
      </c>
      <c r="F1182">
        <v>19.483333000000002</v>
      </c>
      <c r="G1182">
        <v>4.500943179805903</v>
      </c>
      <c r="AF1182">
        <v>3.8095525328259661</v>
      </c>
    </row>
    <row r="1183" spans="4:32" x14ac:dyDescent="0.25">
      <c r="D1183">
        <v>19.683334000000002</v>
      </c>
      <c r="E1183">
        <v>4.5122225868870949</v>
      </c>
      <c r="F1183">
        <v>19.5</v>
      </c>
      <c r="G1183">
        <v>4.5013549958249088</v>
      </c>
      <c r="AF1183">
        <v>3.8132225402895328</v>
      </c>
    </row>
    <row r="1184" spans="4:32" x14ac:dyDescent="0.25">
      <c r="D1184">
        <v>19.700000000000003</v>
      </c>
      <c r="E1184">
        <v>4.5122225868870949</v>
      </c>
      <c r="F1184">
        <v>19.516666999999998</v>
      </c>
      <c r="G1184">
        <v>4.501754699608072</v>
      </c>
      <c r="AF1184">
        <v>3.8168925477530999</v>
      </c>
    </row>
    <row r="1185" spans="4:32" x14ac:dyDescent="0.25">
      <c r="D1185">
        <v>19.716667000000001</v>
      </c>
      <c r="E1185">
        <v>4.5126932214367415</v>
      </c>
      <c r="F1185">
        <v>19.533332999999999</v>
      </c>
      <c r="G1185">
        <v>4.501754699608072</v>
      </c>
      <c r="AF1185">
        <v>3.8205625552166458</v>
      </c>
    </row>
    <row r="1186" spans="4:32" x14ac:dyDescent="0.25">
      <c r="D1186">
        <v>19.733334000000013</v>
      </c>
      <c r="E1186">
        <v>4.5126932214367415</v>
      </c>
      <c r="F1186">
        <v>19.549999999999997</v>
      </c>
      <c r="G1186">
        <v>4.5021665156270778</v>
      </c>
      <c r="AF1186">
        <v>3.8242325626802125</v>
      </c>
    </row>
    <row r="1187" spans="4:32" x14ac:dyDescent="0.25">
      <c r="D1187">
        <v>19.75</v>
      </c>
      <c r="E1187">
        <v>4.513163855986388</v>
      </c>
      <c r="F1187">
        <v>19.56666700000001</v>
      </c>
      <c r="G1187">
        <v>4.5021665156270778</v>
      </c>
      <c r="AF1187">
        <v>3.8274907541247516</v>
      </c>
    </row>
    <row r="1188" spans="4:32" x14ac:dyDescent="0.25">
      <c r="D1188">
        <v>19.766667000000012</v>
      </c>
      <c r="E1188">
        <v>4.513163855986388</v>
      </c>
      <c r="F1188">
        <v>19.583332999999996</v>
      </c>
      <c r="G1188">
        <v>4.5025783316461059</v>
      </c>
      <c r="AF1188">
        <v>3.8311607615883188</v>
      </c>
    </row>
    <row r="1189" spans="4:32" x14ac:dyDescent="0.25">
      <c r="D1189">
        <v>19.783334000000011</v>
      </c>
      <c r="E1189">
        <v>4.5126932214367415</v>
      </c>
      <c r="F1189">
        <v>19.600000000000009</v>
      </c>
      <c r="G1189">
        <v>4.5029780354292459</v>
      </c>
      <c r="AF1189">
        <v>3.8344189530328578</v>
      </c>
    </row>
    <row r="1190" spans="4:32" x14ac:dyDescent="0.25">
      <c r="D1190">
        <v>19.800000000000011</v>
      </c>
      <c r="E1190">
        <v>4.513163855986388</v>
      </c>
      <c r="F1190">
        <v>19.616667000000007</v>
      </c>
      <c r="G1190">
        <v>4.5029780354292459</v>
      </c>
      <c r="AF1190">
        <v>3.8380889604964255</v>
      </c>
    </row>
    <row r="1191" spans="4:32" x14ac:dyDescent="0.25">
      <c r="D1191">
        <v>19.81666700000001</v>
      </c>
      <c r="E1191">
        <v>4.513163855986388</v>
      </c>
      <c r="F1191">
        <v>19.633333000000007</v>
      </c>
      <c r="G1191">
        <v>4.503389851448274</v>
      </c>
      <c r="AF1191">
        <v>3.8413471519409645</v>
      </c>
    </row>
    <row r="1192" spans="4:32" x14ac:dyDescent="0.25">
      <c r="D1192">
        <v>19.833334000000008</v>
      </c>
      <c r="E1192">
        <v>4.513163855986388</v>
      </c>
      <c r="F1192">
        <v>19.650000000000006</v>
      </c>
      <c r="G1192">
        <v>4.503389851448274</v>
      </c>
      <c r="AF1192">
        <v>3.8446174556213699</v>
      </c>
    </row>
    <row r="1193" spans="4:32" x14ac:dyDescent="0.25">
      <c r="D1193">
        <v>19.850000000000009</v>
      </c>
      <c r="E1193">
        <v>4.5136206483433954</v>
      </c>
      <c r="F1193">
        <v>19.666667000000004</v>
      </c>
      <c r="G1193">
        <v>4.5038016674672807</v>
      </c>
      <c r="AF1193">
        <v>3.847875647065909</v>
      </c>
    </row>
    <row r="1194" spans="4:32" x14ac:dyDescent="0.25">
      <c r="D1194">
        <v>19.866667000000007</v>
      </c>
      <c r="E1194">
        <v>4.5136206483433954</v>
      </c>
      <c r="F1194">
        <v>19.683333000000005</v>
      </c>
      <c r="G1194">
        <v>4.5038016674672807</v>
      </c>
      <c r="AF1194">
        <v>3.8511338385104699</v>
      </c>
    </row>
    <row r="1195" spans="4:32" x14ac:dyDescent="0.25">
      <c r="D1195">
        <v>19.883334000000005</v>
      </c>
      <c r="E1195">
        <v>4.5140912828930295</v>
      </c>
      <c r="F1195">
        <v>19.700000000000003</v>
      </c>
      <c r="G1195">
        <v>4.5042013712504421</v>
      </c>
      <c r="AF1195">
        <v>3.854392029955009</v>
      </c>
    </row>
    <row r="1196" spans="4:32" x14ac:dyDescent="0.25">
      <c r="D1196">
        <v>19.900000000000006</v>
      </c>
      <c r="E1196">
        <v>4.5140912828930295</v>
      </c>
      <c r="F1196">
        <v>19.716667000000001</v>
      </c>
      <c r="G1196">
        <v>4.5042013712504421</v>
      </c>
      <c r="AF1196">
        <v>3.8572505176164076</v>
      </c>
    </row>
    <row r="1197" spans="4:32" x14ac:dyDescent="0.25">
      <c r="D1197">
        <v>19.916667000000004</v>
      </c>
      <c r="E1197">
        <v>4.5140912828930295</v>
      </c>
      <c r="F1197">
        <v>19.733333000000002</v>
      </c>
      <c r="G1197">
        <v>4.5046131872694488</v>
      </c>
      <c r="AF1197">
        <v>3.8605087090609467</v>
      </c>
    </row>
    <row r="1198" spans="4:32" x14ac:dyDescent="0.25">
      <c r="D1198">
        <v>19.933334000000002</v>
      </c>
      <c r="E1198">
        <v>4.5145619174426761</v>
      </c>
      <c r="F1198">
        <v>19.75</v>
      </c>
      <c r="G1198">
        <v>4.5046131872694488</v>
      </c>
      <c r="AF1198">
        <v>3.863367196722324</v>
      </c>
    </row>
    <row r="1199" spans="4:32" x14ac:dyDescent="0.25">
      <c r="D1199">
        <v>19.950000000000003</v>
      </c>
      <c r="E1199">
        <v>4.5150187097996852</v>
      </c>
      <c r="F1199">
        <v>19.766666999999998</v>
      </c>
      <c r="G1199">
        <v>4.5050250032884769</v>
      </c>
      <c r="AF1199">
        <v>3.8666253881668853</v>
      </c>
    </row>
    <row r="1200" spans="4:32" x14ac:dyDescent="0.25">
      <c r="D1200">
        <v>19.966667000000001</v>
      </c>
      <c r="E1200">
        <v>4.5154893443493185</v>
      </c>
      <c r="F1200">
        <v>19.783332999999999</v>
      </c>
      <c r="G1200">
        <v>4.5050250032884769</v>
      </c>
      <c r="AF1200">
        <v>3.8694838758282621</v>
      </c>
    </row>
    <row r="1201" spans="4:32" x14ac:dyDescent="0.25">
      <c r="D1201">
        <v>19.983334000000013</v>
      </c>
      <c r="E1201">
        <v>4.5159599788989651</v>
      </c>
      <c r="F1201">
        <v>19.799999999999997</v>
      </c>
      <c r="G1201">
        <v>4.5050250032884769</v>
      </c>
      <c r="AF1201">
        <v>3.8723302512537949</v>
      </c>
    </row>
    <row r="1202" spans="4:32" x14ac:dyDescent="0.25">
      <c r="D1202">
        <v>20</v>
      </c>
      <c r="E1202">
        <v>4.5164167712559733</v>
      </c>
      <c r="F1202">
        <v>19.81666700000001</v>
      </c>
      <c r="G1202">
        <v>4.5054247070716382</v>
      </c>
      <c r="AF1202">
        <v>3.8751887389151722</v>
      </c>
    </row>
    <row r="1203" spans="4:32" x14ac:dyDescent="0.25">
      <c r="D1203">
        <v>20.016667000000012</v>
      </c>
      <c r="E1203">
        <v>4.5164167712559733</v>
      </c>
      <c r="F1203">
        <v>19.833332999999996</v>
      </c>
      <c r="G1203">
        <v>4.5054247070716382</v>
      </c>
      <c r="AF1203">
        <v>3.8780472265765713</v>
      </c>
    </row>
    <row r="1204" spans="4:32" x14ac:dyDescent="0.25">
      <c r="D1204">
        <v>20.033334000000011</v>
      </c>
      <c r="E1204">
        <v>4.5168874058056074</v>
      </c>
      <c r="F1204">
        <v>19.850000000000009</v>
      </c>
      <c r="G1204">
        <v>4.505836523090645</v>
      </c>
      <c r="AF1204">
        <v>3.8808936020021041</v>
      </c>
    </row>
    <row r="1205" spans="4:32" x14ac:dyDescent="0.25">
      <c r="D1205">
        <v>20.050000000000011</v>
      </c>
      <c r="E1205">
        <v>4.5168874058056074</v>
      </c>
      <c r="F1205">
        <v>19.866667000000007</v>
      </c>
      <c r="G1205">
        <v>4.505836523090645</v>
      </c>
      <c r="AF1205">
        <v>3.8837520896634814</v>
      </c>
    </row>
    <row r="1206" spans="4:32" x14ac:dyDescent="0.25">
      <c r="D1206">
        <v>20.06666700000001</v>
      </c>
      <c r="E1206">
        <v>4.517358040355254</v>
      </c>
      <c r="F1206">
        <v>19.883333000000007</v>
      </c>
      <c r="G1206">
        <v>4.5062362268738072</v>
      </c>
      <c r="AF1206">
        <v>3.8865984650890137</v>
      </c>
    </row>
    <row r="1207" spans="4:32" x14ac:dyDescent="0.25">
      <c r="D1207">
        <v>20.083334000000008</v>
      </c>
      <c r="E1207">
        <v>4.517358040355254</v>
      </c>
      <c r="F1207">
        <v>19.900000000000006</v>
      </c>
      <c r="G1207">
        <v>4.5062362268738072</v>
      </c>
      <c r="AF1207">
        <v>3.8894569527504128</v>
      </c>
    </row>
    <row r="1208" spans="4:32" x14ac:dyDescent="0.25">
      <c r="D1208">
        <v>20.100000000000009</v>
      </c>
      <c r="E1208">
        <v>4.5178148327122623</v>
      </c>
      <c r="F1208">
        <v>19.916667000000004</v>
      </c>
      <c r="G1208">
        <v>4.5062362268738072</v>
      </c>
      <c r="AF1208">
        <v>3.8919036243927838</v>
      </c>
    </row>
    <row r="1209" spans="4:32" x14ac:dyDescent="0.25">
      <c r="D1209">
        <v>20.116667000000007</v>
      </c>
      <c r="E1209">
        <v>4.5178148327122623</v>
      </c>
      <c r="F1209">
        <v>19.933333000000005</v>
      </c>
      <c r="G1209">
        <v>4.5066480428928131</v>
      </c>
      <c r="AF1209">
        <v>3.8947499998183166</v>
      </c>
    </row>
    <row r="1210" spans="4:32" x14ac:dyDescent="0.25">
      <c r="D1210">
        <v>20.133334000000005</v>
      </c>
      <c r="E1210">
        <v>4.5178148327122623</v>
      </c>
      <c r="F1210">
        <v>19.950000000000003</v>
      </c>
      <c r="G1210">
        <v>4.5066480428928131</v>
      </c>
      <c r="AF1210">
        <v>3.8971966714606876</v>
      </c>
    </row>
    <row r="1211" spans="4:32" x14ac:dyDescent="0.25">
      <c r="D1211">
        <v>20.150000000000006</v>
      </c>
      <c r="E1211">
        <v>4.5182854672619088</v>
      </c>
      <c r="F1211">
        <v>19.966667000000001</v>
      </c>
      <c r="G1211">
        <v>4.5070598589118198</v>
      </c>
      <c r="AF1211">
        <v>3.9000551591220649</v>
      </c>
    </row>
    <row r="1212" spans="4:32" x14ac:dyDescent="0.25">
      <c r="D1212">
        <v>20.166667000000004</v>
      </c>
      <c r="E1212">
        <v>4.518756101811543</v>
      </c>
      <c r="F1212">
        <v>19.983333000000002</v>
      </c>
      <c r="G1212">
        <v>4.5070598589118198</v>
      </c>
      <c r="AF1212">
        <v>3.9025018307644572</v>
      </c>
    </row>
    <row r="1213" spans="4:32" x14ac:dyDescent="0.25">
      <c r="D1213">
        <v>20.183334000000002</v>
      </c>
      <c r="E1213">
        <v>4.518756101811543</v>
      </c>
      <c r="F1213">
        <v>20</v>
      </c>
      <c r="G1213">
        <v>4.5074595626949812</v>
      </c>
      <c r="AF1213">
        <v>3.9053603184258345</v>
      </c>
    </row>
    <row r="1214" spans="4:32" x14ac:dyDescent="0.25">
      <c r="D1214">
        <v>20.200000000000003</v>
      </c>
      <c r="E1214">
        <v>4.5192267363611895</v>
      </c>
      <c r="F1214">
        <v>20.016666999999998</v>
      </c>
      <c r="G1214">
        <v>4.5074595626949812</v>
      </c>
      <c r="AF1214">
        <v>3.9077948778323615</v>
      </c>
    </row>
    <row r="1215" spans="4:32" x14ac:dyDescent="0.25">
      <c r="D1215">
        <v>20.216667000000001</v>
      </c>
      <c r="E1215">
        <v>4.5192267363611895</v>
      </c>
      <c r="F1215">
        <v>20.033332999999999</v>
      </c>
      <c r="G1215">
        <v>4.5074595626949812</v>
      </c>
      <c r="AF1215">
        <v>3.910241549474732</v>
      </c>
    </row>
    <row r="1216" spans="4:32" x14ac:dyDescent="0.25">
      <c r="D1216">
        <v>20.233334000000013</v>
      </c>
      <c r="E1216">
        <v>4.5196835287181969</v>
      </c>
      <c r="F1216">
        <v>20.049999999999997</v>
      </c>
      <c r="G1216">
        <v>4.5078713787140092</v>
      </c>
      <c r="AF1216">
        <v>3.9126882211171026</v>
      </c>
    </row>
    <row r="1217" spans="4:32" x14ac:dyDescent="0.25">
      <c r="D1217">
        <v>20.25</v>
      </c>
      <c r="E1217">
        <v>4.5196835287181969</v>
      </c>
      <c r="F1217">
        <v>20.06666700000001</v>
      </c>
      <c r="G1217">
        <v>4.5078713787140092</v>
      </c>
      <c r="AF1217">
        <v>3.9155467087784799</v>
      </c>
    </row>
    <row r="1218" spans="4:32" x14ac:dyDescent="0.25">
      <c r="D1218">
        <v>20.266667000000012</v>
      </c>
      <c r="E1218">
        <v>4.5196835287181969</v>
      </c>
      <c r="F1218">
        <v>20.083332999999996</v>
      </c>
      <c r="G1218">
        <v>4.508283194733016</v>
      </c>
      <c r="AF1218">
        <v>3.9179933804208513</v>
      </c>
    </row>
    <row r="1219" spans="4:32" x14ac:dyDescent="0.25">
      <c r="D1219">
        <v>20.283334000000011</v>
      </c>
      <c r="E1219">
        <v>4.5201541632678319</v>
      </c>
      <c r="F1219">
        <v>20.100000000000009</v>
      </c>
      <c r="G1219">
        <v>4.508283194733016</v>
      </c>
      <c r="AF1219">
        <v>3.920028236044216</v>
      </c>
    </row>
    <row r="1220" spans="4:32" x14ac:dyDescent="0.25">
      <c r="D1220">
        <v>20.300000000000011</v>
      </c>
      <c r="E1220">
        <v>4.5201541632678319</v>
      </c>
      <c r="F1220">
        <v>20.116667000000007</v>
      </c>
      <c r="G1220">
        <v>4.5086828985161782</v>
      </c>
      <c r="AF1220">
        <v>3.9224749076865866</v>
      </c>
    </row>
    <row r="1221" spans="4:32" x14ac:dyDescent="0.25">
      <c r="D1221">
        <v>20.31666700000001</v>
      </c>
      <c r="E1221">
        <v>4.5201541632678319</v>
      </c>
      <c r="F1221">
        <v>20.133333000000007</v>
      </c>
      <c r="G1221">
        <v>4.5086828985161782</v>
      </c>
      <c r="AF1221">
        <v>3.9249215793289576</v>
      </c>
    </row>
    <row r="1222" spans="4:32" x14ac:dyDescent="0.25">
      <c r="D1222">
        <v>20.333334000000008</v>
      </c>
      <c r="E1222">
        <v>4.5206247978174785</v>
      </c>
      <c r="F1222">
        <v>20.150000000000006</v>
      </c>
      <c r="G1222">
        <v>4.5086828985161782</v>
      </c>
      <c r="AF1222">
        <v>3.9273682509713281</v>
      </c>
    </row>
    <row r="1223" spans="4:32" x14ac:dyDescent="0.25">
      <c r="D1223">
        <v>20.350000000000009</v>
      </c>
      <c r="E1223">
        <v>4.5206247978174785</v>
      </c>
      <c r="F1223">
        <v>20.166667000000004</v>
      </c>
      <c r="G1223">
        <v>4.5090947145351841</v>
      </c>
      <c r="AF1223">
        <v>3.9298149226137209</v>
      </c>
    </row>
    <row r="1224" spans="4:32" x14ac:dyDescent="0.25">
      <c r="D1224">
        <v>20.366667000000007</v>
      </c>
      <c r="E1224">
        <v>4.5206247978174785</v>
      </c>
      <c r="F1224">
        <v>20.183333000000005</v>
      </c>
      <c r="G1224">
        <v>4.5090947145351841</v>
      </c>
      <c r="AF1224">
        <v>3.9322615942560915</v>
      </c>
    </row>
    <row r="1225" spans="4:32" x14ac:dyDescent="0.25">
      <c r="D1225">
        <v>20.383334000000005</v>
      </c>
      <c r="E1225">
        <v>4.5206247978174785</v>
      </c>
      <c r="F1225">
        <v>20.200000000000003</v>
      </c>
      <c r="G1225">
        <v>4.5095065305542121</v>
      </c>
      <c r="AF1225">
        <v>3.9342964498794348</v>
      </c>
    </row>
    <row r="1226" spans="4:32" x14ac:dyDescent="0.25">
      <c r="D1226">
        <v>20.400000000000006</v>
      </c>
      <c r="E1226">
        <v>4.5206247978174785</v>
      </c>
      <c r="F1226">
        <v>20.216667000000001</v>
      </c>
      <c r="G1226">
        <v>4.5095065305542121</v>
      </c>
      <c r="AF1226">
        <v>3.9367431215218267</v>
      </c>
    </row>
    <row r="1227" spans="4:32" x14ac:dyDescent="0.25">
      <c r="D1227">
        <v>20.416667000000004</v>
      </c>
      <c r="E1227">
        <v>4.5206247978174785</v>
      </c>
      <c r="F1227">
        <v>20.233333000000002</v>
      </c>
      <c r="G1227">
        <v>4.509906234337353</v>
      </c>
      <c r="AF1227">
        <v>3.9391897931641982</v>
      </c>
    </row>
    <row r="1228" spans="4:32" x14ac:dyDescent="0.25">
      <c r="D1228">
        <v>20.433334000000002</v>
      </c>
      <c r="E1228">
        <v>4.5210815901744859</v>
      </c>
      <c r="F1228">
        <v>20.25</v>
      </c>
      <c r="G1228">
        <v>4.509906234337353</v>
      </c>
      <c r="AF1228">
        <v>3.9412246487875411</v>
      </c>
    </row>
    <row r="1229" spans="4:32" x14ac:dyDescent="0.25">
      <c r="D1229">
        <v>20.450000000000003</v>
      </c>
      <c r="E1229">
        <v>4.5210815901744859</v>
      </c>
      <c r="F1229">
        <v>20.266666999999998</v>
      </c>
      <c r="G1229">
        <v>4.5103180503563802</v>
      </c>
      <c r="AF1229">
        <v>3.9436713204299334</v>
      </c>
    </row>
    <row r="1230" spans="4:32" x14ac:dyDescent="0.25">
      <c r="D1230">
        <v>20.466667000000001</v>
      </c>
      <c r="E1230">
        <v>4.5210815901744859</v>
      </c>
      <c r="F1230">
        <v>20.283332999999999</v>
      </c>
      <c r="G1230">
        <v>4.5103180503563802</v>
      </c>
      <c r="AF1230">
        <v>3.9457182882891422</v>
      </c>
    </row>
    <row r="1231" spans="4:32" x14ac:dyDescent="0.25">
      <c r="D1231">
        <v>20.483334000000013</v>
      </c>
      <c r="E1231">
        <v>4.5210815901744859</v>
      </c>
      <c r="F1231">
        <v>20.299999999999997</v>
      </c>
      <c r="G1231">
        <v>4.510729866375387</v>
      </c>
      <c r="AF1231">
        <v>3.9481649599315132</v>
      </c>
    </row>
    <row r="1232" spans="4:32" x14ac:dyDescent="0.25">
      <c r="D1232">
        <v>20.5</v>
      </c>
      <c r="E1232">
        <v>4.5210815901744859</v>
      </c>
      <c r="F1232">
        <v>20.31666700000001</v>
      </c>
      <c r="G1232">
        <v>4.510729866375387</v>
      </c>
      <c r="AF1232">
        <v>3.9501998155548779</v>
      </c>
    </row>
    <row r="1233" spans="4:32" x14ac:dyDescent="0.25">
      <c r="D1233">
        <v>20.516667000000012</v>
      </c>
      <c r="E1233">
        <v>4.52155222472412</v>
      </c>
      <c r="F1233">
        <v>20.333332999999996</v>
      </c>
      <c r="G1233">
        <v>4.5111295701585483</v>
      </c>
      <c r="AF1233">
        <v>3.9522346711782208</v>
      </c>
    </row>
    <row r="1234" spans="4:32" x14ac:dyDescent="0.25">
      <c r="D1234">
        <v>20.533334000000011</v>
      </c>
      <c r="E1234">
        <v>4.52155222472412</v>
      </c>
      <c r="F1234">
        <v>20.350000000000009</v>
      </c>
      <c r="G1234">
        <v>4.5111295701585483</v>
      </c>
      <c r="AF1234">
        <v>3.9542695268015855</v>
      </c>
    </row>
    <row r="1235" spans="4:32" x14ac:dyDescent="0.25">
      <c r="D1235">
        <v>20.550000000000011</v>
      </c>
      <c r="E1235">
        <v>4.52155222472412</v>
      </c>
      <c r="F1235">
        <v>20.366667000000007</v>
      </c>
      <c r="G1235">
        <v>4.5111295701585483</v>
      </c>
      <c r="AF1235">
        <v>3.9567161984439561</v>
      </c>
    </row>
    <row r="1236" spans="4:32" x14ac:dyDescent="0.25">
      <c r="D1236">
        <v>20.56666700000001</v>
      </c>
      <c r="E1236">
        <v>4.52155222472412</v>
      </c>
      <c r="F1236">
        <v>20.383333000000007</v>
      </c>
      <c r="G1236">
        <v>4.5115413861775551</v>
      </c>
      <c r="AF1236">
        <v>3.9587631663031866</v>
      </c>
    </row>
    <row r="1237" spans="4:32" x14ac:dyDescent="0.25">
      <c r="D1237">
        <v>20.583334000000008</v>
      </c>
      <c r="E1237">
        <v>4.5220228592737666</v>
      </c>
      <c r="F1237">
        <v>20.400000000000006</v>
      </c>
      <c r="G1237">
        <v>4.5115413861775551</v>
      </c>
      <c r="AF1237">
        <v>3.9607980219265295</v>
      </c>
    </row>
    <row r="1238" spans="4:32" x14ac:dyDescent="0.25">
      <c r="D1238">
        <v>20.600000000000009</v>
      </c>
      <c r="E1238">
        <v>4.5220228592737666</v>
      </c>
      <c r="F1238">
        <v>20.416667000000004</v>
      </c>
      <c r="G1238">
        <v>4.5119532021965831</v>
      </c>
      <c r="AF1238">
        <v>3.9628328775498942</v>
      </c>
    </row>
    <row r="1239" spans="4:32" x14ac:dyDescent="0.25">
      <c r="D1239">
        <v>20.616667000000007</v>
      </c>
      <c r="E1239">
        <v>4.5220228592737666</v>
      </c>
      <c r="F1239">
        <v>20.433333000000005</v>
      </c>
      <c r="G1239">
        <v>4.5119532021965831</v>
      </c>
      <c r="AF1239">
        <v>3.9648677331732585</v>
      </c>
    </row>
    <row r="1240" spans="4:32" x14ac:dyDescent="0.25">
      <c r="D1240">
        <v>20.633334000000005</v>
      </c>
      <c r="E1240">
        <v>4.5224796516307748</v>
      </c>
      <c r="F1240">
        <v>20.450000000000003</v>
      </c>
      <c r="G1240">
        <v>4.5123529059797445</v>
      </c>
      <c r="AF1240">
        <v>3.9669147010324681</v>
      </c>
    </row>
    <row r="1241" spans="4:32" x14ac:dyDescent="0.25">
      <c r="D1241">
        <v>20.650000000000006</v>
      </c>
      <c r="E1241">
        <v>4.5224796516307748</v>
      </c>
      <c r="F1241">
        <v>20.466667000000001</v>
      </c>
      <c r="G1241">
        <v>4.5123529059797445</v>
      </c>
      <c r="AF1241">
        <v>3.9689495566558328</v>
      </c>
    </row>
    <row r="1242" spans="4:32" x14ac:dyDescent="0.25">
      <c r="D1242">
        <v>20.666667000000004</v>
      </c>
      <c r="E1242">
        <v>4.5229502861804205</v>
      </c>
      <c r="F1242">
        <v>20.483333000000002</v>
      </c>
      <c r="G1242">
        <v>4.5123529059797445</v>
      </c>
      <c r="AF1242">
        <v>3.9705847084960348</v>
      </c>
    </row>
    <row r="1243" spans="4:32" x14ac:dyDescent="0.25">
      <c r="D1243">
        <v>20.683334000000002</v>
      </c>
      <c r="E1243">
        <v>4.5229502861804205</v>
      </c>
      <c r="F1243">
        <v>20.5</v>
      </c>
      <c r="G1243">
        <v>4.5127647219987512</v>
      </c>
      <c r="AF1243">
        <v>3.9726195641193778</v>
      </c>
    </row>
    <row r="1244" spans="4:32" x14ac:dyDescent="0.25">
      <c r="D1244">
        <v>20.700000000000003</v>
      </c>
      <c r="E1244">
        <v>4.5234209207300555</v>
      </c>
      <c r="F1244">
        <v>20.516666999999998</v>
      </c>
      <c r="G1244">
        <v>4.5127647219987512</v>
      </c>
      <c r="AF1244">
        <v>3.9746544197427425</v>
      </c>
    </row>
    <row r="1245" spans="4:32" x14ac:dyDescent="0.25">
      <c r="D1245">
        <v>20.716667000000001</v>
      </c>
      <c r="E1245">
        <v>4.5234209207300555</v>
      </c>
      <c r="F1245">
        <v>20.533332999999999</v>
      </c>
      <c r="G1245">
        <v>4.5131765380177571</v>
      </c>
      <c r="AF1245">
        <v>3.9766892753661067</v>
      </c>
    </row>
    <row r="1246" spans="4:32" x14ac:dyDescent="0.25">
      <c r="D1246">
        <v>20.733334000000013</v>
      </c>
      <c r="E1246">
        <v>4.5238777130870638</v>
      </c>
      <c r="F1246">
        <v>20.549999999999997</v>
      </c>
      <c r="G1246">
        <v>4.5131765380177571</v>
      </c>
      <c r="AF1246">
        <v>3.9787362432253155</v>
      </c>
    </row>
    <row r="1247" spans="4:32" x14ac:dyDescent="0.25">
      <c r="D1247">
        <v>20.75</v>
      </c>
      <c r="E1247">
        <v>4.5238777130870638</v>
      </c>
      <c r="F1247">
        <v>20.56666700000001</v>
      </c>
      <c r="G1247">
        <v>4.5135762418009202</v>
      </c>
      <c r="AF1247">
        <v>3.9803592828296743</v>
      </c>
    </row>
    <row r="1248" spans="4:32" x14ac:dyDescent="0.25">
      <c r="D1248">
        <v>20.766667000000012</v>
      </c>
      <c r="E1248">
        <v>4.5238777130870638</v>
      </c>
      <c r="F1248">
        <v>20.583332999999996</v>
      </c>
      <c r="G1248">
        <v>4.5135762418009202</v>
      </c>
      <c r="AF1248">
        <v>3.9824062506888831</v>
      </c>
    </row>
    <row r="1249" spans="4:32" x14ac:dyDescent="0.25">
      <c r="D1249">
        <v>20.783334000000011</v>
      </c>
      <c r="E1249">
        <v>4.5238777130870638</v>
      </c>
      <c r="F1249">
        <v>20.600000000000009</v>
      </c>
      <c r="G1249">
        <v>4.5139880578199261</v>
      </c>
      <c r="AF1249">
        <v>3.9844411063122473</v>
      </c>
    </row>
    <row r="1250" spans="4:32" x14ac:dyDescent="0.25">
      <c r="D1250">
        <v>20.800000000000011</v>
      </c>
      <c r="E1250">
        <v>4.5243483476367103</v>
      </c>
      <c r="F1250">
        <v>20.616667000000007</v>
      </c>
      <c r="G1250">
        <v>4.5139880578199261</v>
      </c>
      <c r="AF1250">
        <v>3.9860762581524503</v>
      </c>
    </row>
    <row r="1251" spans="4:32" x14ac:dyDescent="0.25">
      <c r="D1251">
        <v>20.81666700000001</v>
      </c>
      <c r="E1251">
        <v>4.5243483476367103</v>
      </c>
      <c r="F1251">
        <v>20.633333000000007</v>
      </c>
      <c r="G1251">
        <v>4.5143998738389541</v>
      </c>
      <c r="AF1251">
        <v>3.9881111137757932</v>
      </c>
    </row>
    <row r="1252" spans="4:32" x14ac:dyDescent="0.25">
      <c r="D1252">
        <v>20.833334000000008</v>
      </c>
      <c r="E1252">
        <v>4.5243483476367103</v>
      </c>
      <c r="F1252">
        <v>20.650000000000006</v>
      </c>
      <c r="G1252">
        <v>4.5143998738389541</v>
      </c>
      <c r="AF1252">
        <v>3.9897341533801511</v>
      </c>
    </row>
    <row r="1253" spans="4:32" x14ac:dyDescent="0.25">
      <c r="D1253">
        <v>20.850000000000009</v>
      </c>
      <c r="E1253">
        <v>4.5248189821863436</v>
      </c>
      <c r="F1253">
        <v>20.666667000000004</v>
      </c>
      <c r="G1253">
        <v>4.5143998738389541</v>
      </c>
      <c r="AF1253">
        <v>3.991369305220354</v>
      </c>
    </row>
    <row r="1254" spans="4:32" x14ac:dyDescent="0.25">
      <c r="D1254">
        <v>20.866667000000007</v>
      </c>
      <c r="E1254">
        <v>4.5248189821863436</v>
      </c>
      <c r="F1254">
        <v>20.683333000000005</v>
      </c>
      <c r="G1254">
        <v>4.5147995776221164</v>
      </c>
      <c r="AF1254">
        <v>3.993404160843697</v>
      </c>
    </row>
    <row r="1255" spans="4:32" x14ac:dyDescent="0.25">
      <c r="D1255">
        <v>20.883334000000005</v>
      </c>
      <c r="E1255">
        <v>4.5248189821863436</v>
      </c>
      <c r="F1255">
        <v>20.700000000000003</v>
      </c>
      <c r="G1255">
        <v>4.5147995776221164</v>
      </c>
      <c r="AF1255">
        <v>3.9950393126838999</v>
      </c>
    </row>
    <row r="1256" spans="4:32" x14ac:dyDescent="0.25">
      <c r="D1256">
        <v>20.900000000000006</v>
      </c>
      <c r="E1256">
        <v>4.5252757745433527</v>
      </c>
      <c r="F1256">
        <v>20.716667000000001</v>
      </c>
      <c r="G1256">
        <v>4.5152113936411222</v>
      </c>
      <c r="AF1256">
        <v>3.9970741683072646</v>
      </c>
    </row>
    <row r="1257" spans="4:32" x14ac:dyDescent="0.25">
      <c r="D1257">
        <v>20.916667000000004</v>
      </c>
      <c r="E1257">
        <v>4.5257464090929993</v>
      </c>
      <c r="F1257">
        <v>20.733333000000002</v>
      </c>
      <c r="G1257">
        <v>4.5152113936411222</v>
      </c>
      <c r="AF1257">
        <v>3.9987093201474666</v>
      </c>
    </row>
    <row r="1258" spans="4:32" x14ac:dyDescent="0.25">
      <c r="D1258">
        <v>20.933334000000002</v>
      </c>
      <c r="E1258">
        <v>4.5257464090929993</v>
      </c>
      <c r="F1258">
        <v>20.75</v>
      </c>
      <c r="G1258">
        <v>4.5152113936411222</v>
      </c>
      <c r="AF1258">
        <v>4.0003444719876695</v>
      </c>
    </row>
    <row r="1259" spans="4:32" x14ac:dyDescent="0.25">
      <c r="D1259">
        <v>20.950000000000003</v>
      </c>
      <c r="E1259">
        <v>4.5262170436426334</v>
      </c>
      <c r="F1259">
        <v>20.766666999999998</v>
      </c>
      <c r="G1259">
        <v>4.515623209660129</v>
      </c>
      <c r="AF1259">
        <v>4.0023793276110338</v>
      </c>
    </row>
    <row r="1260" spans="4:32" x14ac:dyDescent="0.25">
      <c r="D1260">
        <v>20.966667000000001</v>
      </c>
      <c r="E1260">
        <v>4.5262170436426334</v>
      </c>
      <c r="F1260">
        <v>20.783332999999999</v>
      </c>
      <c r="G1260">
        <v>4.515623209660129</v>
      </c>
      <c r="AF1260">
        <v>4.00400236721537</v>
      </c>
    </row>
    <row r="1261" spans="4:32" x14ac:dyDescent="0.25">
      <c r="D1261">
        <v>20.983334000000013</v>
      </c>
      <c r="E1261">
        <v>4.5266738359996408</v>
      </c>
      <c r="F1261">
        <v>20.799999999999997</v>
      </c>
      <c r="G1261">
        <v>4.5160229134432903</v>
      </c>
      <c r="AF1261">
        <v>4.0056375190555729</v>
      </c>
    </row>
    <row r="1262" spans="4:32" x14ac:dyDescent="0.25">
      <c r="D1262">
        <v>21</v>
      </c>
      <c r="E1262">
        <v>4.5266738359996408</v>
      </c>
      <c r="F1262">
        <v>20.81666700000001</v>
      </c>
      <c r="G1262">
        <v>4.5160229134432903</v>
      </c>
      <c r="AF1262">
        <v>4.0072726708957758</v>
      </c>
    </row>
    <row r="1263" spans="4:32" x14ac:dyDescent="0.25">
      <c r="D1263">
        <v>21.016667000000012</v>
      </c>
      <c r="E1263">
        <v>4.5271444705492874</v>
      </c>
      <c r="F1263">
        <v>20.833332999999996</v>
      </c>
      <c r="G1263">
        <v>4.5164347294623184</v>
      </c>
      <c r="AF1263">
        <v>4.00930752651914</v>
      </c>
    </row>
    <row r="1264" spans="4:32" x14ac:dyDescent="0.25">
      <c r="D1264">
        <v>21.033334000000011</v>
      </c>
      <c r="E1264">
        <v>4.5271444705492874</v>
      </c>
      <c r="F1264">
        <v>20.850000000000009</v>
      </c>
      <c r="G1264">
        <v>4.5164347294623184</v>
      </c>
      <c r="AF1264">
        <v>4.010942678359342</v>
      </c>
    </row>
    <row r="1265" spans="4:32" x14ac:dyDescent="0.25">
      <c r="D1265">
        <v>21.050000000000011</v>
      </c>
      <c r="E1265">
        <v>4.5276151050989215</v>
      </c>
      <c r="F1265">
        <v>20.866667000000007</v>
      </c>
      <c r="G1265">
        <v>4.5164347294623184</v>
      </c>
      <c r="AF1265">
        <v>4.0125657179636791</v>
      </c>
    </row>
    <row r="1266" spans="4:32" x14ac:dyDescent="0.25">
      <c r="D1266">
        <v>21.06666700000001</v>
      </c>
      <c r="E1266">
        <v>4.5280718974559298</v>
      </c>
      <c r="F1266">
        <v>20.883333000000007</v>
      </c>
      <c r="G1266">
        <v>4.5168465454813251</v>
      </c>
      <c r="AF1266">
        <v>4.014200869803882</v>
      </c>
    </row>
    <row r="1267" spans="4:32" x14ac:dyDescent="0.25">
      <c r="D1267">
        <v>21.083334000000008</v>
      </c>
      <c r="E1267">
        <v>4.5280718974559298</v>
      </c>
      <c r="F1267">
        <v>20.900000000000006</v>
      </c>
      <c r="G1267">
        <v>4.5168465454813251</v>
      </c>
      <c r="AF1267">
        <v>4.015836021644084</v>
      </c>
    </row>
    <row r="1268" spans="4:32" x14ac:dyDescent="0.25">
      <c r="D1268">
        <v>21.100000000000009</v>
      </c>
      <c r="E1268">
        <v>4.5280718974559298</v>
      </c>
      <c r="F1268">
        <v>20.916667000000004</v>
      </c>
      <c r="G1268">
        <v>4.5172462492644865</v>
      </c>
      <c r="AF1268">
        <v>4.0174590612484211</v>
      </c>
    </row>
    <row r="1269" spans="4:32" x14ac:dyDescent="0.25">
      <c r="D1269">
        <v>21.116667000000007</v>
      </c>
      <c r="E1269">
        <v>4.5285425320055763</v>
      </c>
      <c r="F1269">
        <v>20.933333000000005</v>
      </c>
      <c r="G1269">
        <v>4.5172462492644865</v>
      </c>
      <c r="AF1269">
        <v>4.019094213088624</v>
      </c>
    </row>
    <row r="1270" spans="4:32" x14ac:dyDescent="0.25">
      <c r="D1270">
        <v>21.133334000000005</v>
      </c>
      <c r="E1270">
        <v>4.5285425320055763</v>
      </c>
      <c r="F1270">
        <v>20.950000000000003</v>
      </c>
      <c r="G1270">
        <v>4.5172462492644865</v>
      </c>
      <c r="AF1270">
        <v>4.0207172526929815</v>
      </c>
    </row>
    <row r="1271" spans="4:32" x14ac:dyDescent="0.25">
      <c r="D1271">
        <v>21.150000000000006</v>
      </c>
      <c r="E1271">
        <v>4.5285425320055763</v>
      </c>
      <c r="F1271">
        <v>20.966667000000001</v>
      </c>
      <c r="G1271">
        <v>4.5176580652834932</v>
      </c>
      <c r="AF1271">
        <v>4.0223524045331631</v>
      </c>
    </row>
    <row r="1272" spans="4:32" x14ac:dyDescent="0.25">
      <c r="D1272">
        <v>21.166667000000004</v>
      </c>
      <c r="E1272">
        <v>4.5290131665552229</v>
      </c>
      <c r="F1272">
        <v>20.983333000000002</v>
      </c>
      <c r="G1272">
        <v>4.5176580652834932</v>
      </c>
      <c r="AF1272">
        <v>4.0239875563733651</v>
      </c>
    </row>
    <row r="1273" spans="4:32" x14ac:dyDescent="0.25">
      <c r="D1273">
        <v>21.183334000000002</v>
      </c>
      <c r="E1273">
        <v>4.5290131665552229</v>
      </c>
      <c r="F1273">
        <v>21</v>
      </c>
      <c r="G1273">
        <v>4.5176580652834932</v>
      </c>
      <c r="AF1273">
        <v>4.0256105959777235</v>
      </c>
    </row>
    <row r="1274" spans="4:32" x14ac:dyDescent="0.25">
      <c r="D1274">
        <v>21.200000000000003</v>
      </c>
      <c r="E1274">
        <v>4.5294699589122178</v>
      </c>
      <c r="F1274">
        <v>21.016666999999998</v>
      </c>
      <c r="G1274">
        <v>4.5180698813024991</v>
      </c>
      <c r="AF1274">
        <v>4.0272457478179264</v>
      </c>
    </row>
    <row r="1275" spans="4:32" x14ac:dyDescent="0.25">
      <c r="D1275">
        <v>21.216667000000001</v>
      </c>
      <c r="E1275">
        <v>4.5299405934618644</v>
      </c>
      <c r="F1275">
        <v>21.033332999999999</v>
      </c>
      <c r="G1275">
        <v>4.5180698813024991</v>
      </c>
      <c r="AF1275">
        <v>4.0288808996581071</v>
      </c>
    </row>
    <row r="1276" spans="4:32" x14ac:dyDescent="0.25">
      <c r="D1276">
        <v>21.233334000000013</v>
      </c>
      <c r="E1276">
        <v>4.5299405934618644</v>
      </c>
      <c r="F1276">
        <v>21.049999999999997</v>
      </c>
      <c r="G1276">
        <v>4.5184695850856613</v>
      </c>
      <c r="AF1276">
        <v>4.0300921232434588</v>
      </c>
    </row>
    <row r="1277" spans="4:32" x14ac:dyDescent="0.25">
      <c r="D1277">
        <v>21.25</v>
      </c>
      <c r="E1277">
        <v>4.530411228011511</v>
      </c>
      <c r="F1277">
        <v>21.06666700000001</v>
      </c>
      <c r="G1277">
        <v>4.5184695850856613</v>
      </c>
      <c r="AF1277">
        <v>4.0317272750836404</v>
      </c>
    </row>
    <row r="1278" spans="4:32" x14ac:dyDescent="0.25">
      <c r="D1278">
        <v>21.266667000000012</v>
      </c>
      <c r="E1278">
        <v>4.530411228011511</v>
      </c>
      <c r="F1278">
        <v>21.083332999999996</v>
      </c>
      <c r="G1278">
        <v>4.5184695850856613</v>
      </c>
      <c r="AF1278">
        <v>4.0333624269238433</v>
      </c>
    </row>
    <row r="1279" spans="4:32" x14ac:dyDescent="0.25">
      <c r="D1279">
        <v>21.283334000000011</v>
      </c>
      <c r="E1279">
        <v>4.5308680203685201</v>
      </c>
      <c r="F1279">
        <v>21.100000000000009</v>
      </c>
      <c r="G1279">
        <v>4.5188814011046894</v>
      </c>
      <c r="AF1279">
        <v>4.0349854665282008</v>
      </c>
    </row>
    <row r="1280" spans="4:32" x14ac:dyDescent="0.25">
      <c r="D1280">
        <v>21.300000000000011</v>
      </c>
      <c r="E1280">
        <v>4.5308680203685201</v>
      </c>
      <c r="F1280">
        <v>21.116667000000007</v>
      </c>
      <c r="G1280">
        <v>4.5188814011046894</v>
      </c>
      <c r="AF1280">
        <v>4.0362088023493756</v>
      </c>
    </row>
    <row r="1281" spans="4:32" x14ac:dyDescent="0.25">
      <c r="D1281">
        <v>21.31666700000001</v>
      </c>
      <c r="E1281">
        <v>4.5308680203685201</v>
      </c>
      <c r="F1281">
        <v>21.133333000000007</v>
      </c>
      <c r="G1281">
        <v>4.5192811048878507</v>
      </c>
      <c r="AF1281">
        <v>4.0378439541895776</v>
      </c>
    </row>
    <row r="1282" spans="4:32" x14ac:dyDescent="0.25">
      <c r="D1282">
        <v>21.333334000000008</v>
      </c>
      <c r="E1282">
        <v>4.5308680203685201</v>
      </c>
      <c r="F1282">
        <v>21.150000000000006</v>
      </c>
      <c r="G1282">
        <v>4.5192811048878507</v>
      </c>
      <c r="AF1282">
        <v>4.0394791060297806</v>
      </c>
    </row>
    <row r="1283" spans="4:32" x14ac:dyDescent="0.25">
      <c r="D1283">
        <v>21.350000000000009</v>
      </c>
      <c r="E1283">
        <v>4.5308680203685201</v>
      </c>
      <c r="F1283">
        <v>21.166667000000004</v>
      </c>
      <c r="G1283">
        <v>4.5196929209068575</v>
      </c>
      <c r="AF1283">
        <v>4.0411021456341389</v>
      </c>
    </row>
    <row r="1284" spans="4:32" x14ac:dyDescent="0.25">
      <c r="D1284">
        <v>21.366667000000007</v>
      </c>
      <c r="E1284">
        <v>4.5313386549181534</v>
      </c>
      <c r="F1284">
        <v>21.183333000000005</v>
      </c>
      <c r="G1284">
        <v>4.5196929209068575</v>
      </c>
      <c r="AF1284">
        <v>4.0423254814553138</v>
      </c>
    </row>
    <row r="1285" spans="4:32" x14ac:dyDescent="0.25">
      <c r="D1285">
        <v>21.383334000000005</v>
      </c>
      <c r="E1285">
        <v>4.5313386549181534</v>
      </c>
      <c r="F1285">
        <v>21.200000000000003</v>
      </c>
      <c r="G1285">
        <v>4.5201047369258642</v>
      </c>
      <c r="AF1285">
        <v>4.0439606332955158</v>
      </c>
    </row>
    <row r="1286" spans="4:32" x14ac:dyDescent="0.25">
      <c r="D1286">
        <v>21.400000000000006</v>
      </c>
      <c r="E1286">
        <v>4.5313386549181534</v>
      </c>
      <c r="F1286">
        <v>21.216667000000001</v>
      </c>
      <c r="G1286">
        <v>4.5201047369258642</v>
      </c>
      <c r="AF1286">
        <v>4.0451839691167129</v>
      </c>
    </row>
    <row r="1287" spans="4:32" x14ac:dyDescent="0.25">
      <c r="D1287">
        <v>21.416667000000004</v>
      </c>
      <c r="E1287">
        <v>4.5318092894677999</v>
      </c>
      <c r="F1287">
        <v>21.233333000000002</v>
      </c>
      <c r="G1287">
        <v>4.5205044407090256</v>
      </c>
      <c r="AF1287">
        <v>4.046807008721049</v>
      </c>
    </row>
    <row r="1288" spans="4:32" x14ac:dyDescent="0.25">
      <c r="D1288">
        <v>21.433334000000002</v>
      </c>
      <c r="E1288">
        <v>4.5318092894677999</v>
      </c>
      <c r="F1288">
        <v>21.25</v>
      </c>
      <c r="G1288">
        <v>4.5205044407090256</v>
      </c>
      <c r="AF1288">
        <v>4.0480303445422452</v>
      </c>
    </row>
    <row r="1289" spans="4:32" x14ac:dyDescent="0.25">
      <c r="D1289">
        <v>21.450000000000003</v>
      </c>
      <c r="E1289">
        <v>4.5318092894677999</v>
      </c>
      <c r="F1289">
        <v>21.266666999999998</v>
      </c>
      <c r="G1289">
        <v>4.5209162567280323</v>
      </c>
      <c r="AF1289">
        <v>4.0496654963824259</v>
      </c>
    </row>
    <row r="1290" spans="4:32" x14ac:dyDescent="0.25">
      <c r="D1290">
        <v>21.466667000000001</v>
      </c>
      <c r="E1290">
        <v>4.5318092894677999</v>
      </c>
      <c r="F1290">
        <v>21.283332999999999</v>
      </c>
      <c r="G1290">
        <v>4.5209162567280323</v>
      </c>
      <c r="AF1290">
        <v>4.0513006482226288</v>
      </c>
    </row>
    <row r="1291" spans="4:32" x14ac:dyDescent="0.25">
      <c r="D1291">
        <v>21.483334000000013</v>
      </c>
      <c r="E1291">
        <v>4.5318092894677999</v>
      </c>
      <c r="F1291">
        <v>21.299999999999997</v>
      </c>
      <c r="G1291">
        <v>4.5213280727470595</v>
      </c>
      <c r="AF1291">
        <v>4.052523984043825</v>
      </c>
    </row>
    <row r="1292" spans="4:32" x14ac:dyDescent="0.25">
      <c r="D1292">
        <v>21.5</v>
      </c>
      <c r="E1292">
        <v>4.5322660818248082</v>
      </c>
      <c r="F1292">
        <v>21.31666700000001</v>
      </c>
      <c r="G1292">
        <v>4.5213280727470595</v>
      </c>
      <c r="AF1292">
        <v>4.0541470236481612</v>
      </c>
    </row>
    <row r="1293" spans="4:32" x14ac:dyDescent="0.25">
      <c r="D1293">
        <v>21.516667000000012</v>
      </c>
      <c r="E1293">
        <v>4.5322660818248082</v>
      </c>
      <c r="F1293">
        <v>21.333332999999996</v>
      </c>
      <c r="G1293">
        <v>4.5217277765302226</v>
      </c>
      <c r="AF1293">
        <v>4.0557821754883641</v>
      </c>
    </row>
    <row r="1294" spans="4:32" x14ac:dyDescent="0.25">
      <c r="D1294">
        <v>21.533334000000011</v>
      </c>
      <c r="E1294">
        <v>4.5327367163744423</v>
      </c>
      <c r="F1294">
        <v>21.350000000000009</v>
      </c>
      <c r="G1294">
        <v>4.5217277765302226</v>
      </c>
      <c r="AF1294">
        <v>4.0570055113095602</v>
      </c>
    </row>
    <row r="1295" spans="4:32" x14ac:dyDescent="0.25">
      <c r="D1295">
        <v>21.550000000000011</v>
      </c>
      <c r="E1295">
        <v>4.5327367163744423</v>
      </c>
      <c r="F1295">
        <v>21.366667000000007</v>
      </c>
      <c r="G1295">
        <v>4.5221395925492285</v>
      </c>
      <c r="AF1295">
        <v>4.0586285509138973</v>
      </c>
    </row>
    <row r="1296" spans="4:32" x14ac:dyDescent="0.25">
      <c r="D1296">
        <v>21.56666700000001</v>
      </c>
      <c r="E1296">
        <v>4.5332073509240889</v>
      </c>
      <c r="F1296">
        <v>21.383333000000007</v>
      </c>
      <c r="G1296">
        <v>4.5221395925492285</v>
      </c>
      <c r="AF1296">
        <v>4.0598518867350935</v>
      </c>
    </row>
    <row r="1297" spans="4:32" x14ac:dyDescent="0.25">
      <c r="D1297">
        <v>21.583334000000008</v>
      </c>
      <c r="E1297">
        <v>4.5332073509240889</v>
      </c>
      <c r="F1297">
        <v>21.400000000000006</v>
      </c>
      <c r="G1297">
        <v>4.5225514085682352</v>
      </c>
      <c r="AF1297">
        <v>4.0610752225562683</v>
      </c>
    </row>
    <row r="1298" spans="4:32" x14ac:dyDescent="0.25">
      <c r="D1298">
        <v>21.600000000000009</v>
      </c>
      <c r="E1298">
        <v>4.5336641432810971</v>
      </c>
      <c r="F1298">
        <v>21.416667000000004</v>
      </c>
      <c r="G1298">
        <v>4.5229511123513966</v>
      </c>
      <c r="AF1298">
        <v>4.0627103743964703</v>
      </c>
    </row>
    <row r="1299" spans="4:32" x14ac:dyDescent="0.25">
      <c r="D1299">
        <v>21.616667000000007</v>
      </c>
      <c r="E1299">
        <v>4.5336641432810971</v>
      </c>
      <c r="F1299">
        <v>21.433333000000005</v>
      </c>
      <c r="G1299">
        <v>4.5229511123513966</v>
      </c>
      <c r="AF1299">
        <v>4.0639337102176665</v>
      </c>
    </row>
    <row r="1300" spans="4:32" x14ac:dyDescent="0.25">
      <c r="D1300">
        <v>21.633334000000005</v>
      </c>
      <c r="E1300">
        <v>4.5336641432810971</v>
      </c>
      <c r="F1300">
        <v>21.450000000000003</v>
      </c>
      <c r="G1300">
        <v>4.5233629283704246</v>
      </c>
      <c r="AF1300">
        <v>4.0655688620578694</v>
      </c>
    </row>
    <row r="1301" spans="4:32" x14ac:dyDescent="0.25">
      <c r="D1301">
        <v>21.650000000000006</v>
      </c>
      <c r="E1301">
        <v>4.5341347778307313</v>
      </c>
      <c r="F1301">
        <v>21.466667000000001</v>
      </c>
      <c r="G1301">
        <v>4.5233629283704246</v>
      </c>
      <c r="AF1301">
        <v>4.0667921978790442</v>
      </c>
    </row>
    <row r="1302" spans="4:32" x14ac:dyDescent="0.25">
      <c r="D1302">
        <v>21.666667000000004</v>
      </c>
      <c r="E1302">
        <v>4.5341347778307313</v>
      </c>
      <c r="F1302">
        <v>21.483333000000002</v>
      </c>
      <c r="G1302">
        <v>4.5237747443894314</v>
      </c>
      <c r="AF1302">
        <v>4.0684152374834026</v>
      </c>
    </row>
    <row r="1303" spans="4:32" x14ac:dyDescent="0.25">
      <c r="D1303">
        <v>21.683334000000002</v>
      </c>
      <c r="E1303">
        <v>4.5341347778307313</v>
      </c>
      <c r="F1303">
        <v>21.5</v>
      </c>
      <c r="G1303">
        <v>4.5237747443894314</v>
      </c>
      <c r="AF1303">
        <v>4.0696385733045775</v>
      </c>
    </row>
    <row r="1304" spans="4:32" x14ac:dyDescent="0.25">
      <c r="D1304">
        <v>21.700000000000003</v>
      </c>
      <c r="E1304">
        <v>4.5341347778307313</v>
      </c>
      <c r="F1304">
        <v>21.516666999999998</v>
      </c>
      <c r="G1304">
        <v>4.5241744481725927</v>
      </c>
      <c r="AF1304">
        <v>4.0708619091257736</v>
      </c>
    </row>
    <row r="1305" spans="4:32" x14ac:dyDescent="0.25">
      <c r="D1305">
        <v>21.716667000000001</v>
      </c>
      <c r="E1305">
        <v>4.5346054123803778</v>
      </c>
      <c r="F1305">
        <v>21.533332999999999</v>
      </c>
      <c r="G1305">
        <v>4.5241744481725927</v>
      </c>
      <c r="AF1305">
        <v>4.0724970609659756</v>
      </c>
    </row>
    <row r="1306" spans="4:32" x14ac:dyDescent="0.25">
      <c r="D1306">
        <v>21.733334000000013</v>
      </c>
      <c r="E1306">
        <v>4.5346054123803778</v>
      </c>
      <c r="F1306">
        <v>21.549999999999997</v>
      </c>
      <c r="G1306">
        <v>4.5245862641915995</v>
      </c>
      <c r="AF1306">
        <v>4.0737203967871505</v>
      </c>
    </row>
    <row r="1307" spans="4:32" x14ac:dyDescent="0.25">
      <c r="D1307">
        <v>21.75</v>
      </c>
      <c r="E1307">
        <v>4.5350622047373852</v>
      </c>
      <c r="F1307">
        <v>21.56666700000001</v>
      </c>
      <c r="G1307">
        <v>4.5245862641915995</v>
      </c>
      <c r="AF1307">
        <v>4.0749437326083466</v>
      </c>
    </row>
    <row r="1308" spans="4:32" x14ac:dyDescent="0.25">
      <c r="D1308">
        <v>21.766667000000012</v>
      </c>
      <c r="E1308">
        <v>4.5350622047373852</v>
      </c>
      <c r="F1308">
        <v>21.583332999999996</v>
      </c>
      <c r="G1308">
        <v>4.5249980802106053</v>
      </c>
      <c r="AF1308">
        <v>4.0761670684295215</v>
      </c>
    </row>
    <row r="1309" spans="4:32" x14ac:dyDescent="0.25">
      <c r="D1309">
        <v>21.783334000000011</v>
      </c>
      <c r="E1309">
        <v>4.5350622047373852</v>
      </c>
      <c r="F1309">
        <v>21.600000000000009</v>
      </c>
      <c r="G1309">
        <v>4.5249980802106053</v>
      </c>
      <c r="AF1309">
        <v>4.0773904042507176</v>
      </c>
    </row>
    <row r="1310" spans="4:32" x14ac:dyDescent="0.25">
      <c r="D1310">
        <v>21.800000000000011</v>
      </c>
      <c r="E1310">
        <v>4.5350622047373852</v>
      </c>
      <c r="F1310">
        <v>21.616667000000007</v>
      </c>
      <c r="G1310">
        <v>4.5253977839937676</v>
      </c>
      <c r="AF1310">
        <v>4.0786137400718925</v>
      </c>
    </row>
    <row r="1311" spans="4:32" x14ac:dyDescent="0.25">
      <c r="D1311">
        <v>21.81666700000001</v>
      </c>
      <c r="E1311">
        <v>4.5355328392870193</v>
      </c>
      <c r="F1311">
        <v>21.633333000000007</v>
      </c>
      <c r="G1311">
        <v>4.5253977839937676</v>
      </c>
      <c r="AF1311">
        <v>4.08023677967625</v>
      </c>
    </row>
    <row r="1312" spans="4:32" x14ac:dyDescent="0.25">
      <c r="D1312">
        <v>21.833334000000008</v>
      </c>
      <c r="E1312">
        <v>4.5355328392870193</v>
      </c>
      <c r="F1312">
        <v>21.650000000000006</v>
      </c>
      <c r="G1312">
        <v>4.5253977839937676</v>
      </c>
      <c r="AF1312">
        <v>4.0814601154974257</v>
      </c>
    </row>
    <row r="1313" spans="4:32" x14ac:dyDescent="0.25">
      <c r="D1313">
        <v>21.850000000000009</v>
      </c>
      <c r="E1313">
        <v>4.5360034738366659</v>
      </c>
      <c r="F1313">
        <v>21.666667000000004</v>
      </c>
      <c r="G1313">
        <v>4.5258096000127956</v>
      </c>
      <c r="AF1313">
        <v>4.0826834513186219</v>
      </c>
    </row>
    <row r="1314" spans="4:32" x14ac:dyDescent="0.25">
      <c r="D1314">
        <v>21.866667000000007</v>
      </c>
      <c r="E1314">
        <v>4.5360034738366659</v>
      </c>
      <c r="F1314">
        <v>21.683333000000005</v>
      </c>
      <c r="G1314">
        <v>4.5258096000127956</v>
      </c>
      <c r="AF1314">
        <v>4.0839067871398171</v>
      </c>
    </row>
    <row r="1315" spans="4:32" x14ac:dyDescent="0.25">
      <c r="D1315">
        <v>21.883334000000005</v>
      </c>
      <c r="E1315">
        <v>4.5364741083863125</v>
      </c>
      <c r="F1315">
        <v>21.700000000000003</v>
      </c>
      <c r="G1315">
        <v>4.5262214160318015</v>
      </c>
      <c r="AF1315">
        <v>4.085130122960992</v>
      </c>
    </row>
    <row r="1316" spans="4:32" x14ac:dyDescent="0.25">
      <c r="D1316">
        <v>21.900000000000006</v>
      </c>
      <c r="E1316">
        <v>4.5364741083863125</v>
      </c>
      <c r="F1316">
        <v>21.716667000000001</v>
      </c>
      <c r="G1316">
        <v>4.5262214160318015</v>
      </c>
      <c r="AF1316">
        <v>4.086353458782189</v>
      </c>
    </row>
    <row r="1317" spans="4:32" x14ac:dyDescent="0.25">
      <c r="D1317">
        <v>21.916667000000004</v>
      </c>
      <c r="E1317">
        <v>4.5364741083863125</v>
      </c>
      <c r="F1317">
        <v>21.733333000000002</v>
      </c>
      <c r="G1317">
        <v>4.5266211198149646</v>
      </c>
      <c r="AF1317">
        <v>4.087576794603363</v>
      </c>
    </row>
    <row r="1318" spans="4:32" x14ac:dyDescent="0.25">
      <c r="D1318">
        <v>21.933334000000002</v>
      </c>
      <c r="E1318">
        <v>4.5369309007433207</v>
      </c>
      <c r="F1318">
        <v>21.75</v>
      </c>
      <c r="G1318">
        <v>4.5266211198149646</v>
      </c>
      <c r="AF1318">
        <v>4.0888001304245591</v>
      </c>
    </row>
    <row r="1319" spans="4:32" x14ac:dyDescent="0.25">
      <c r="D1319">
        <v>21.950000000000003</v>
      </c>
      <c r="E1319">
        <v>4.5369309007433207</v>
      </c>
      <c r="F1319">
        <v>21.766666999999998</v>
      </c>
      <c r="G1319">
        <v>4.5270329358339705</v>
      </c>
      <c r="AF1319">
        <v>4.090023466245734</v>
      </c>
    </row>
    <row r="1320" spans="4:32" x14ac:dyDescent="0.25">
      <c r="D1320">
        <v>21.966667000000001</v>
      </c>
      <c r="E1320">
        <v>4.5369309007433207</v>
      </c>
      <c r="F1320">
        <v>21.783332999999999</v>
      </c>
      <c r="G1320">
        <v>4.5270329358339705</v>
      </c>
      <c r="AF1320">
        <v>4.091246802066931</v>
      </c>
    </row>
    <row r="1321" spans="4:32" x14ac:dyDescent="0.25">
      <c r="D1321">
        <v>21.983334000000013</v>
      </c>
      <c r="E1321">
        <v>4.5369309007433207</v>
      </c>
      <c r="F1321">
        <v>21.799999999999997</v>
      </c>
      <c r="G1321">
        <v>4.5270329358339705</v>
      </c>
      <c r="AF1321">
        <v>4.0928819539071331</v>
      </c>
    </row>
    <row r="1322" spans="4:32" x14ac:dyDescent="0.25">
      <c r="D1322">
        <v>22</v>
      </c>
      <c r="E1322">
        <v>4.5374015352929549</v>
      </c>
      <c r="F1322">
        <v>21.81666700000001</v>
      </c>
      <c r="G1322">
        <v>4.5274447518529986</v>
      </c>
      <c r="AF1322">
        <v>4.0936934737093011</v>
      </c>
    </row>
    <row r="1323" spans="4:32" x14ac:dyDescent="0.25">
      <c r="D1323">
        <v>22.016667000000012</v>
      </c>
      <c r="E1323">
        <v>4.5374015352929549</v>
      </c>
      <c r="F1323">
        <v>21.833332999999996</v>
      </c>
      <c r="G1323">
        <v>4.5274447518529986</v>
      </c>
      <c r="AF1323">
        <v>4.094916809530476</v>
      </c>
    </row>
    <row r="1324" spans="4:32" x14ac:dyDescent="0.25">
      <c r="D1324">
        <v>22.033334000000011</v>
      </c>
      <c r="E1324">
        <v>4.5378721698426014</v>
      </c>
      <c r="F1324">
        <v>21.850000000000009</v>
      </c>
      <c r="G1324">
        <v>4.5274447518529986</v>
      </c>
      <c r="AF1324">
        <v>4.0961401453516721</v>
      </c>
    </row>
    <row r="1325" spans="4:32" x14ac:dyDescent="0.25">
      <c r="D1325">
        <v>22.050000000000011</v>
      </c>
      <c r="E1325">
        <v>4.5378721698426014</v>
      </c>
      <c r="F1325">
        <v>21.866667000000007</v>
      </c>
      <c r="G1325">
        <v>4.5278444556361386</v>
      </c>
      <c r="AF1325">
        <v>4.0973634811728683</v>
      </c>
    </row>
    <row r="1326" spans="4:32" x14ac:dyDescent="0.25">
      <c r="D1326">
        <v>22.06666700000001</v>
      </c>
      <c r="E1326">
        <v>4.5383289621996097</v>
      </c>
      <c r="F1326">
        <v>21.883333000000007</v>
      </c>
      <c r="G1326">
        <v>4.5278444556361386</v>
      </c>
      <c r="AF1326">
        <v>4.0985868169940431</v>
      </c>
    </row>
    <row r="1327" spans="4:32" x14ac:dyDescent="0.25">
      <c r="D1327">
        <v>22.083334000000008</v>
      </c>
      <c r="E1327">
        <v>4.5387995967492438</v>
      </c>
      <c r="F1327">
        <v>21.900000000000006</v>
      </c>
      <c r="G1327">
        <v>4.5278444556361386</v>
      </c>
      <c r="AF1327">
        <v>4.0998101528152393</v>
      </c>
    </row>
    <row r="1328" spans="4:32" x14ac:dyDescent="0.25">
      <c r="D1328">
        <v>22.100000000000009</v>
      </c>
      <c r="E1328">
        <v>4.5387995967492438</v>
      </c>
      <c r="F1328">
        <v>21.916667000000004</v>
      </c>
      <c r="G1328">
        <v>4.5282562716551666</v>
      </c>
      <c r="AF1328">
        <v>4.1010334886364141</v>
      </c>
    </row>
    <row r="1329" spans="4:32" x14ac:dyDescent="0.25">
      <c r="D1329">
        <v>22.116667000000007</v>
      </c>
      <c r="E1329">
        <v>4.5392702312988904</v>
      </c>
      <c r="F1329">
        <v>21.933333000000005</v>
      </c>
      <c r="G1329">
        <v>4.5282562716551666</v>
      </c>
      <c r="AF1329">
        <v>4.1022568244576103</v>
      </c>
    </row>
    <row r="1330" spans="4:32" x14ac:dyDescent="0.25">
      <c r="D1330">
        <v>22.133334000000005</v>
      </c>
      <c r="E1330">
        <v>4.5392702312988904</v>
      </c>
      <c r="F1330">
        <v>21.950000000000003</v>
      </c>
      <c r="G1330">
        <v>4.5282562716551666</v>
      </c>
      <c r="AF1330">
        <v>4.1034801602787851</v>
      </c>
    </row>
    <row r="1331" spans="4:32" x14ac:dyDescent="0.25">
      <c r="D1331">
        <v>22.150000000000006</v>
      </c>
      <c r="E1331">
        <v>4.5397270236558986</v>
      </c>
      <c r="F1331">
        <v>21.966667000000001</v>
      </c>
      <c r="G1331">
        <v>4.5282562716551666</v>
      </c>
      <c r="AF1331">
        <v>4.1047034960999813</v>
      </c>
    </row>
    <row r="1332" spans="4:32" x14ac:dyDescent="0.25">
      <c r="D1332">
        <v>22.166667000000004</v>
      </c>
      <c r="E1332">
        <v>4.5397270236558986</v>
      </c>
      <c r="F1332">
        <v>21.983333000000002</v>
      </c>
      <c r="G1332">
        <v>4.5286680876741734</v>
      </c>
      <c r="AF1332">
        <v>4.1059268319211553</v>
      </c>
    </row>
    <row r="1333" spans="4:32" x14ac:dyDescent="0.25">
      <c r="D1333">
        <v>22.183334000000002</v>
      </c>
      <c r="E1333">
        <v>4.5401976582055328</v>
      </c>
      <c r="F1333">
        <v>22</v>
      </c>
      <c r="G1333">
        <v>4.5286680876741734</v>
      </c>
      <c r="AF1333">
        <v>4.1071501677423514</v>
      </c>
    </row>
    <row r="1334" spans="4:32" x14ac:dyDescent="0.25">
      <c r="D1334">
        <v>22.200000000000003</v>
      </c>
      <c r="E1334">
        <v>4.5401976582055328</v>
      </c>
      <c r="F1334">
        <v>22.016666999999998</v>
      </c>
      <c r="G1334">
        <v>4.5286680876741734</v>
      </c>
      <c r="AF1334">
        <v>4.1083735035635485</v>
      </c>
    </row>
    <row r="1335" spans="4:32" x14ac:dyDescent="0.25">
      <c r="D1335">
        <v>22.216667000000001</v>
      </c>
      <c r="E1335">
        <v>4.5406682927551785</v>
      </c>
      <c r="F1335">
        <v>22.033332999999999</v>
      </c>
      <c r="G1335">
        <v>4.5290677914573347</v>
      </c>
      <c r="AF1335">
        <v>4.1095968393847233</v>
      </c>
    </row>
    <row r="1336" spans="4:32" x14ac:dyDescent="0.25">
      <c r="D1336">
        <v>22.233334000000013</v>
      </c>
      <c r="E1336">
        <v>4.5406682927551785</v>
      </c>
      <c r="F1336">
        <v>22.049999999999997</v>
      </c>
      <c r="G1336">
        <v>4.5290677914573347</v>
      </c>
      <c r="AF1336">
        <v>4.1108201752059186</v>
      </c>
    </row>
    <row r="1337" spans="4:32" x14ac:dyDescent="0.25">
      <c r="D1337">
        <v>22.25</v>
      </c>
      <c r="E1337">
        <v>4.5406682927551785</v>
      </c>
      <c r="F1337">
        <v>22.06666700000001</v>
      </c>
      <c r="G1337">
        <v>4.5294796074763406</v>
      </c>
      <c r="AF1337">
        <v>4.1116316950080876</v>
      </c>
    </row>
    <row r="1338" spans="4:32" x14ac:dyDescent="0.25">
      <c r="D1338">
        <v>22.266667000000012</v>
      </c>
      <c r="E1338">
        <v>4.5411250851121867</v>
      </c>
      <c r="F1338">
        <v>22.083332999999996</v>
      </c>
      <c r="G1338">
        <v>4.5294796074763406</v>
      </c>
      <c r="AF1338">
        <v>4.1128550308292624</v>
      </c>
    </row>
    <row r="1339" spans="4:32" x14ac:dyDescent="0.25">
      <c r="D1339">
        <v>22.283334000000011</v>
      </c>
      <c r="E1339">
        <v>4.5411250851121867</v>
      </c>
      <c r="F1339">
        <v>22.100000000000009</v>
      </c>
      <c r="G1339">
        <v>4.5294796074763406</v>
      </c>
      <c r="AF1339">
        <v>4.1140783666504577</v>
      </c>
    </row>
    <row r="1340" spans="4:32" x14ac:dyDescent="0.25">
      <c r="D1340">
        <v>22.300000000000011</v>
      </c>
      <c r="E1340">
        <v>4.5411250851121867</v>
      </c>
      <c r="F1340">
        <v>22.116667000000007</v>
      </c>
      <c r="G1340">
        <v>4.5294796074763406</v>
      </c>
      <c r="AF1340">
        <v>4.1153017024716547</v>
      </c>
    </row>
    <row r="1341" spans="4:32" x14ac:dyDescent="0.25">
      <c r="D1341">
        <v>22.31666700000001</v>
      </c>
      <c r="E1341">
        <v>4.5411250851121867</v>
      </c>
      <c r="F1341">
        <v>22.133333000000007</v>
      </c>
      <c r="G1341">
        <v>4.5298914234953696</v>
      </c>
      <c r="AF1341">
        <v>4.1161132222738228</v>
      </c>
    </row>
    <row r="1342" spans="4:32" x14ac:dyDescent="0.25">
      <c r="D1342">
        <v>22.333334000000008</v>
      </c>
      <c r="E1342">
        <v>4.5415957196618333</v>
      </c>
      <c r="F1342">
        <v>22.150000000000006</v>
      </c>
      <c r="G1342">
        <v>4.5298914234953696</v>
      </c>
      <c r="AF1342">
        <v>4.1173365580949977</v>
      </c>
    </row>
    <row r="1343" spans="4:32" x14ac:dyDescent="0.25">
      <c r="D1343">
        <v>22.350000000000009</v>
      </c>
      <c r="E1343">
        <v>4.5420663542114683</v>
      </c>
      <c r="F1343">
        <v>22.166667000000004</v>
      </c>
      <c r="G1343">
        <v>4.5298914234953696</v>
      </c>
      <c r="AF1343">
        <v>4.1185598939161938</v>
      </c>
    </row>
    <row r="1344" spans="4:32" x14ac:dyDescent="0.25">
      <c r="D1344">
        <v>22.366667000000007</v>
      </c>
      <c r="E1344">
        <v>4.5420663542114683</v>
      </c>
      <c r="F1344">
        <v>22.183333000000005</v>
      </c>
      <c r="G1344">
        <v>4.5302911272785309</v>
      </c>
      <c r="AF1344">
        <v>4.1193714137183628</v>
      </c>
    </row>
    <row r="1345" spans="4:32" x14ac:dyDescent="0.25">
      <c r="D1345">
        <v>22.383334000000005</v>
      </c>
      <c r="E1345">
        <v>4.5420663542114683</v>
      </c>
      <c r="F1345">
        <v>22.200000000000003</v>
      </c>
      <c r="G1345">
        <v>4.5302911272785309</v>
      </c>
      <c r="AF1345">
        <v>4.120594749539559</v>
      </c>
    </row>
    <row r="1346" spans="4:32" x14ac:dyDescent="0.25">
      <c r="D1346">
        <v>22.400000000000006</v>
      </c>
      <c r="E1346">
        <v>4.5425231465684757</v>
      </c>
      <c r="F1346">
        <v>22.216667000000001</v>
      </c>
      <c r="G1346">
        <v>4.5307029432975376</v>
      </c>
      <c r="AF1346">
        <v>4.1218180853607329</v>
      </c>
    </row>
    <row r="1347" spans="4:32" x14ac:dyDescent="0.25">
      <c r="D1347">
        <v>22.416667000000004</v>
      </c>
      <c r="E1347">
        <v>4.5425231465684757</v>
      </c>
      <c r="F1347">
        <v>22.233333000000002</v>
      </c>
      <c r="G1347">
        <v>4.5307029432975376</v>
      </c>
      <c r="AF1347">
        <v>4.1226417173987677</v>
      </c>
    </row>
    <row r="1348" spans="4:32" x14ac:dyDescent="0.25">
      <c r="D1348">
        <v>22.433334000000002</v>
      </c>
      <c r="E1348">
        <v>4.5425231465684757</v>
      </c>
      <c r="F1348">
        <v>22.25</v>
      </c>
      <c r="G1348">
        <v>4.5311147593165435</v>
      </c>
      <c r="AF1348">
        <v>4.1238650532199417</v>
      </c>
    </row>
    <row r="1349" spans="4:32" x14ac:dyDescent="0.25">
      <c r="D1349">
        <v>22.450000000000003</v>
      </c>
      <c r="E1349">
        <v>4.5425231465684757</v>
      </c>
      <c r="F1349">
        <v>22.266666999999998</v>
      </c>
      <c r="G1349">
        <v>4.5311147593165435</v>
      </c>
      <c r="AF1349">
        <v>4.1250762768052933</v>
      </c>
    </row>
    <row r="1350" spans="4:32" x14ac:dyDescent="0.25">
      <c r="D1350">
        <v>22.466667000000001</v>
      </c>
      <c r="E1350">
        <v>4.5429937811181222</v>
      </c>
      <c r="F1350">
        <v>22.283332999999999</v>
      </c>
      <c r="G1350">
        <v>4.5315144630997057</v>
      </c>
      <c r="AF1350">
        <v>4.1258999088433068</v>
      </c>
    </row>
    <row r="1351" spans="4:32" x14ac:dyDescent="0.25">
      <c r="D1351">
        <v>22.483334000000013</v>
      </c>
      <c r="E1351">
        <v>4.5429937811181222</v>
      </c>
      <c r="F1351">
        <v>22.299999999999997</v>
      </c>
      <c r="G1351">
        <v>4.5315144630997057</v>
      </c>
      <c r="AF1351">
        <v>4.1271232446645021</v>
      </c>
    </row>
    <row r="1352" spans="4:32" x14ac:dyDescent="0.25">
      <c r="D1352">
        <v>22.5</v>
      </c>
      <c r="E1352">
        <v>4.5429937811181222</v>
      </c>
      <c r="F1352">
        <v>22.31666700000001</v>
      </c>
      <c r="G1352">
        <v>4.5315144630997057</v>
      </c>
      <c r="AF1352">
        <v>4.1279347644666711</v>
      </c>
    </row>
    <row r="1353" spans="4:32" x14ac:dyDescent="0.25">
      <c r="D1353">
        <v>22.516667000000012</v>
      </c>
      <c r="E1353">
        <v>4.5429937811181222</v>
      </c>
      <c r="F1353">
        <v>22.333332999999996</v>
      </c>
      <c r="G1353">
        <v>4.5319262791187125</v>
      </c>
      <c r="AF1353">
        <v>4.1291581002878672</v>
      </c>
    </row>
    <row r="1354" spans="4:32" x14ac:dyDescent="0.25">
      <c r="D1354">
        <v>22.533334000000011</v>
      </c>
      <c r="E1354">
        <v>4.5429937811181222</v>
      </c>
      <c r="F1354">
        <v>22.350000000000009</v>
      </c>
      <c r="G1354">
        <v>4.5319262791187125</v>
      </c>
      <c r="AF1354">
        <v>4.1299696200900353</v>
      </c>
    </row>
    <row r="1355" spans="4:32" x14ac:dyDescent="0.25">
      <c r="D1355">
        <v>22.550000000000011</v>
      </c>
      <c r="E1355">
        <v>4.5429937811181222</v>
      </c>
      <c r="F1355">
        <v>22.366667000000007</v>
      </c>
      <c r="G1355">
        <v>4.5323259829018738</v>
      </c>
      <c r="AF1355">
        <v>4.1311929559112102</v>
      </c>
    </row>
    <row r="1356" spans="4:32" x14ac:dyDescent="0.25">
      <c r="D1356">
        <v>22.56666700000001</v>
      </c>
      <c r="E1356">
        <v>4.5434644156677564</v>
      </c>
      <c r="F1356">
        <v>22.383333000000007</v>
      </c>
      <c r="G1356">
        <v>4.5323259829018738</v>
      </c>
      <c r="AF1356">
        <v>4.1320165879492441</v>
      </c>
    </row>
    <row r="1357" spans="4:32" x14ac:dyDescent="0.25">
      <c r="D1357">
        <v>22.583334000000008</v>
      </c>
      <c r="E1357">
        <v>4.5434644156677564</v>
      </c>
      <c r="F1357">
        <v>22.400000000000006</v>
      </c>
      <c r="G1357">
        <v>4.5327377989209019</v>
      </c>
      <c r="AF1357">
        <v>4.1332399237704402</v>
      </c>
    </row>
    <row r="1358" spans="4:32" x14ac:dyDescent="0.25">
      <c r="D1358">
        <v>22.600000000000009</v>
      </c>
      <c r="E1358">
        <v>4.5434644156677564</v>
      </c>
      <c r="F1358">
        <v>22.416667000000004</v>
      </c>
      <c r="G1358">
        <v>4.5327377989209019</v>
      </c>
      <c r="AF1358">
        <v>4.134463259591616</v>
      </c>
    </row>
    <row r="1359" spans="4:32" x14ac:dyDescent="0.25">
      <c r="D1359">
        <v>22.616667000000007</v>
      </c>
      <c r="E1359">
        <v>4.5434644156677564</v>
      </c>
      <c r="F1359">
        <v>22.433333000000005</v>
      </c>
      <c r="G1359">
        <v>4.5331496149399086</v>
      </c>
      <c r="AF1359">
        <v>4.1352747793937832</v>
      </c>
    </row>
    <row r="1360" spans="4:32" x14ac:dyDescent="0.25">
      <c r="D1360">
        <v>22.633334000000005</v>
      </c>
      <c r="E1360">
        <v>4.5439212080247646</v>
      </c>
      <c r="F1360">
        <v>22.450000000000003</v>
      </c>
      <c r="G1360">
        <v>4.5331496149399086</v>
      </c>
      <c r="AF1360">
        <v>4.1364981152149802</v>
      </c>
    </row>
    <row r="1361" spans="4:32" x14ac:dyDescent="0.25">
      <c r="D1361">
        <v>22.650000000000006</v>
      </c>
      <c r="E1361">
        <v>4.5439212080247646</v>
      </c>
      <c r="F1361">
        <v>22.466667000000001</v>
      </c>
      <c r="G1361">
        <v>4.53354931872307</v>
      </c>
      <c r="AF1361">
        <v>4.1377214510361551</v>
      </c>
    </row>
    <row r="1362" spans="4:32" x14ac:dyDescent="0.25">
      <c r="D1362">
        <v>22.666667000000004</v>
      </c>
      <c r="E1362">
        <v>4.5443918425744112</v>
      </c>
      <c r="F1362">
        <v>22.483333000000002</v>
      </c>
      <c r="G1362">
        <v>4.53354931872307</v>
      </c>
      <c r="AF1362">
        <v>4.1385329708383445</v>
      </c>
    </row>
    <row r="1363" spans="4:32" x14ac:dyDescent="0.25">
      <c r="D1363">
        <v>22.683334000000002</v>
      </c>
      <c r="E1363">
        <v>4.5443918425744112</v>
      </c>
      <c r="F1363">
        <v>22.5</v>
      </c>
      <c r="G1363">
        <v>4.5339611347420767</v>
      </c>
      <c r="AF1363">
        <v>4.1397563066595193</v>
      </c>
    </row>
    <row r="1364" spans="4:32" x14ac:dyDescent="0.25">
      <c r="D1364">
        <v>22.700000000000003</v>
      </c>
      <c r="E1364">
        <v>4.5448624771240453</v>
      </c>
      <c r="F1364">
        <v>22.516666999999998</v>
      </c>
      <c r="G1364">
        <v>4.5339611347420767</v>
      </c>
      <c r="AF1364">
        <v>4.1405678264616874</v>
      </c>
    </row>
    <row r="1365" spans="4:32" x14ac:dyDescent="0.25">
      <c r="D1365">
        <v>22.716667000000001</v>
      </c>
      <c r="E1365">
        <v>4.5448624771240453</v>
      </c>
      <c r="F1365">
        <v>22.533332999999999</v>
      </c>
      <c r="G1365">
        <v>4.5343729507611039</v>
      </c>
      <c r="AF1365">
        <v>4.1417911622828836</v>
      </c>
    </row>
    <row r="1366" spans="4:32" x14ac:dyDescent="0.25">
      <c r="D1366">
        <v>22.733334000000013</v>
      </c>
      <c r="E1366">
        <v>4.5453192694810536</v>
      </c>
      <c r="F1366">
        <v>22.549999999999997</v>
      </c>
      <c r="G1366">
        <v>4.5343729507611039</v>
      </c>
      <c r="AF1366">
        <v>4.1426147943209184</v>
      </c>
    </row>
    <row r="1367" spans="4:32" x14ac:dyDescent="0.25">
      <c r="D1367">
        <v>22.75</v>
      </c>
      <c r="E1367">
        <v>4.5453192694810536</v>
      </c>
      <c r="F1367">
        <v>22.56666700000001</v>
      </c>
      <c r="G1367">
        <v>4.5347726545442457</v>
      </c>
      <c r="AF1367">
        <v>4.1438381301420923</v>
      </c>
    </row>
    <row r="1368" spans="4:32" x14ac:dyDescent="0.25">
      <c r="D1368">
        <v>22.766667000000012</v>
      </c>
      <c r="E1368">
        <v>4.5453192694810536</v>
      </c>
      <c r="F1368">
        <v>22.583332999999996</v>
      </c>
      <c r="G1368">
        <v>4.5347726545442457</v>
      </c>
      <c r="AF1368">
        <v>4.1446496499442613</v>
      </c>
    </row>
    <row r="1369" spans="4:32" x14ac:dyDescent="0.25">
      <c r="D1369">
        <v>22.783334000000011</v>
      </c>
      <c r="E1369">
        <v>4.5457899040306993</v>
      </c>
      <c r="F1369">
        <v>22.600000000000009</v>
      </c>
      <c r="G1369">
        <v>4.5347726545442457</v>
      </c>
      <c r="AF1369">
        <v>4.1458729857654575</v>
      </c>
    </row>
    <row r="1370" spans="4:32" x14ac:dyDescent="0.25">
      <c r="D1370">
        <v>22.800000000000011</v>
      </c>
      <c r="E1370">
        <v>4.5457899040306993</v>
      </c>
      <c r="F1370">
        <v>22.616667000000007</v>
      </c>
      <c r="G1370">
        <v>4.5351844705632729</v>
      </c>
      <c r="AF1370">
        <v>4.1470963215866314</v>
      </c>
    </row>
    <row r="1371" spans="4:32" x14ac:dyDescent="0.25">
      <c r="D1371">
        <v>22.81666700000001</v>
      </c>
      <c r="E1371">
        <v>4.5457899040306993</v>
      </c>
      <c r="F1371">
        <v>22.633333000000007</v>
      </c>
      <c r="G1371">
        <v>4.5351844705632729</v>
      </c>
      <c r="AF1371">
        <v>4.1479078413888217</v>
      </c>
    </row>
    <row r="1372" spans="4:32" x14ac:dyDescent="0.25">
      <c r="D1372">
        <v>22.833334000000008</v>
      </c>
      <c r="E1372">
        <v>4.5457899040306993</v>
      </c>
      <c r="F1372">
        <v>22.650000000000006</v>
      </c>
      <c r="G1372">
        <v>4.5355962865822796</v>
      </c>
      <c r="AF1372">
        <v>4.1487314734268343</v>
      </c>
    </row>
    <row r="1373" spans="4:32" x14ac:dyDescent="0.25">
      <c r="D1373">
        <v>22.850000000000009</v>
      </c>
      <c r="E1373">
        <v>4.5462605385803458</v>
      </c>
      <c r="F1373">
        <v>22.666667000000004</v>
      </c>
      <c r="G1373">
        <v>4.5355962865822796</v>
      </c>
      <c r="AF1373">
        <v>4.1499548092480305</v>
      </c>
    </row>
    <row r="1374" spans="4:32" x14ac:dyDescent="0.25">
      <c r="D1374">
        <v>22.866667000000007</v>
      </c>
      <c r="E1374">
        <v>4.5462605385803458</v>
      </c>
      <c r="F1374">
        <v>22.683333000000005</v>
      </c>
      <c r="G1374">
        <v>4.535995990365441</v>
      </c>
      <c r="AF1374">
        <v>4.1507663290501995</v>
      </c>
    </row>
    <row r="1375" spans="4:32" x14ac:dyDescent="0.25">
      <c r="D1375">
        <v>22.883334000000005</v>
      </c>
      <c r="E1375">
        <v>4.5462605385803458</v>
      </c>
      <c r="F1375">
        <v>22.700000000000003</v>
      </c>
      <c r="G1375">
        <v>4.535995990365441</v>
      </c>
      <c r="AF1375">
        <v>4.1519896648713948</v>
      </c>
    </row>
    <row r="1376" spans="4:32" x14ac:dyDescent="0.25">
      <c r="D1376">
        <v>22.900000000000006</v>
      </c>
      <c r="E1376">
        <v>4.5467173309373425</v>
      </c>
      <c r="F1376">
        <v>22.716667000000001</v>
      </c>
      <c r="G1376">
        <v>4.5364078063844477</v>
      </c>
      <c r="AF1376">
        <v>4.1528011846735637</v>
      </c>
    </row>
    <row r="1377" spans="4:32" x14ac:dyDescent="0.25">
      <c r="D1377">
        <v>22.916667000000004</v>
      </c>
      <c r="E1377">
        <v>4.5467173309373425</v>
      </c>
      <c r="F1377">
        <v>22.733333000000002</v>
      </c>
      <c r="G1377">
        <v>4.5364078063844477</v>
      </c>
      <c r="AF1377">
        <v>4.1540245204947386</v>
      </c>
    </row>
    <row r="1378" spans="4:32" x14ac:dyDescent="0.25">
      <c r="D1378">
        <v>22.933334000000002</v>
      </c>
      <c r="E1378">
        <v>4.5467173309373425</v>
      </c>
      <c r="F1378">
        <v>22.75</v>
      </c>
      <c r="G1378">
        <v>4.5368196224034758</v>
      </c>
      <c r="AF1378">
        <v>4.154836040296928</v>
      </c>
    </row>
    <row r="1379" spans="4:32" x14ac:dyDescent="0.25">
      <c r="D1379">
        <v>22.950000000000003</v>
      </c>
      <c r="E1379">
        <v>4.5471879654869891</v>
      </c>
      <c r="F1379">
        <v>22.766666999999998</v>
      </c>
      <c r="G1379">
        <v>4.5368196224034758</v>
      </c>
      <c r="AF1379">
        <v>4.1556596723349406</v>
      </c>
    </row>
    <row r="1380" spans="4:32" x14ac:dyDescent="0.25">
      <c r="D1380">
        <v>22.966667000000001</v>
      </c>
      <c r="E1380">
        <v>4.5471879654869891</v>
      </c>
      <c r="F1380">
        <v>22.783332999999999</v>
      </c>
      <c r="G1380">
        <v>4.5368196224034758</v>
      </c>
      <c r="AF1380">
        <v>4.1568830081561368</v>
      </c>
    </row>
    <row r="1381" spans="4:32" x14ac:dyDescent="0.25">
      <c r="D1381">
        <v>22.983334000000013</v>
      </c>
      <c r="E1381">
        <v>4.5471879654869891</v>
      </c>
      <c r="F1381">
        <v>22.799999999999997</v>
      </c>
      <c r="G1381">
        <v>4.5372193261866371</v>
      </c>
      <c r="AF1381">
        <v>4.1576945279583057</v>
      </c>
    </row>
    <row r="1382" spans="4:32" x14ac:dyDescent="0.25">
      <c r="D1382">
        <v>23</v>
      </c>
      <c r="E1382">
        <v>4.5476586000366348</v>
      </c>
      <c r="F1382">
        <v>22.81666700000001</v>
      </c>
      <c r="G1382">
        <v>4.5372193261866371</v>
      </c>
      <c r="AF1382">
        <v>4.1585060477604738</v>
      </c>
    </row>
    <row r="1383" spans="4:32" x14ac:dyDescent="0.25">
      <c r="D1383">
        <v>23.016667000000012</v>
      </c>
      <c r="E1383">
        <v>4.5476586000366348</v>
      </c>
      <c r="F1383">
        <v>22.833332999999996</v>
      </c>
      <c r="G1383">
        <v>4.5376311422056439</v>
      </c>
      <c r="AF1383">
        <v>4.15972938358167</v>
      </c>
    </row>
    <row r="1384" spans="4:32" x14ac:dyDescent="0.25">
      <c r="D1384">
        <v>23.033334000000011</v>
      </c>
      <c r="E1384">
        <v>4.5481153923936306</v>
      </c>
      <c r="F1384">
        <v>22.850000000000009</v>
      </c>
      <c r="G1384">
        <v>4.5376311422056439</v>
      </c>
      <c r="AF1384">
        <v>4.1605530156197039</v>
      </c>
    </row>
    <row r="1385" spans="4:32" x14ac:dyDescent="0.25">
      <c r="D1385">
        <v>23.050000000000011</v>
      </c>
      <c r="E1385">
        <v>4.5481153923936306</v>
      </c>
      <c r="F1385">
        <v>22.866667000000007</v>
      </c>
      <c r="G1385">
        <v>4.5380429582246498</v>
      </c>
      <c r="AF1385">
        <v>4.161364535421872</v>
      </c>
    </row>
    <row r="1386" spans="4:32" x14ac:dyDescent="0.25">
      <c r="D1386">
        <v>23.06666700000001</v>
      </c>
      <c r="E1386">
        <v>4.5481153923936306</v>
      </c>
      <c r="F1386">
        <v>22.883333000000007</v>
      </c>
      <c r="G1386">
        <v>4.5380429582246498</v>
      </c>
      <c r="AF1386">
        <v>4.162176055224041</v>
      </c>
    </row>
    <row r="1387" spans="4:32" x14ac:dyDescent="0.25">
      <c r="D1387">
        <v>23.083334000000008</v>
      </c>
      <c r="E1387">
        <v>4.5485860269432772</v>
      </c>
      <c r="F1387">
        <v>22.900000000000006</v>
      </c>
      <c r="G1387">
        <v>4.5380429582246498</v>
      </c>
      <c r="AF1387">
        <v>4.1633993910452372</v>
      </c>
    </row>
    <row r="1388" spans="4:32" x14ac:dyDescent="0.25">
      <c r="D1388">
        <v>23.100000000000009</v>
      </c>
      <c r="E1388">
        <v>4.5485860269432772</v>
      </c>
      <c r="F1388">
        <v>22.916667000000004</v>
      </c>
      <c r="G1388">
        <v>4.538442662007812</v>
      </c>
      <c r="AF1388">
        <v>4.1642230230832498</v>
      </c>
    </row>
    <row r="1389" spans="4:32" x14ac:dyDescent="0.25">
      <c r="D1389">
        <v>23.116667000000007</v>
      </c>
      <c r="E1389">
        <v>4.5485860269432772</v>
      </c>
      <c r="F1389">
        <v>22.933333000000005</v>
      </c>
      <c r="G1389">
        <v>4.538442662007812</v>
      </c>
      <c r="AF1389">
        <v>4.1650345428854179</v>
      </c>
    </row>
    <row r="1390" spans="4:32" x14ac:dyDescent="0.25">
      <c r="D1390">
        <v>23.133334000000005</v>
      </c>
      <c r="E1390">
        <v>4.5485860269432772</v>
      </c>
      <c r="F1390">
        <v>22.950000000000003</v>
      </c>
      <c r="G1390">
        <v>4.538442662007812</v>
      </c>
      <c r="AF1390">
        <v>4.1658460626876082</v>
      </c>
    </row>
    <row r="1391" spans="4:32" x14ac:dyDescent="0.25">
      <c r="D1391">
        <v>23.150000000000006</v>
      </c>
      <c r="E1391">
        <v>4.5485860269432772</v>
      </c>
      <c r="F1391">
        <v>22.966667000000001</v>
      </c>
      <c r="G1391">
        <v>4.5388544780268187</v>
      </c>
      <c r="AF1391">
        <v>4.167069398508783</v>
      </c>
    </row>
    <row r="1392" spans="4:32" x14ac:dyDescent="0.25">
      <c r="D1392">
        <v>23.166667000000004</v>
      </c>
      <c r="E1392">
        <v>4.5485860269432772</v>
      </c>
      <c r="F1392">
        <v>22.983333000000002</v>
      </c>
      <c r="G1392">
        <v>4.5388544780268187</v>
      </c>
      <c r="AF1392">
        <v>4.1678809183109511</v>
      </c>
    </row>
    <row r="1393" spans="4:32" x14ac:dyDescent="0.25">
      <c r="D1393">
        <v>23.183334000000002</v>
      </c>
      <c r="E1393">
        <v>4.5485860269432772</v>
      </c>
      <c r="F1393">
        <v>23</v>
      </c>
      <c r="G1393">
        <v>4.5392662940458459</v>
      </c>
      <c r="AF1393">
        <v>4.168704550348985</v>
      </c>
    </row>
    <row r="1394" spans="4:32" x14ac:dyDescent="0.25">
      <c r="D1394">
        <v>23.200000000000003</v>
      </c>
      <c r="E1394">
        <v>4.5490566614929238</v>
      </c>
      <c r="F1394">
        <v>23.016666999999998</v>
      </c>
      <c r="G1394">
        <v>4.5392662940458459</v>
      </c>
      <c r="AF1394">
        <v>4.169516070151154</v>
      </c>
    </row>
    <row r="1395" spans="4:32" x14ac:dyDescent="0.25">
      <c r="D1395">
        <v>23.216667000000001</v>
      </c>
      <c r="E1395">
        <v>4.5490566614929238</v>
      </c>
      <c r="F1395">
        <v>23.033332999999999</v>
      </c>
      <c r="G1395">
        <v>4.5392662940458459</v>
      </c>
      <c r="AF1395">
        <v>4.1703275899533434</v>
      </c>
    </row>
    <row r="1396" spans="4:32" x14ac:dyDescent="0.25">
      <c r="D1396">
        <v>23.233334000000013</v>
      </c>
      <c r="E1396">
        <v>4.5490566614929238</v>
      </c>
      <c r="F1396">
        <v>23.049999999999997</v>
      </c>
      <c r="G1396">
        <v>4.539665997829009</v>
      </c>
      <c r="AF1396">
        <v>4.171151221991356</v>
      </c>
    </row>
    <row r="1397" spans="4:32" x14ac:dyDescent="0.25">
      <c r="D1397">
        <v>23.25</v>
      </c>
      <c r="E1397">
        <v>4.5490566614929238</v>
      </c>
      <c r="F1397">
        <v>23.06666700000001</v>
      </c>
      <c r="G1397">
        <v>4.539665997829009</v>
      </c>
      <c r="AF1397">
        <v>4.1723745578125522</v>
      </c>
    </row>
    <row r="1398" spans="4:32" x14ac:dyDescent="0.25">
      <c r="D1398">
        <v>23.266667000000012</v>
      </c>
      <c r="E1398">
        <v>4.5495134538499311</v>
      </c>
      <c r="F1398">
        <v>23.083332999999996</v>
      </c>
      <c r="G1398">
        <v>4.539665997829009</v>
      </c>
      <c r="AF1398">
        <v>4.1731860776147203</v>
      </c>
    </row>
    <row r="1399" spans="4:32" x14ac:dyDescent="0.25">
      <c r="D1399">
        <v>23.283334000000011</v>
      </c>
      <c r="E1399">
        <v>4.5495134538499311</v>
      </c>
      <c r="F1399">
        <v>23.100000000000009</v>
      </c>
      <c r="G1399">
        <v>4.539665997829009</v>
      </c>
      <c r="AF1399">
        <v>4.1739975974168892</v>
      </c>
    </row>
    <row r="1400" spans="4:32" x14ac:dyDescent="0.25">
      <c r="D1400">
        <v>23.300000000000011</v>
      </c>
      <c r="E1400">
        <v>4.5495134538499311</v>
      </c>
      <c r="F1400">
        <v>23.116667000000007</v>
      </c>
      <c r="G1400">
        <v>4.539665997829009</v>
      </c>
      <c r="AF1400">
        <v>4.1748212294549232</v>
      </c>
    </row>
    <row r="1401" spans="4:32" x14ac:dyDescent="0.25">
      <c r="D1401">
        <v>23.31666700000001</v>
      </c>
      <c r="E1401">
        <v>4.5495134538499311</v>
      </c>
      <c r="F1401">
        <v>23.133333000000007</v>
      </c>
      <c r="G1401">
        <v>4.5400778138480149</v>
      </c>
      <c r="AF1401">
        <v>4.1756327492570922</v>
      </c>
    </row>
    <row r="1402" spans="4:32" x14ac:dyDescent="0.25">
      <c r="D1402">
        <v>23.333334000000008</v>
      </c>
      <c r="E1402">
        <v>4.5499840883995661</v>
      </c>
      <c r="F1402">
        <v>23.150000000000006</v>
      </c>
      <c r="G1402">
        <v>4.5400778138480149</v>
      </c>
      <c r="AF1402">
        <v>4.1764442690592594</v>
      </c>
    </row>
    <row r="1403" spans="4:32" x14ac:dyDescent="0.25">
      <c r="D1403">
        <v>23.350000000000009</v>
      </c>
      <c r="E1403">
        <v>4.5499840883995661</v>
      </c>
      <c r="F1403">
        <v>23.166667000000004</v>
      </c>
      <c r="G1403">
        <v>4.5400778138480149</v>
      </c>
      <c r="AF1403">
        <v>4.1772679010972942</v>
      </c>
    </row>
    <row r="1404" spans="4:32" x14ac:dyDescent="0.25">
      <c r="D1404">
        <v>23.366667000000007</v>
      </c>
      <c r="E1404">
        <v>4.5499840883995661</v>
      </c>
      <c r="F1404">
        <v>23.183333000000005</v>
      </c>
      <c r="G1404">
        <v>4.5404896298670216</v>
      </c>
      <c r="AF1404">
        <v>4.1780794208994623</v>
      </c>
    </row>
    <row r="1405" spans="4:32" x14ac:dyDescent="0.25">
      <c r="D1405">
        <v>23.383334000000005</v>
      </c>
      <c r="E1405">
        <v>4.5499840883995661</v>
      </c>
      <c r="F1405">
        <v>23.200000000000003</v>
      </c>
      <c r="G1405">
        <v>4.5404896298670216</v>
      </c>
      <c r="AF1405">
        <v>4.1793027567206584</v>
      </c>
    </row>
    <row r="1406" spans="4:32" x14ac:dyDescent="0.25">
      <c r="D1406">
        <v>23.400000000000006</v>
      </c>
      <c r="E1406">
        <v>4.5499840883995661</v>
      </c>
      <c r="F1406">
        <v>23.216667000000001</v>
      </c>
      <c r="G1406">
        <v>4.5404896298670216</v>
      </c>
      <c r="AF1406">
        <v>4.1801142765228265</v>
      </c>
    </row>
    <row r="1407" spans="4:32" x14ac:dyDescent="0.25">
      <c r="D1407">
        <v>23.416667000000004</v>
      </c>
      <c r="E1407">
        <v>4.5499840883995661</v>
      </c>
      <c r="F1407">
        <v>23.233333000000002</v>
      </c>
      <c r="G1407">
        <v>4.540889333650183</v>
      </c>
      <c r="AF1407">
        <v>4.1809257963249955</v>
      </c>
    </row>
    <row r="1408" spans="4:32" x14ac:dyDescent="0.25">
      <c r="D1408">
        <v>23.433334000000002</v>
      </c>
      <c r="E1408">
        <v>4.5504547229492127</v>
      </c>
      <c r="F1408">
        <v>23.25</v>
      </c>
      <c r="G1408">
        <v>4.540889333650183</v>
      </c>
      <c r="AF1408">
        <v>4.1817494283630294</v>
      </c>
    </row>
    <row r="1409" spans="4:32" x14ac:dyDescent="0.25">
      <c r="D1409">
        <v>23.450000000000003</v>
      </c>
      <c r="E1409">
        <v>4.5504547229492127</v>
      </c>
      <c r="F1409">
        <v>23.266666999999998</v>
      </c>
      <c r="G1409">
        <v>4.540889333650183</v>
      </c>
      <c r="AF1409">
        <v>4.1825609481651984</v>
      </c>
    </row>
    <row r="1410" spans="4:32" x14ac:dyDescent="0.25">
      <c r="D1410">
        <v>23.466667000000001</v>
      </c>
      <c r="E1410">
        <v>4.5504547229492127</v>
      </c>
      <c r="F1410">
        <v>23.283332999999999</v>
      </c>
      <c r="G1410">
        <v>4.540889333650183</v>
      </c>
      <c r="AF1410">
        <v>4.1833724679673656</v>
      </c>
    </row>
    <row r="1411" spans="4:32" x14ac:dyDescent="0.25">
      <c r="D1411">
        <v>23.483334000000013</v>
      </c>
      <c r="E1411">
        <v>4.5509115153062201</v>
      </c>
      <c r="F1411">
        <v>23.299999999999997</v>
      </c>
      <c r="G1411">
        <v>4.5413011496692111</v>
      </c>
      <c r="AF1411">
        <v>4.1841961000054004</v>
      </c>
    </row>
    <row r="1412" spans="4:32" x14ac:dyDescent="0.25">
      <c r="D1412">
        <v>23.5</v>
      </c>
      <c r="E1412">
        <v>4.5509115153062201</v>
      </c>
      <c r="F1412">
        <v>23.31666700000001</v>
      </c>
      <c r="G1412">
        <v>4.5413011496692111</v>
      </c>
      <c r="AF1412">
        <v>4.1854194358265966</v>
      </c>
    </row>
    <row r="1413" spans="4:32" x14ac:dyDescent="0.25">
      <c r="D1413">
        <v>23.516667000000012</v>
      </c>
      <c r="E1413">
        <v>4.5509115153062201</v>
      </c>
      <c r="F1413">
        <v>23.333332999999996</v>
      </c>
      <c r="G1413">
        <v>4.5417129656882178</v>
      </c>
      <c r="AF1413">
        <v>4.1862309556287647</v>
      </c>
    </row>
    <row r="1414" spans="4:32" x14ac:dyDescent="0.25">
      <c r="D1414">
        <v>23.533334000000011</v>
      </c>
      <c r="E1414">
        <v>4.5509115153062201</v>
      </c>
      <c r="F1414">
        <v>23.350000000000009</v>
      </c>
      <c r="G1414">
        <v>4.5417129656882178</v>
      </c>
      <c r="AF1414">
        <v>4.1870424754309337</v>
      </c>
    </row>
    <row r="1415" spans="4:32" x14ac:dyDescent="0.25">
      <c r="D1415">
        <v>23.550000000000011</v>
      </c>
      <c r="E1415">
        <v>4.5509115153062201</v>
      </c>
      <c r="F1415">
        <v>23.366667000000007</v>
      </c>
      <c r="G1415">
        <v>4.5417129656882178</v>
      </c>
      <c r="AF1415">
        <v>4.1878661074689676</v>
      </c>
    </row>
    <row r="1416" spans="4:32" x14ac:dyDescent="0.25">
      <c r="D1416">
        <v>23.56666700000001</v>
      </c>
      <c r="E1416">
        <v>4.5513821498558542</v>
      </c>
      <c r="F1416">
        <v>23.383333000000007</v>
      </c>
      <c r="G1416">
        <v>4.5421126694713791</v>
      </c>
      <c r="AF1416">
        <v>4.1886776272711357</v>
      </c>
    </row>
    <row r="1417" spans="4:32" x14ac:dyDescent="0.25">
      <c r="D1417">
        <v>23.583334000000008</v>
      </c>
      <c r="E1417">
        <v>4.5513821498558542</v>
      </c>
      <c r="F1417">
        <v>23.400000000000006</v>
      </c>
      <c r="G1417">
        <v>4.5421126694713791</v>
      </c>
      <c r="AF1417">
        <v>4.1894891470733038</v>
      </c>
    </row>
    <row r="1418" spans="4:32" x14ac:dyDescent="0.25">
      <c r="D1418">
        <v>23.600000000000009</v>
      </c>
      <c r="E1418">
        <v>4.5518527844055008</v>
      </c>
      <c r="F1418">
        <v>23.416667000000004</v>
      </c>
      <c r="G1418">
        <v>4.5425244854903859</v>
      </c>
      <c r="AF1418">
        <v>4.1903127791113377</v>
      </c>
    </row>
    <row r="1419" spans="4:32" x14ac:dyDescent="0.25">
      <c r="D1419">
        <v>23.616667000000007</v>
      </c>
      <c r="E1419">
        <v>4.5518527844055008</v>
      </c>
      <c r="F1419">
        <v>23.433333000000005</v>
      </c>
      <c r="G1419">
        <v>4.5425244854903859</v>
      </c>
      <c r="AF1419">
        <v>4.1911242989135067</v>
      </c>
    </row>
    <row r="1420" spans="4:32" x14ac:dyDescent="0.25">
      <c r="D1420">
        <v>23.633334000000005</v>
      </c>
      <c r="E1420">
        <v>4.5518527844055008</v>
      </c>
      <c r="F1420">
        <v>23.450000000000003</v>
      </c>
      <c r="G1420">
        <v>4.5425244854903859</v>
      </c>
      <c r="AF1420">
        <v>4.1919358187156757</v>
      </c>
    </row>
    <row r="1421" spans="4:32" x14ac:dyDescent="0.25">
      <c r="D1421">
        <v>23.650000000000006</v>
      </c>
      <c r="E1421">
        <v>4.5523095767625099</v>
      </c>
      <c r="F1421">
        <v>23.466667000000001</v>
      </c>
      <c r="G1421">
        <v>4.5429363015093918</v>
      </c>
      <c r="AF1421">
        <v>4.1927473385178438</v>
      </c>
    </row>
    <row r="1422" spans="4:32" x14ac:dyDescent="0.25">
      <c r="D1422">
        <v>23.666667000000004</v>
      </c>
      <c r="E1422">
        <v>4.5523095767625099</v>
      </c>
      <c r="F1422">
        <v>23.483333000000002</v>
      </c>
      <c r="G1422">
        <v>4.5429363015093918</v>
      </c>
      <c r="AF1422">
        <v>4.1935709705558777</v>
      </c>
    </row>
    <row r="1423" spans="4:32" x14ac:dyDescent="0.25">
      <c r="D1423">
        <v>23.683334000000002</v>
      </c>
      <c r="E1423">
        <v>4.5527802113121432</v>
      </c>
      <c r="F1423">
        <v>23.5</v>
      </c>
      <c r="G1423">
        <v>4.543336005292554</v>
      </c>
      <c r="AF1423">
        <v>4.1943824903580458</v>
      </c>
    </row>
    <row r="1424" spans="4:32" x14ac:dyDescent="0.25">
      <c r="D1424">
        <v>23.700000000000003</v>
      </c>
      <c r="E1424">
        <v>4.5527802113121432</v>
      </c>
      <c r="F1424">
        <v>23.516666999999998</v>
      </c>
      <c r="G1424">
        <v>4.543336005292554</v>
      </c>
      <c r="AF1424">
        <v>4.1951940101602361</v>
      </c>
    </row>
    <row r="1425" spans="4:32" x14ac:dyDescent="0.25">
      <c r="D1425">
        <v>23.716667000000001</v>
      </c>
      <c r="E1425">
        <v>4.5527802113121432</v>
      </c>
      <c r="F1425">
        <v>23.533332999999999</v>
      </c>
      <c r="G1425">
        <v>4.5437478213115821</v>
      </c>
      <c r="AF1425">
        <v>4.1960176421982487</v>
      </c>
    </row>
    <row r="1426" spans="4:32" x14ac:dyDescent="0.25">
      <c r="D1426">
        <v>23.733334000000013</v>
      </c>
      <c r="E1426">
        <v>4.5532508458617897</v>
      </c>
      <c r="F1426">
        <v>23.549999999999997</v>
      </c>
      <c r="G1426">
        <v>4.5437478213115821</v>
      </c>
      <c r="AF1426">
        <v>4.19641734598141</v>
      </c>
    </row>
    <row r="1427" spans="4:32" x14ac:dyDescent="0.25">
      <c r="D1427">
        <v>23.75</v>
      </c>
      <c r="E1427">
        <v>4.5532508458617897</v>
      </c>
      <c r="F1427">
        <v>23.56666700000001</v>
      </c>
      <c r="G1427">
        <v>4.5441596373305879</v>
      </c>
      <c r="AF1427">
        <v>4.1972409780194448</v>
      </c>
    </row>
    <row r="1428" spans="4:32" x14ac:dyDescent="0.25">
      <c r="D1428">
        <v>23.766667000000012</v>
      </c>
      <c r="E1428">
        <v>4.5532508458617897</v>
      </c>
      <c r="F1428">
        <v>23.583332999999996</v>
      </c>
      <c r="G1428">
        <v>4.5441596373305879</v>
      </c>
      <c r="AF1428">
        <v>4.1980524978216129</v>
      </c>
    </row>
    <row r="1429" spans="4:32" x14ac:dyDescent="0.25">
      <c r="D1429">
        <v>23.783334000000011</v>
      </c>
      <c r="E1429">
        <v>4.553707638218798</v>
      </c>
      <c r="F1429">
        <v>23.600000000000009</v>
      </c>
      <c r="G1429">
        <v>4.5441596373305879</v>
      </c>
      <c r="AF1429">
        <v>4.1988640176237819</v>
      </c>
    </row>
    <row r="1430" spans="4:32" x14ac:dyDescent="0.25">
      <c r="D1430">
        <v>23.800000000000011</v>
      </c>
      <c r="E1430">
        <v>4.5541782727684321</v>
      </c>
      <c r="F1430">
        <v>23.616667000000007</v>
      </c>
      <c r="G1430">
        <v>4.5445593411137502</v>
      </c>
      <c r="AF1430">
        <v>4.1996876496618158</v>
      </c>
    </row>
    <row r="1431" spans="4:32" x14ac:dyDescent="0.25">
      <c r="D1431">
        <v>23.81666700000001</v>
      </c>
      <c r="E1431">
        <v>4.5546489073180787</v>
      </c>
      <c r="F1431">
        <v>23.633333000000007</v>
      </c>
      <c r="G1431">
        <v>4.5445593411137502</v>
      </c>
      <c r="AF1431">
        <v>4.2004991694639839</v>
      </c>
    </row>
    <row r="1432" spans="4:32" x14ac:dyDescent="0.25">
      <c r="D1432">
        <v>23.833334000000008</v>
      </c>
      <c r="E1432">
        <v>4.5551195418677253</v>
      </c>
      <c r="F1432">
        <v>23.650000000000006</v>
      </c>
      <c r="G1432">
        <v>4.5449711571327569</v>
      </c>
      <c r="AF1432">
        <v>4.201310689266152</v>
      </c>
    </row>
    <row r="1433" spans="4:32" x14ac:dyDescent="0.25">
      <c r="D1433">
        <v>23.850000000000009</v>
      </c>
      <c r="E1433">
        <v>4.5551195418677253</v>
      </c>
      <c r="F1433">
        <v>23.666667000000004</v>
      </c>
      <c r="G1433">
        <v>4.5449711571327569</v>
      </c>
      <c r="AF1433">
        <v>4.2021343213041868</v>
      </c>
    </row>
    <row r="1434" spans="4:32" x14ac:dyDescent="0.25">
      <c r="D1434">
        <v>23.866667000000007</v>
      </c>
      <c r="E1434">
        <v>4.5555763342247335</v>
      </c>
      <c r="F1434">
        <v>23.683333000000005</v>
      </c>
      <c r="G1434">
        <v>4.5453829731517628</v>
      </c>
      <c r="AF1434">
        <v>4.2029458411063549</v>
      </c>
    </row>
    <row r="1435" spans="4:32" x14ac:dyDescent="0.25">
      <c r="D1435">
        <v>23.883334000000005</v>
      </c>
      <c r="E1435">
        <v>4.5555763342247335</v>
      </c>
      <c r="F1435">
        <v>23.700000000000003</v>
      </c>
      <c r="G1435">
        <v>4.545782676934925</v>
      </c>
      <c r="AF1435">
        <v>4.2037573609085239</v>
      </c>
    </row>
    <row r="1436" spans="4:32" x14ac:dyDescent="0.25">
      <c r="D1436">
        <v>23.900000000000006</v>
      </c>
      <c r="E1436">
        <v>4.5560469687743677</v>
      </c>
      <c r="F1436">
        <v>23.716667000000001</v>
      </c>
      <c r="G1436">
        <v>4.545782676934925</v>
      </c>
      <c r="AF1436">
        <v>4.2045809929465578</v>
      </c>
    </row>
    <row r="1437" spans="4:32" x14ac:dyDescent="0.25">
      <c r="D1437">
        <v>23.916667000000004</v>
      </c>
      <c r="E1437">
        <v>4.5560469687743677</v>
      </c>
      <c r="F1437">
        <v>23.733333000000002</v>
      </c>
      <c r="G1437">
        <v>4.5461944929539522</v>
      </c>
      <c r="AF1437">
        <v>4.2053925127487259</v>
      </c>
    </row>
    <row r="1438" spans="4:32" x14ac:dyDescent="0.25">
      <c r="D1438">
        <v>23.933334000000002</v>
      </c>
      <c r="E1438">
        <v>4.5565176033240142</v>
      </c>
      <c r="F1438">
        <v>23.75</v>
      </c>
      <c r="G1438">
        <v>4.5461944929539522</v>
      </c>
      <c r="AF1438">
        <v>4.206204032550894</v>
      </c>
    </row>
    <row r="1439" spans="4:32" x14ac:dyDescent="0.25">
      <c r="D1439">
        <v>23.950000000000003</v>
      </c>
      <c r="E1439">
        <v>4.5565176033240142</v>
      </c>
      <c r="F1439">
        <v>23.766666999999998</v>
      </c>
      <c r="G1439">
        <v>4.5461944929539522</v>
      </c>
      <c r="AF1439">
        <v>4.2066158485699221</v>
      </c>
    </row>
    <row r="1440" spans="4:32" x14ac:dyDescent="0.25">
      <c r="D1440">
        <v>23.966667000000001</v>
      </c>
      <c r="E1440">
        <v>4.5569743956810216</v>
      </c>
      <c r="F1440">
        <v>23.783332999999999</v>
      </c>
      <c r="G1440">
        <v>4.5465941967371144</v>
      </c>
      <c r="AF1440">
        <v>4.2074273683720902</v>
      </c>
    </row>
    <row r="1441" spans="4:32" x14ac:dyDescent="0.25">
      <c r="D1441">
        <v>23.983334000000013</v>
      </c>
      <c r="E1441">
        <v>4.5569743956810216</v>
      </c>
      <c r="F1441">
        <v>23.799999999999997</v>
      </c>
      <c r="G1441">
        <v>4.5465941967371144</v>
      </c>
      <c r="AF1441">
        <v>4.2082388881742583</v>
      </c>
    </row>
    <row r="1442" spans="4:32" x14ac:dyDescent="0.25">
      <c r="D1442">
        <v>24</v>
      </c>
      <c r="E1442">
        <v>4.5574450302306566</v>
      </c>
      <c r="F1442">
        <v>23.81666700000001</v>
      </c>
      <c r="G1442">
        <v>4.5470060127561212</v>
      </c>
      <c r="AF1442">
        <v>4.2090625202122931</v>
      </c>
    </row>
    <row r="1443" spans="4:32" x14ac:dyDescent="0.25">
      <c r="D1443">
        <v>24.016667000000012</v>
      </c>
      <c r="E1443">
        <v>4.5574450302306566</v>
      </c>
      <c r="F1443">
        <v>23.833332999999996</v>
      </c>
      <c r="G1443">
        <v>4.5470060127561212</v>
      </c>
      <c r="AF1443">
        <v>4.2098740400144612</v>
      </c>
    </row>
    <row r="1444" spans="4:32" x14ac:dyDescent="0.25">
      <c r="D1444">
        <v>24.033334000000011</v>
      </c>
      <c r="E1444">
        <v>4.5574450302306566</v>
      </c>
      <c r="F1444">
        <v>23.850000000000009</v>
      </c>
      <c r="G1444">
        <v>4.5470060127561212</v>
      </c>
      <c r="AF1444">
        <v>4.2106855598166302</v>
      </c>
    </row>
    <row r="1445" spans="4:32" x14ac:dyDescent="0.25">
      <c r="D1445">
        <v>24.050000000000011</v>
      </c>
      <c r="E1445">
        <v>4.5579156647803032</v>
      </c>
      <c r="F1445">
        <v>23.866667000000007</v>
      </c>
      <c r="G1445">
        <v>4.547417828775127</v>
      </c>
      <c r="AF1445">
        <v>4.2115091918546632</v>
      </c>
    </row>
    <row r="1446" spans="4:32" x14ac:dyDescent="0.25">
      <c r="D1446">
        <v>24.06666700000001</v>
      </c>
      <c r="E1446">
        <v>4.5579156647803032</v>
      </c>
      <c r="F1446">
        <v>23.883333000000007</v>
      </c>
      <c r="G1446">
        <v>4.547417828775127</v>
      </c>
      <c r="AF1446">
        <v>4.2123207116568322</v>
      </c>
    </row>
    <row r="1447" spans="4:32" x14ac:dyDescent="0.25">
      <c r="D1447">
        <v>24.083334000000008</v>
      </c>
      <c r="E1447">
        <v>4.5583724571373105</v>
      </c>
      <c r="F1447">
        <v>23.900000000000006</v>
      </c>
      <c r="G1447">
        <v>4.5478175325582892</v>
      </c>
      <c r="AF1447">
        <v>4.2131322314590003</v>
      </c>
    </row>
    <row r="1448" spans="4:32" x14ac:dyDescent="0.25">
      <c r="D1448">
        <v>24.100000000000009</v>
      </c>
      <c r="E1448">
        <v>4.5583724571373105</v>
      </c>
      <c r="F1448">
        <v>23.916667000000004</v>
      </c>
      <c r="G1448">
        <v>4.5478175325582892</v>
      </c>
      <c r="AF1448">
        <v>4.2139558634970351</v>
      </c>
    </row>
    <row r="1449" spans="4:32" x14ac:dyDescent="0.25">
      <c r="D1449">
        <v>24.116667000000007</v>
      </c>
      <c r="E1449">
        <v>4.5588430916869447</v>
      </c>
      <c r="F1449">
        <v>23.933333000000005</v>
      </c>
      <c r="G1449">
        <v>4.5478175325582892</v>
      </c>
      <c r="AF1449">
        <v>4.2147673832992032</v>
      </c>
    </row>
    <row r="1450" spans="4:32" x14ac:dyDescent="0.25">
      <c r="D1450">
        <v>24.133334000000005</v>
      </c>
      <c r="E1450">
        <v>4.5588430916869447</v>
      </c>
      <c r="F1450">
        <v>23.950000000000003</v>
      </c>
      <c r="G1450">
        <v>4.5482293485773173</v>
      </c>
      <c r="AF1450">
        <v>4.2151791993182304</v>
      </c>
    </row>
    <row r="1451" spans="4:32" x14ac:dyDescent="0.25">
      <c r="D1451">
        <v>24.150000000000006</v>
      </c>
      <c r="E1451">
        <v>4.5588430916869447</v>
      </c>
      <c r="F1451">
        <v>23.966667000000001</v>
      </c>
      <c r="G1451">
        <v>4.5482293485773173</v>
      </c>
      <c r="AF1451">
        <v>4.2159907191203994</v>
      </c>
    </row>
    <row r="1452" spans="4:32" x14ac:dyDescent="0.25">
      <c r="D1452">
        <v>24.166667000000004</v>
      </c>
      <c r="E1452">
        <v>4.5593137262365913</v>
      </c>
      <c r="F1452">
        <v>23.983333000000002</v>
      </c>
      <c r="G1452">
        <v>4.5482293485773173</v>
      </c>
      <c r="AF1452">
        <v>4.2168022389225683</v>
      </c>
    </row>
    <row r="1453" spans="4:32" x14ac:dyDescent="0.25">
      <c r="D1453">
        <v>24.183334000000002</v>
      </c>
      <c r="E1453">
        <v>4.5593137262365913</v>
      </c>
      <c r="F1453">
        <v>24</v>
      </c>
      <c r="G1453">
        <v>4.5486411645963241</v>
      </c>
      <c r="AF1453">
        <v>4.2176258709606023</v>
      </c>
    </row>
    <row r="1454" spans="4:32" x14ac:dyDescent="0.25">
      <c r="D1454">
        <v>24.200000000000003</v>
      </c>
      <c r="E1454">
        <v>4.5593137262365913</v>
      </c>
      <c r="F1454">
        <v>24.016666999999998</v>
      </c>
      <c r="G1454">
        <v>4.5486411645963241</v>
      </c>
      <c r="AF1454">
        <v>4.2184373907627704</v>
      </c>
    </row>
    <row r="1455" spans="4:32" x14ac:dyDescent="0.25">
      <c r="D1455">
        <v>24.216667000000001</v>
      </c>
      <c r="E1455">
        <v>4.5593137262365913</v>
      </c>
      <c r="F1455">
        <v>24.033332999999999</v>
      </c>
      <c r="G1455">
        <v>4.5490408683794854</v>
      </c>
      <c r="AF1455">
        <v>4.2192489105649384</v>
      </c>
    </row>
    <row r="1456" spans="4:32" x14ac:dyDescent="0.25">
      <c r="D1456">
        <v>24.233334000000013</v>
      </c>
      <c r="E1456">
        <v>4.5597705185935995</v>
      </c>
      <c r="F1456">
        <v>24.049999999999997</v>
      </c>
      <c r="G1456">
        <v>4.5490408683794854</v>
      </c>
      <c r="AF1456">
        <v>4.2196607265839665</v>
      </c>
    </row>
    <row r="1457" spans="4:32" x14ac:dyDescent="0.25">
      <c r="D1457">
        <v>24.25</v>
      </c>
      <c r="E1457">
        <v>4.5597705185935995</v>
      </c>
      <c r="F1457">
        <v>24.06666700000001</v>
      </c>
      <c r="G1457">
        <v>4.5490408683794854</v>
      </c>
      <c r="AF1457">
        <v>4.2204722463861346</v>
      </c>
    </row>
    <row r="1458" spans="4:32" x14ac:dyDescent="0.25">
      <c r="D1458">
        <v>24.266667000000012</v>
      </c>
      <c r="E1458">
        <v>4.5597705185935995</v>
      </c>
      <c r="F1458">
        <v>24.083332999999996</v>
      </c>
      <c r="G1458">
        <v>4.5490408683794854</v>
      </c>
      <c r="AF1458">
        <v>4.2212837661883027</v>
      </c>
    </row>
    <row r="1459" spans="4:32" x14ac:dyDescent="0.25">
      <c r="D1459">
        <v>24.283334000000011</v>
      </c>
      <c r="E1459">
        <v>4.5597705185935995</v>
      </c>
      <c r="F1459">
        <v>24.100000000000009</v>
      </c>
      <c r="G1459">
        <v>4.5494526843984922</v>
      </c>
      <c r="AF1459">
        <v>4.2221073982263375</v>
      </c>
    </row>
    <row r="1460" spans="4:32" x14ac:dyDescent="0.25">
      <c r="D1460">
        <v>24.300000000000011</v>
      </c>
      <c r="E1460">
        <v>4.5597705185935995</v>
      </c>
      <c r="F1460">
        <v>24.116667000000007</v>
      </c>
      <c r="G1460">
        <v>4.5494526843984922</v>
      </c>
      <c r="AF1460">
        <v>4.2229189180285056</v>
      </c>
    </row>
    <row r="1461" spans="4:32" x14ac:dyDescent="0.25">
      <c r="D1461">
        <v>24.31666700000001</v>
      </c>
      <c r="E1461">
        <v>4.5597705185935995</v>
      </c>
      <c r="F1461">
        <v>24.133333000000007</v>
      </c>
      <c r="G1461">
        <v>4.5494526843984922</v>
      </c>
      <c r="AF1461">
        <v>4.2237304378306746</v>
      </c>
    </row>
    <row r="1462" spans="4:32" x14ac:dyDescent="0.25">
      <c r="D1462">
        <v>24.333334000000008</v>
      </c>
      <c r="E1462">
        <v>4.5602411531432452</v>
      </c>
      <c r="F1462">
        <v>24.150000000000006</v>
      </c>
      <c r="G1462">
        <v>4.5494526843984922</v>
      </c>
      <c r="AF1462">
        <v>4.2245540698687076</v>
      </c>
    </row>
    <row r="1463" spans="4:32" x14ac:dyDescent="0.25">
      <c r="D1463">
        <v>24.350000000000009</v>
      </c>
      <c r="E1463">
        <v>4.5602411531432452</v>
      </c>
      <c r="F1463">
        <v>24.166667000000004</v>
      </c>
      <c r="G1463">
        <v>4.5494526843984922</v>
      </c>
      <c r="AF1463">
        <v>4.2249537736518707</v>
      </c>
    </row>
    <row r="1464" spans="4:32" x14ac:dyDescent="0.25">
      <c r="D1464">
        <v>24.366667000000007</v>
      </c>
      <c r="E1464">
        <v>4.5602411531432452</v>
      </c>
      <c r="F1464">
        <v>24.183333000000005</v>
      </c>
      <c r="G1464">
        <v>4.549864500417498</v>
      </c>
      <c r="AF1464">
        <v>4.2257774056898834</v>
      </c>
    </row>
    <row r="1465" spans="4:32" x14ac:dyDescent="0.25">
      <c r="D1465">
        <v>24.383334000000005</v>
      </c>
      <c r="E1465">
        <v>4.5602411531432452</v>
      </c>
      <c r="F1465">
        <v>24.200000000000003</v>
      </c>
      <c r="G1465">
        <v>4.549864500417498</v>
      </c>
      <c r="AF1465">
        <v>4.2265889254920728</v>
      </c>
    </row>
    <row r="1466" spans="4:32" x14ac:dyDescent="0.25">
      <c r="D1466">
        <v>24.400000000000006</v>
      </c>
      <c r="E1466">
        <v>4.5607117876928802</v>
      </c>
      <c r="F1466">
        <v>24.216667000000001</v>
      </c>
      <c r="G1466">
        <v>4.549864500417498</v>
      </c>
      <c r="AF1466">
        <v>4.2274004452942409</v>
      </c>
    </row>
    <row r="1467" spans="4:32" x14ac:dyDescent="0.25">
      <c r="D1467">
        <v>24.416667000000004</v>
      </c>
      <c r="E1467">
        <v>4.5607117876928802</v>
      </c>
      <c r="F1467">
        <v>24.233333000000002</v>
      </c>
      <c r="G1467">
        <v>4.5502642042006602</v>
      </c>
      <c r="AF1467">
        <v>4.2278122613132476</v>
      </c>
    </row>
    <row r="1468" spans="4:32" x14ac:dyDescent="0.25">
      <c r="D1468">
        <v>24.433334000000002</v>
      </c>
      <c r="E1468">
        <v>4.5607117876928802</v>
      </c>
      <c r="F1468">
        <v>24.25</v>
      </c>
      <c r="G1468">
        <v>4.5502642042006602</v>
      </c>
      <c r="AF1468">
        <v>4.2286237811154157</v>
      </c>
    </row>
    <row r="1469" spans="4:32" x14ac:dyDescent="0.25">
      <c r="D1469">
        <v>24.450000000000003</v>
      </c>
      <c r="E1469">
        <v>4.5611685800498885</v>
      </c>
      <c r="F1469">
        <v>24.266666999999998</v>
      </c>
      <c r="G1469">
        <v>4.5502642042006602</v>
      </c>
      <c r="AF1469">
        <v>4.2294474131534496</v>
      </c>
    </row>
    <row r="1470" spans="4:32" x14ac:dyDescent="0.25">
      <c r="D1470">
        <v>24.466667000000001</v>
      </c>
      <c r="E1470">
        <v>4.5611685800498885</v>
      </c>
      <c r="F1470">
        <v>24.283332999999999</v>
      </c>
      <c r="G1470">
        <v>4.5506760202196883</v>
      </c>
      <c r="AF1470">
        <v>4.2302589329556186</v>
      </c>
    </row>
    <row r="1471" spans="4:32" x14ac:dyDescent="0.25">
      <c r="D1471">
        <v>24.483334000000013</v>
      </c>
      <c r="E1471">
        <v>4.5611685800498885</v>
      </c>
      <c r="F1471">
        <v>24.299999999999997</v>
      </c>
      <c r="G1471">
        <v>4.5506760202196883</v>
      </c>
      <c r="AF1471">
        <v>4.2306707489746467</v>
      </c>
    </row>
    <row r="1472" spans="4:32" x14ac:dyDescent="0.25">
      <c r="D1472">
        <v>24.5</v>
      </c>
      <c r="E1472">
        <v>4.5611685800498885</v>
      </c>
      <c r="F1472">
        <v>24.31666700000001</v>
      </c>
      <c r="G1472">
        <v>4.5506760202196883</v>
      </c>
      <c r="AF1472">
        <v>4.2314822687768139</v>
      </c>
    </row>
    <row r="1473" spans="4:32" x14ac:dyDescent="0.25">
      <c r="D1473">
        <v>24.516667000000012</v>
      </c>
      <c r="E1473">
        <v>4.561639214599535</v>
      </c>
      <c r="F1473">
        <v>24.333332999999996</v>
      </c>
      <c r="G1473">
        <v>4.5510878362386942</v>
      </c>
      <c r="AF1473">
        <v>4.2322937885789829</v>
      </c>
    </row>
    <row r="1474" spans="4:32" x14ac:dyDescent="0.25">
      <c r="D1474">
        <v>24.533334000000011</v>
      </c>
      <c r="E1474">
        <v>4.561639214599535</v>
      </c>
      <c r="F1474">
        <v>24.350000000000009</v>
      </c>
      <c r="G1474">
        <v>4.5510878362386942</v>
      </c>
      <c r="AF1474">
        <v>4.2331174206170168</v>
      </c>
    </row>
    <row r="1475" spans="4:32" x14ac:dyDescent="0.25">
      <c r="D1475">
        <v>24.550000000000011</v>
      </c>
      <c r="E1475">
        <v>4.5621098491491683</v>
      </c>
      <c r="F1475">
        <v>24.366667000000007</v>
      </c>
      <c r="G1475">
        <v>4.5510878362386942</v>
      </c>
      <c r="AF1475">
        <v>4.2339289404191858</v>
      </c>
    </row>
    <row r="1476" spans="4:32" x14ac:dyDescent="0.25">
      <c r="D1476">
        <v>24.56666700000001</v>
      </c>
      <c r="E1476">
        <v>4.5621098491491683</v>
      </c>
      <c r="F1476">
        <v>24.383333000000007</v>
      </c>
      <c r="G1476">
        <v>4.5514875400218564</v>
      </c>
      <c r="AF1476">
        <v>4.2343286442023471</v>
      </c>
    </row>
    <row r="1477" spans="4:32" x14ac:dyDescent="0.25">
      <c r="D1477">
        <v>24.583334000000008</v>
      </c>
      <c r="E1477">
        <v>4.5621098491491683</v>
      </c>
      <c r="F1477">
        <v>24.400000000000006</v>
      </c>
      <c r="G1477">
        <v>4.5514875400218564</v>
      </c>
      <c r="AF1477">
        <v>4.2351522762403597</v>
      </c>
    </row>
    <row r="1478" spans="4:32" x14ac:dyDescent="0.25">
      <c r="D1478">
        <v>24.600000000000009</v>
      </c>
      <c r="E1478">
        <v>4.5621098491491683</v>
      </c>
      <c r="F1478">
        <v>24.416667000000004</v>
      </c>
      <c r="G1478">
        <v>4.5518993560408632</v>
      </c>
      <c r="AF1478">
        <v>4.23596379604255</v>
      </c>
    </row>
    <row r="1479" spans="4:32" x14ac:dyDescent="0.25">
      <c r="D1479">
        <v>24.616667000000007</v>
      </c>
      <c r="E1479">
        <v>4.5621098491491683</v>
      </c>
      <c r="F1479">
        <v>24.433333000000005</v>
      </c>
      <c r="G1479">
        <v>4.5518993560408632</v>
      </c>
      <c r="AF1479">
        <v>4.236775315844719</v>
      </c>
    </row>
    <row r="1480" spans="4:32" x14ac:dyDescent="0.25">
      <c r="D1480">
        <v>24.633334000000005</v>
      </c>
      <c r="E1480">
        <v>4.5621098491491683</v>
      </c>
      <c r="F1480">
        <v>24.450000000000003</v>
      </c>
      <c r="G1480">
        <v>4.5518993560408632</v>
      </c>
      <c r="AF1480">
        <v>4.2371871318637249</v>
      </c>
    </row>
    <row r="1481" spans="4:32" x14ac:dyDescent="0.25">
      <c r="D1481">
        <v>24.650000000000006</v>
      </c>
      <c r="E1481">
        <v>4.5625666415061765</v>
      </c>
      <c r="F1481">
        <v>24.466667000000001</v>
      </c>
      <c r="G1481">
        <v>4.552311172059869</v>
      </c>
      <c r="AF1481">
        <v>4.237998651665893</v>
      </c>
    </row>
    <row r="1482" spans="4:32" x14ac:dyDescent="0.25">
      <c r="D1482">
        <v>24.666667000000004</v>
      </c>
      <c r="E1482">
        <v>4.5625666415061765</v>
      </c>
      <c r="F1482">
        <v>24.483333000000002</v>
      </c>
      <c r="G1482">
        <v>4.552311172059869</v>
      </c>
      <c r="AF1482">
        <v>4.2388222837039278</v>
      </c>
    </row>
    <row r="1483" spans="4:32" x14ac:dyDescent="0.25">
      <c r="D1483">
        <v>24.683334000000002</v>
      </c>
      <c r="E1483">
        <v>4.5625666415061765</v>
      </c>
      <c r="F1483">
        <v>24.5</v>
      </c>
      <c r="G1483">
        <v>4.5527108758430312</v>
      </c>
      <c r="AF1483">
        <v>4.239633803506095</v>
      </c>
    </row>
    <row r="1484" spans="4:32" x14ac:dyDescent="0.25">
      <c r="D1484">
        <v>24.700000000000003</v>
      </c>
      <c r="E1484">
        <v>4.563037276055824</v>
      </c>
      <c r="F1484">
        <v>24.516666999999998</v>
      </c>
      <c r="G1484">
        <v>4.5527108758430312</v>
      </c>
      <c r="AF1484">
        <v>4.240045619525123</v>
      </c>
    </row>
    <row r="1485" spans="4:32" x14ac:dyDescent="0.25">
      <c r="D1485">
        <v>24.716667000000001</v>
      </c>
      <c r="E1485">
        <v>4.563037276055824</v>
      </c>
      <c r="F1485">
        <v>24.533332999999999</v>
      </c>
      <c r="G1485">
        <v>4.5527108758430312</v>
      </c>
      <c r="AF1485">
        <v>4.240857139327292</v>
      </c>
    </row>
    <row r="1486" spans="4:32" x14ac:dyDescent="0.25">
      <c r="D1486">
        <v>24.733334000000013</v>
      </c>
      <c r="E1486">
        <v>4.563037276055824</v>
      </c>
      <c r="F1486">
        <v>24.549999999999997</v>
      </c>
      <c r="G1486">
        <v>4.5531226918620593</v>
      </c>
      <c r="AF1486">
        <v>4.2416686591294601</v>
      </c>
    </row>
    <row r="1487" spans="4:32" x14ac:dyDescent="0.25">
      <c r="D1487">
        <v>24.75</v>
      </c>
      <c r="E1487">
        <v>4.5635079106054572</v>
      </c>
      <c r="F1487">
        <v>24.56666700000001</v>
      </c>
      <c r="G1487">
        <v>4.5531226918620593</v>
      </c>
      <c r="AF1487">
        <v>4.2420804751484669</v>
      </c>
    </row>
    <row r="1488" spans="4:32" x14ac:dyDescent="0.25">
      <c r="D1488">
        <v>24.766667000000012</v>
      </c>
      <c r="E1488">
        <v>4.5635079106054572</v>
      </c>
      <c r="F1488">
        <v>24.583332999999996</v>
      </c>
      <c r="G1488">
        <v>4.5535345078810661</v>
      </c>
      <c r="AF1488">
        <v>4.2428919949506563</v>
      </c>
    </row>
    <row r="1489" spans="4:32" x14ac:dyDescent="0.25">
      <c r="D1489">
        <v>24.783334000000011</v>
      </c>
      <c r="E1489">
        <v>4.5639647029624655</v>
      </c>
      <c r="F1489">
        <v>24.600000000000009</v>
      </c>
      <c r="G1489">
        <v>4.5535345078810661</v>
      </c>
      <c r="AF1489">
        <v>4.243303810969663</v>
      </c>
    </row>
    <row r="1490" spans="4:32" x14ac:dyDescent="0.25">
      <c r="D1490">
        <v>24.800000000000011</v>
      </c>
      <c r="E1490">
        <v>4.5639647029624655</v>
      </c>
      <c r="F1490">
        <v>24.616667000000007</v>
      </c>
      <c r="G1490">
        <v>4.5539342116642274</v>
      </c>
      <c r="AF1490">
        <v>4.2441153307718311</v>
      </c>
    </row>
    <row r="1491" spans="4:32" x14ac:dyDescent="0.25">
      <c r="D1491">
        <v>24.81666700000001</v>
      </c>
      <c r="E1491">
        <v>4.5639647029624655</v>
      </c>
      <c r="F1491">
        <v>24.633333000000007</v>
      </c>
      <c r="G1491">
        <v>4.5539342116642274</v>
      </c>
      <c r="AF1491">
        <v>4.244938962809865</v>
      </c>
    </row>
    <row r="1492" spans="4:32" x14ac:dyDescent="0.25">
      <c r="D1492">
        <v>24.833334000000008</v>
      </c>
      <c r="E1492">
        <v>4.5644353375121121</v>
      </c>
      <c r="F1492">
        <v>24.650000000000006</v>
      </c>
      <c r="G1492">
        <v>4.5539342116642274</v>
      </c>
      <c r="AF1492">
        <v>4.2453386665930273</v>
      </c>
    </row>
    <row r="1493" spans="4:32" x14ac:dyDescent="0.25">
      <c r="D1493">
        <v>24.850000000000009</v>
      </c>
      <c r="E1493">
        <v>4.5644353375121121</v>
      </c>
      <c r="F1493">
        <v>24.666667000000004</v>
      </c>
      <c r="G1493">
        <v>4.5543460276832333</v>
      </c>
      <c r="AF1493">
        <v>4.2461622986310399</v>
      </c>
    </row>
    <row r="1494" spans="4:32" x14ac:dyDescent="0.25">
      <c r="D1494">
        <v>24.866667000000007</v>
      </c>
      <c r="E1494">
        <v>4.5644353375121121</v>
      </c>
      <c r="F1494">
        <v>24.683333000000005</v>
      </c>
      <c r="G1494">
        <v>4.5543460276832333</v>
      </c>
      <c r="AF1494">
        <v>4.2469738184332302</v>
      </c>
    </row>
    <row r="1495" spans="4:32" x14ac:dyDescent="0.25">
      <c r="D1495">
        <v>24.883334000000005</v>
      </c>
      <c r="E1495">
        <v>4.5649059720617586</v>
      </c>
      <c r="F1495">
        <v>24.700000000000003</v>
      </c>
      <c r="G1495">
        <v>4.5547578437022622</v>
      </c>
      <c r="AF1495">
        <v>4.2473735222163915</v>
      </c>
    </row>
    <row r="1496" spans="4:32" x14ac:dyDescent="0.25">
      <c r="D1496">
        <v>24.900000000000006</v>
      </c>
      <c r="E1496">
        <v>4.5649059720617586</v>
      </c>
      <c r="F1496">
        <v>24.716667000000001</v>
      </c>
      <c r="G1496">
        <v>4.5547578437022622</v>
      </c>
      <c r="AF1496">
        <v>4.2481971542544041</v>
      </c>
    </row>
    <row r="1497" spans="4:32" x14ac:dyDescent="0.25">
      <c r="D1497">
        <v>24.916667000000004</v>
      </c>
      <c r="E1497">
        <v>4.5649059720617586</v>
      </c>
      <c r="F1497">
        <v>24.733333000000002</v>
      </c>
      <c r="G1497">
        <v>4.5547578437022622</v>
      </c>
      <c r="AF1497">
        <v>4.2490086740565731</v>
      </c>
    </row>
    <row r="1498" spans="4:32" x14ac:dyDescent="0.25">
      <c r="D1498">
        <v>24.933334000000002</v>
      </c>
      <c r="E1498">
        <v>4.5653627644187544</v>
      </c>
      <c r="F1498">
        <v>24.75</v>
      </c>
      <c r="G1498">
        <v>4.5551575474854022</v>
      </c>
      <c r="AF1498">
        <v>4.2494204900756003</v>
      </c>
    </row>
    <row r="1499" spans="4:32" x14ac:dyDescent="0.25">
      <c r="D1499">
        <v>24.950000000000003</v>
      </c>
      <c r="E1499">
        <v>4.5653627644187544</v>
      </c>
      <c r="F1499">
        <v>24.766666999999998</v>
      </c>
      <c r="G1499">
        <v>4.5551575474854022</v>
      </c>
      <c r="AF1499">
        <v>4.2502320098777693</v>
      </c>
    </row>
    <row r="1500" spans="4:32" x14ac:dyDescent="0.25">
      <c r="D1500">
        <v>24.966667000000001</v>
      </c>
      <c r="E1500">
        <v>4.5653627644187544</v>
      </c>
      <c r="F1500">
        <v>24.783332999999999</v>
      </c>
      <c r="G1500">
        <v>4.5551575474854022</v>
      </c>
      <c r="AF1500">
        <v>4.2506438258967751</v>
      </c>
    </row>
    <row r="1501" spans="4:32" x14ac:dyDescent="0.25">
      <c r="D1501">
        <v>24.983334000000013</v>
      </c>
      <c r="E1501">
        <v>4.565833398968401</v>
      </c>
      <c r="F1501">
        <v>24.799999999999997</v>
      </c>
      <c r="G1501">
        <v>4.5555693635044303</v>
      </c>
      <c r="AF1501">
        <v>4.2514553456989654</v>
      </c>
    </row>
    <row r="1502" spans="4:32" x14ac:dyDescent="0.25">
      <c r="D1502">
        <v>99.766666999999998</v>
      </c>
      <c r="E1502">
        <v>7.5540710000000004</v>
      </c>
      <c r="F1502">
        <v>24.81666700000001</v>
      </c>
      <c r="G1502">
        <v>4.5555693635044303</v>
      </c>
      <c r="AF1502">
        <v>4.2522668655011335</v>
      </c>
    </row>
    <row r="1503" spans="4:32" x14ac:dyDescent="0.25">
      <c r="D1503">
        <v>99.783332999999999</v>
      </c>
      <c r="E1503">
        <v>7.5540710000000004</v>
      </c>
      <c r="F1503">
        <v>24.833332999999996</v>
      </c>
      <c r="G1503">
        <v>4.5555693635044303</v>
      </c>
      <c r="AF1503">
        <v>4.2526786815201394</v>
      </c>
    </row>
    <row r="1504" spans="4:32" x14ac:dyDescent="0.25">
      <c r="D1504">
        <v>99.8</v>
      </c>
      <c r="E1504">
        <v>7.5540710000000004</v>
      </c>
      <c r="F1504">
        <v>24.850000000000009</v>
      </c>
      <c r="G1504">
        <v>4.5559811795234362</v>
      </c>
      <c r="AF1504">
        <v>4.2534902013223084</v>
      </c>
    </row>
    <row r="1505" spans="4:32" x14ac:dyDescent="0.25">
      <c r="D1505">
        <v>99.816666999999995</v>
      </c>
      <c r="E1505">
        <v>7.5541039999999997</v>
      </c>
      <c r="F1505">
        <v>24.866667000000007</v>
      </c>
      <c r="G1505">
        <v>4.5559811795234362</v>
      </c>
      <c r="AF1505">
        <v>4.2539020173413364</v>
      </c>
    </row>
    <row r="1506" spans="4:32" x14ac:dyDescent="0.25">
      <c r="D1506">
        <v>99.833332999999996</v>
      </c>
      <c r="E1506">
        <v>7.5541039999999997</v>
      </c>
      <c r="F1506">
        <v>24.883333000000007</v>
      </c>
      <c r="G1506">
        <v>4.5559811795234362</v>
      </c>
      <c r="AF1506">
        <v>4.2547135371435045</v>
      </c>
    </row>
    <row r="1507" spans="4:32" x14ac:dyDescent="0.25">
      <c r="D1507">
        <v>99.85</v>
      </c>
      <c r="E1507">
        <v>7.5541039999999997</v>
      </c>
      <c r="F1507">
        <v>24.900000000000006</v>
      </c>
      <c r="G1507">
        <v>4.5563808833065984</v>
      </c>
      <c r="AC1507">
        <v>7.6833330000000046</v>
      </c>
      <c r="AD1507">
        <v>85.983333000000002</v>
      </c>
      <c r="AE1507">
        <v>8.6074560000000009</v>
      </c>
      <c r="AF1507">
        <v>4.2555371691815385</v>
      </c>
    </row>
    <row r="1508" spans="4:32" x14ac:dyDescent="0.25">
      <c r="D1508">
        <v>99.866667000000007</v>
      </c>
      <c r="E1508">
        <v>7.554138</v>
      </c>
      <c r="F1508">
        <v>24.916667000000004</v>
      </c>
      <c r="G1508">
        <v>4.5563808833065984</v>
      </c>
      <c r="AC1508">
        <v>7.7000000000000028</v>
      </c>
      <c r="AD1508">
        <v>86</v>
      </c>
      <c r="AE1508">
        <v>8.6074889999999993</v>
      </c>
      <c r="AF1508">
        <v>4.2559368729646794</v>
      </c>
    </row>
    <row r="1509" spans="4:32" x14ac:dyDescent="0.25">
      <c r="F1509">
        <v>24.933333000000005</v>
      </c>
      <c r="G1509">
        <v>4.5563808833065984</v>
      </c>
      <c r="AC1509">
        <v>7.7166670000000011</v>
      </c>
      <c r="AD1509">
        <v>86.016666999999998</v>
      </c>
      <c r="AE1509">
        <v>8.6075569999999999</v>
      </c>
      <c r="AF1509">
        <v>4.2567605050027133</v>
      </c>
    </row>
    <row r="1510" spans="4:32" x14ac:dyDescent="0.25">
      <c r="F1510">
        <v>24.950000000000003</v>
      </c>
      <c r="G1510">
        <v>4.5567926993256052</v>
      </c>
      <c r="AC1510">
        <v>7.7333330000000018</v>
      </c>
      <c r="AD1510">
        <v>86.033332999999999</v>
      </c>
      <c r="AE1510">
        <v>8.6075900000000001</v>
      </c>
      <c r="AF1510">
        <v>4.2571602087858755</v>
      </c>
    </row>
    <row r="1511" spans="4:32" x14ac:dyDescent="0.25">
      <c r="F1511">
        <v>24.966667000000001</v>
      </c>
      <c r="G1511">
        <v>4.5567926993256052</v>
      </c>
      <c r="AC1511">
        <v>7.75</v>
      </c>
      <c r="AD1511">
        <v>86.05</v>
      </c>
      <c r="AE1511">
        <v>8.6076580000000007</v>
      </c>
      <c r="AF1511">
        <v>4.2579838408239095</v>
      </c>
    </row>
    <row r="1512" spans="4:32" x14ac:dyDescent="0.25">
      <c r="F1512">
        <v>24.983333000000002</v>
      </c>
      <c r="G1512">
        <v>4.5572045153446323</v>
      </c>
      <c r="AC1512">
        <v>7.7666669999999982</v>
      </c>
      <c r="AD1512">
        <v>86.066666999999995</v>
      </c>
      <c r="AE1512">
        <v>8.6076910000000009</v>
      </c>
      <c r="AF1512">
        <v>4.2583835446070717</v>
      </c>
    </row>
    <row r="1513" spans="4:32" x14ac:dyDescent="0.25">
      <c r="F1513">
        <v>25</v>
      </c>
      <c r="G1513">
        <v>4.5572045153446323</v>
      </c>
      <c r="AC1513">
        <v>7.7833329999999989</v>
      </c>
      <c r="AD1513">
        <v>86.083332999999996</v>
      </c>
      <c r="AE1513">
        <v>8.6077250000000003</v>
      </c>
      <c r="AF1513">
        <v>4.2587953606260784</v>
      </c>
    </row>
    <row r="1514" spans="4:32" x14ac:dyDescent="0.25">
      <c r="F1514">
        <v>25.016666999999998</v>
      </c>
      <c r="G1514">
        <v>4.5572045153446323</v>
      </c>
      <c r="AC1514">
        <v>7.7999999999999972</v>
      </c>
      <c r="AD1514">
        <v>86.1</v>
      </c>
      <c r="AE1514">
        <v>8.6077919999999999</v>
      </c>
      <c r="AF1514">
        <v>4.2596068804282456</v>
      </c>
    </row>
    <row r="1515" spans="4:32" x14ac:dyDescent="0.25">
      <c r="F1515">
        <v>25.033332999999999</v>
      </c>
      <c r="G1515">
        <v>4.5576042191277946</v>
      </c>
      <c r="AC1515">
        <v>7.8166670000000096</v>
      </c>
      <c r="AD1515">
        <v>86.116667000000007</v>
      </c>
      <c r="AE1515">
        <v>8.6078259999999993</v>
      </c>
      <c r="AF1515">
        <v>4.2600186964472524</v>
      </c>
    </row>
    <row r="1516" spans="4:32" x14ac:dyDescent="0.25">
      <c r="F1516">
        <v>25.049999999999997</v>
      </c>
      <c r="G1516">
        <v>4.5576042191277946</v>
      </c>
      <c r="AC1516">
        <v>7.8333329999999961</v>
      </c>
      <c r="AD1516">
        <v>86.133332999999993</v>
      </c>
      <c r="AE1516">
        <v>8.6078930000000007</v>
      </c>
      <c r="AF1516">
        <v>4.2608302162494427</v>
      </c>
    </row>
    <row r="1517" spans="4:32" x14ac:dyDescent="0.25">
      <c r="F1517">
        <v>25.06666700000001</v>
      </c>
      <c r="G1517">
        <v>4.5576042191277946</v>
      </c>
      <c r="AC1517">
        <v>7.8500000000000085</v>
      </c>
      <c r="AD1517">
        <v>86.15</v>
      </c>
      <c r="AE1517">
        <v>8.6079600000000003</v>
      </c>
      <c r="AF1517">
        <v>4.2616417360516108</v>
      </c>
    </row>
    <row r="1518" spans="4:32" x14ac:dyDescent="0.25">
      <c r="F1518">
        <v>25.083332999999996</v>
      </c>
      <c r="G1518">
        <v>4.5580160351468013</v>
      </c>
      <c r="AC1518">
        <v>7.8666670000000067</v>
      </c>
      <c r="AD1518">
        <v>86.166667000000004</v>
      </c>
      <c r="AE1518">
        <v>8.6079939999999997</v>
      </c>
      <c r="AF1518">
        <v>4.2620535520706175</v>
      </c>
    </row>
    <row r="1519" spans="4:32" x14ac:dyDescent="0.25">
      <c r="F1519">
        <v>25.100000000000009</v>
      </c>
      <c r="G1519">
        <v>4.5580160351468013</v>
      </c>
      <c r="AC1519">
        <v>7.8833330000000075</v>
      </c>
      <c r="AD1519">
        <v>86.183333000000005</v>
      </c>
      <c r="AE1519">
        <v>8.6080609999999993</v>
      </c>
      <c r="AF1519">
        <v>4.2628650718727856</v>
      </c>
    </row>
    <row r="1520" spans="4:32" x14ac:dyDescent="0.25">
      <c r="F1520">
        <v>25.116667000000007</v>
      </c>
      <c r="G1520">
        <v>4.5580160351468013</v>
      </c>
      <c r="AC1520">
        <v>7.9000000000000057</v>
      </c>
      <c r="AD1520">
        <v>86.2</v>
      </c>
      <c r="AE1520">
        <v>8.6080950000000005</v>
      </c>
      <c r="AF1520">
        <v>4.2632768878918137</v>
      </c>
    </row>
    <row r="1521" spans="6:32" x14ac:dyDescent="0.25">
      <c r="F1521">
        <v>25.133333000000007</v>
      </c>
      <c r="G1521">
        <v>4.5584278511658072</v>
      </c>
      <c r="AC1521">
        <v>7.9166670000000039</v>
      </c>
      <c r="AD1521">
        <v>86.216667000000001</v>
      </c>
      <c r="AE1521">
        <v>8.6081289999999999</v>
      </c>
      <c r="AF1521">
        <v>4.2636887039108196</v>
      </c>
    </row>
    <row r="1522" spans="6:32" x14ac:dyDescent="0.25">
      <c r="F1522">
        <v>25.150000000000006</v>
      </c>
      <c r="G1522">
        <v>4.5584278511658072</v>
      </c>
      <c r="AC1522">
        <v>7.9333330000000046</v>
      </c>
      <c r="AD1522">
        <v>86.233333000000002</v>
      </c>
      <c r="AE1522">
        <v>8.6081959999999995</v>
      </c>
      <c r="AF1522">
        <v>4.2645002237129876</v>
      </c>
    </row>
    <row r="1523" spans="6:32" x14ac:dyDescent="0.25">
      <c r="F1523">
        <v>25.166667000000004</v>
      </c>
      <c r="G1523">
        <v>4.5584278511658072</v>
      </c>
      <c r="AC1523">
        <v>7.9500000000000028</v>
      </c>
      <c r="AD1523">
        <v>86.25</v>
      </c>
      <c r="AE1523">
        <v>8.6082300000000007</v>
      </c>
      <c r="AF1523">
        <v>4.2649120397320157</v>
      </c>
    </row>
    <row r="1524" spans="6:32" x14ac:dyDescent="0.25">
      <c r="F1524">
        <v>25.183333000000005</v>
      </c>
      <c r="G1524">
        <v>4.5588275549489694</v>
      </c>
      <c r="AC1524">
        <v>7.9666670000000011</v>
      </c>
      <c r="AD1524">
        <v>86.266666999999998</v>
      </c>
      <c r="AE1524">
        <v>8.6082970000000003</v>
      </c>
      <c r="AF1524">
        <v>4.2657235595341838</v>
      </c>
    </row>
    <row r="1525" spans="6:32" x14ac:dyDescent="0.25">
      <c r="F1525">
        <v>25.200000000000003</v>
      </c>
      <c r="G1525">
        <v>4.5588275549489694</v>
      </c>
      <c r="AC1525">
        <v>7.9833330000000018</v>
      </c>
      <c r="AD1525">
        <v>86.283332999999999</v>
      </c>
      <c r="AE1525">
        <v>8.6083309999999997</v>
      </c>
      <c r="AF1525">
        <v>4.2661353755531906</v>
      </c>
    </row>
    <row r="1526" spans="6:32" x14ac:dyDescent="0.25">
      <c r="F1526">
        <v>25.216667000000001</v>
      </c>
      <c r="G1526">
        <v>4.5588275549489694</v>
      </c>
      <c r="AC1526">
        <v>8</v>
      </c>
      <c r="AD1526">
        <v>86.3</v>
      </c>
      <c r="AE1526">
        <v>8.6083979999999993</v>
      </c>
      <c r="AF1526">
        <v>4.2669468953553595</v>
      </c>
    </row>
    <row r="1527" spans="6:32" x14ac:dyDescent="0.25">
      <c r="F1527">
        <v>25.233333000000002</v>
      </c>
      <c r="G1527">
        <v>4.5588275549489694</v>
      </c>
      <c r="AC1527">
        <v>8.0166669999999982</v>
      </c>
      <c r="AD1527">
        <v>86.316666999999995</v>
      </c>
      <c r="AE1527">
        <v>8.6084320000000005</v>
      </c>
      <c r="AF1527">
        <v>4.2673587113743867</v>
      </c>
    </row>
    <row r="1528" spans="6:32" x14ac:dyDescent="0.25">
      <c r="F1528">
        <v>25.25</v>
      </c>
      <c r="G1528">
        <v>4.5592393709679753</v>
      </c>
      <c r="AC1528">
        <v>8.0333329999999989</v>
      </c>
      <c r="AD1528">
        <v>86.333332999999996</v>
      </c>
      <c r="AE1528">
        <v>8.6084650000000007</v>
      </c>
      <c r="AF1528">
        <v>4.2677584151575489</v>
      </c>
    </row>
    <row r="1529" spans="6:32" x14ac:dyDescent="0.25">
      <c r="F1529">
        <v>25.266666999999998</v>
      </c>
      <c r="G1529">
        <v>4.5592393709679753</v>
      </c>
      <c r="AC1529">
        <v>8.0499999999999972</v>
      </c>
      <c r="AD1529">
        <v>86.35</v>
      </c>
      <c r="AE1529">
        <v>8.6085329999999995</v>
      </c>
      <c r="AF1529">
        <v>4.2685820471955616</v>
      </c>
    </row>
    <row r="1530" spans="6:32" x14ac:dyDescent="0.25">
      <c r="F1530">
        <v>25.283332999999999</v>
      </c>
      <c r="G1530">
        <v>4.5592393709679753</v>
      </c>
      <c r="AC1530">
        <v>8.0666670000000096</v>
      </c>
      <c r="AD1530">
        <v>86.366667000000007</v>
      </c>
      <c r="AE1530">
        <v>8.6085659999999997</v>
      </c>
      <c r="AF1530">
        <v>4.2689817509787238</v>
      </c>
    </row>
    <row r="1531" spans="6:32" x14ac:dyDescent="0.25">
      <c r="F1531">
        <v>25.299999999999997</v>
      </c>
      <c r="G1531">
        <v>4.5592393709679753</v>
      </c>
      <c r="AC1531">
        <v>8.0833329999999961</v>
      </c>
      <c r="AD1531">
        <v>86.383332999999993</v>
      </c>
      <c r="AE1531">
        <v>8.6086340000000003</v>
      </c>
      <c r="AF1531">
        <v>4.2698053830167577</v>
      </c>
    </row>
    <row r="1532" spans="6:32" x14ac:dyDescent="0.25">
      <c r="F1532">
        <v>25.31666700000001</v>
      </c>
      <c r="G1532">
        <v>4.5596390747511375</v>
      </c>
      <c r="AC1532">
        <v>8.1000000000000085</v>
      </c>
      <c r="AD1532">
        <v>86.4</v>
      </c>
      <c r="AE1532">
        <v>8.6086670000000005</v>
      </c>
      <c r="AF1532">
        <v>4.2702050867999199</v>
      </c>
    </row>
    <row r="1533" spans="6:32" x14ac:dyDescent="0.25">
      <c r="F1533">
        <v>25.333332999999996</v>
      </c>
      <c r="G1533">
        <v>4.5596390747511375</v>
      </c>
      <c r="AC1533">
        <v>8.1166670000000067</v>
      </c>
      <c r="AD1533">
        <v>86.416667000000004</v>
      </c>
      <c r="AE1533">
        <v>8.6087349999999994</v>
      </c>
      <c r="AF1533">
        <v>4.2710287188379326</v>
      </c>
    </row>
    <row r="1534" spans="6:32" x14ac:dyDescent="0.25">
      <c r="F1534">
        <v>25.350000000000009</v>
      </c>
      <c r="G1534">
        <v>4.5596390747511375</v>
      </c>
      <c r="AC1534">
        <v>8.1333330000000075</v>
      </c>
      <c r="AD1534">
        <v>86.433333000000005</v>
      </c>
      <c r="AE1534">
        <v>8.6087679999999995</v>
      </c>
      <c r="AF1534">
        <v>4.2714284226210948</v>
      </c>
    </row>
    <row r="1535" spans="6:32" x14ac:dyDescent="0.25">
      <c r="F1535">
        <v>25.366667000000007</v>
      </c>
      <c r="G1535">
        <v>4.5600508907701656</v>
      </c>
      <c r="AC1535">
        <v>8.1500000000000057</v>
      </c>
      <c r="AD1535">
        <v>86.45</v>
      </c>
      <c r="AE1535">
        <v>8.6088360000000002</v>
      </c>
      <c r="AF1535">
        <v>4.2722520546591287</v>
      </c>
    </row>
    <row r="1536" spans="6:32" x14ac:dyDescent="0.25">
      <c r="F1536">
        <v>25.383333000000007</v>
      </c>
      <c r="G1536">
        <v>4.5600508907701656</v>
      </c>
      <c r="AC1536">
        <v>8.1666670000000039</v>
      </c>
      <c r="AD1536">
        <v>86.466667000000001</v>
      </c>
      <c r="AE1536">
        <v>8.6088690000000003</v>
      </c>
      <c r="AF1536">
        <v>4.2726517584422901</v>
      </c>
    </row>
    <row r="1537" spans="6:32" x14ac:dyDescent="0.25">
      <c r="F1537">
        <v>25.400000000000006</v>
      </c>
      <c r="G1537">
        <v>4.5600508907701656</v>
      </c>
      <c r="AC1537">
        <v>8.1833330000000046</v>
      </c>
      <c r="AD1537">
        <v>86.483333000000002</v>
      </c>
      <c r="AE1537">
        <v>8.6089369999999992</v>
      </c>
      <c r="AF1537">
        <v>4.2734753904803036</v>
      </c>
    </row>
    <row r="1538" spans="6:32" x14ac:dyDescent="0.25">
      <c r="F1538">
        <v>25.416667000000004</v>
      </c>
      <c r="G1538">
        <v>4.5604627067891714</v>
      </c>
      <c r="AC1538">
        <v>8.2000000000000028</v>
      </c>
      <c r="AD1538">
        <v>86.5</v>
      </c>
      <c r="AE1538">
        <v>8.6090040000000005</v>
      </c>
      <c r="AF1538">
        <v>4.274286910282493</v>
      </c>
    </row>
    <row r="1539" spans="6:32" x14ac:dyDescent="0.25">
      <c r="F1539">
        <v>25.433333000000005</v>
      </c>
      <c r="G1539">
        <v>4.5604627067891714</v>
      </c>
      <c r="AC1539">
        <v>8.2166670000000011</v>
      </c>
      <c r="AD1539">
        <v>86.516666999999998</v>
      </c>
      <c r="AE1539">
        <v>8.6090370000000007</v>
      </c>
      <c r="AF1539">
        <v>4.2746866140656552</v>
      </c>
    </row>
    <row r="1540" spans="6:32" x14ac:dyDescent="0.25">
      <c r="F1540">
        <v>25.450000000000003</v>
      </c>
      <c r="G1540">
        <v>4.5608624105723337</v>
      </c>
      <c r="AC1540">
        <v>8.2333330000000018</v>
      </c>
      <c r="AD1540">
        <v>86.533332999999999</v>
      </c>
      <c r="AE1540">
        <v>8.6091049999999996</v>
      </c>
      <c r="AF1540">
        <v>4.2755102461036678</v>
      </c>
    </row>
    <row r="1541" spans="6:32" x14ac:dyDescent="0.25">
      <c r="F1541">
        <v>25.466667000000001</v>
      </c>
      <c r="G1541">
        <v>4.5608624105723337</v>
      </c>
      <c r="AC1541">
        <v>8.25</v>
      </c>
      <c r="AD1541">
        <v>86.55</v>
      </c>
      <c r="AE1541">
        <v>8.6091379999999997</v>
      </c>
      <c r="AF1541">
        <v>4.27590994988683</v>
      </c>
    </row>
    <row r="1542" spans="6:32" x14ac:dyDescent="0.25">
      <c r="F1542">
        <v>25.483333000000002</v>
      </c>
      <c r="G1542">
        <v>4.5608624105723337</v>
      </c>
      <c r="AC1542">
        <v>8.2666669999999982</v>
      </c>
      <c r="AD1542">
        <v>86.566666999999995</v>
      </c>
      <c r="AE1542">
        <v>8.6092060000000004</v>
      </c>
      <c r="AF1542">
        <v>4.276733581924864</v>
      </c>
    </row>
    <row r="1543" spans="6:32" x14ac:dyDescent="0.25">
      <c r="F1543">
        <v>25.5</v>
      </c>
      <c r="G1543">
        <v>4.5612742265913404</v>
      </c>
      <c r="AC1543">
        <v>8.2833329999999989</v>
      </c>
      <c r="AD1543">
        <v>86.583332999999996</v>
      </c>
      <c r="AE1543">
        <v>8.6092390000000005</v>
      </c>
      <c r="AF1543">
        <v>4.2771332857080262</v>
      </c>
    </row>
    <row r="1544" spans="6:32" x14ac:dyDescent="0.25">
      <c r="F1544">
        <v>25.516666999999998</v>
      </c>
      <c r="G1544">
        <v>4.5612742265913404</v>
      </c>
      <c r="AC1544">
        <v>8.2999999999999972</v>
      </c>
      <c r="AD1544">
        <v>86.6</v>
      </c>
      <c r="AE1544">
        <v>8.6093069999999994</v>
      </c>
      <c r="AF1544">
        <v>4.2779569177460388</v>
      </c>
    </row>
    <row r="1545" spans="6:32" x14ac:dyDescent="0.25">
      <c r="F1545">
        <v>25.533332999999999</v>
      </c>
      <c r="G1545">
        <v>4.5612742265913404</v>
      </c>
      <c r="AC1545">
        <v>8.3166670000000096</v>
      </c>
      <c r="AD1545">
        <v>86.616667000000007</v>
      </c>
      <c r="AE1545">
        <v>8.6093399999999995</v>
      </c>
      <c r="AF1545">
        <v>4.278356621529201</v>
      </c>
    </row>
    <row r="1546" spans="6:32" x14ac:dyDescent="0.25">
      <c r="F1546">
        <v>25.549999999999997</v>
      </c>
      <c r="G1546">
        <v>4.5616860426103685</v>
      </c>
      <c r="AC1546">
        <v>8.3333329999999961</v>
      </c>
      <c r="AD1546">
        <v>86.633332999999993</v>
      </c>
      <c r="AE1546">
        <v>8.6094080000000002</v>
      </c>
      <c r="AF1546">
        <v>4.279180253567235</v>
      </c>
    </row>
    <row r="1547" spans="6:32" x14ac:dyDescent="0.25">
      <c r="F1547">
        <v>25.56666700000001</v>
      </c>
      <c r="G1547">
        <v>4.5616860426103685</v>
      </c>
      <c r="AC1547">
        <v>8.3500000000000085</v>
      </c>
      <c r="AD1547">
        <v>86.65</v>
      </c>
      <c r="AE1547">
        <v>8.6094410000000003</v>
      </c>
      <c r="AF1547">
        <v>4.2795799573503972</v>
      </c>
    </row>
    <row r="1548" spans="6:32" x14ac:dyDescent="0.25">
      <c r="F1548">
        <v>25.583332999999996</v>
      </c>
      <c r="G1548">
        <v>4.5616860426103685</v>
      </c>
      <c r="AC1548">
        <v>8.3666670000000067</v>
      </c>
      <c r="AD1548">
        <v>86.666667000000004</v>
      </c>
      <c r="AE1548">
        <v>8.6094749999999998</v>
      </c>
      <c r="AF1548">
        <v>4.279991773369404</v>
      </c>
    </row>
    <row r="1549" spans="6:32" x14ac:dyDescent="0.25">
      <c r="F1549">
        <v>25.600000000000009</v>
      </c>
      <c r="G1549">
        <v>4.5620857463935085</v>
      </c>
      <c r="AC1549">
        <v>8.3833330000000075</v>
      </c>
      <c r="AD1549">
        <v>86.683333000000005</v>
      </c>
      <c r="AE1549">
        <v>8.6095419999999994</v>
      </c>
      <c r="AF1549">
        <v>4.2808032931715712</v>
      </c>
    </row>
    <row r="1550" spans="6:32" x14ac:dyDescent="0.25">
      <c r="F1550">
        <v>25.616667000000007</v>
      </c>
      <c r="G1550">
        <v>4.5620857463935085</v>
      </c>
      <c r="AC1550">
        <v>8.4000000000000057</v>
      </c>
      <c r="AD1550">
        <v>86.7</v>
      </c>
      <c r="AE1550">
        <v>8.6095760000000006</v>
      </c>
      <c r="AF1550">
        <v>4.2812151091905992</v>
      </c>
    </row>
    <row r="1551" spans="6:32" x14ac:dyDescent="0.25">
      <c r="F1551">
        <v>25.633333000000007</v>
      </c>
      <c r="G1551">
        <v>4.5620857463935085</v>
      </c>
      <c r="AC1551">
        <v>8.4166670000000039</v>
      </c>
      <c r="AD1551">
        <v>86.716667000000001</v>
      </c>
      <c r="AE1551">
        <v>8.6096430000000002</v>
      </c>
      <c r="AF1551">
        <v>4.2820266289927682</v>
      </c>
    </row>
    <row r="1552" spans="6:32" x14ac:dyDescent="0.25">
      <c r="F1552">
        <v>25.650000000000006</v>
      </c>
      <c r="G1552">
        <v>4.5624975624125357</v>
      </c>
      <c r="AC1552">
        <v>8.4333330000000046</v>
      </c>
      <c r="AD1552">
        <v>86.733333000000002</v>
      </c>
      <c r="AE1552">
        <v>8.6096769999999996</v>
      </c>
      <c r="AF1552">
        <v>4.2824384450117741</v>
      </c>
    </row>
    <row r="1553" spans="6:32" x14ac:dyDescent="0.25">
      <c r="F1553">
        <v>25.666667000000004</v>
      </c>
      <c r="G1553">
        <v>4.5624975624125357</v>
      </c>
      <c r="AC1553">
        <v>8.4500000000000028</v>
      </c>
      <c r="AD1553">
        <v>86.75</v>
      </c>
      <c r="AE1553">
        <v>8.6097110000000008</v>
      </c>
      <c r="AF1553">
        <v>4.2828502610308021</v>
      </c>
    </row>
    <row r="1554" spans="6:32" x14ac:dyDescent="0.25">
      <c r="F1554">
        <v>25.683333000000005</v>
      </c>
      <c r="G1554">
        <v>4.5629093784315424</v>
      </c>
      <c r="AC1554">
        <v>8.4666670000000011</v>
      </c>
      <c r="AD1554">
        <v>86.766666999999998</v>
      </c>
      <c r="AE1554">
        <v>8.6097780000000004</v>
      </c>
      <c r="AF1554">
        <v>4.2836617808329702</v>
      </c>
    </row>
    <row r="1555" spans="6:32" x14ac:dyDescent="0.25">
      <c r="F1555">
        <v>25.700000000000003</v>
      </c>
      <c r="G1555">
        <v>4.5629093784315424</v>
      </c>
      <c r="AC1555">
        <v>8.4833330000000018</v>
      </c>
      <c r="AD1555">
        <v>86.783332999999999</v>
      </c>
      <c r="AE1555">
        <v>8.6098119999999998</v>
      </c>
      <c r="AF1555">
        <v>4.284073596851977</v>
      </c>
    </row>
    <row r="1556" spans="6:32" x14ac:dyDescent="0.25">
      <c r="F1556">
        <v>25.716667000000001</v>
      </c>
      <c r="G1556">
        <v>4.5629093784315424</v>
      </c>
      <c r="AC1556">
        <v>8.5</v>
      </c>
      <c r="AD1556">
        <v>86.8</v>
      </c>
      <c r="AE1556">
        <v>8.609845</v>
      </c>
      <c r="AF1556">
        <v>4.2844733006351383</v>
      </c>
    </row>
    <row r="1557" spans="6:32" x14ac:dyDescent="0.25">
      <c r="F1557">
        <v>25.733333000000002</v>
      </c>
      <c r="G1557">
        <v>4.5633090822147047</v>
      </c>
      <c r="AC1557">
        <v>8.5166669999999982</v>
      </c>
      <c r="AD1557">
        <v>86.816666999999995</v>
      </c>
      <c r="AE1557">
        <v>8.6099130000000006</v>
      </c>
      <c r="AF1557">
        <v>4.2852969326731731</v>
      </c>
    </row>
    <row r="1558" spans="6:32" x14ac:dyDescent="0.25">
      <c r="F1558">
        <v>25.75</v>
      </c>
      <c r="G1558">
        <v>4.5633090822147047</v>
      </c>
      <c r="AC1558">
        <v>8.5333329999999989</v>
      </c>
      <c r="AD1558">
        <v>86.833332999999996</v>
      </c>
      <c r="AE1558">
        <v>8.6099460000000008</v>
      </c>
      <c r="AF1558">
        <v>4.2856966364563345</v>
      </c>
    </row>
    <row r="1559" spans="6:32" x14ac:dyDescent="0.25">
      <c r="F1559">
        <v>25.766666999999998</v>
      </c>
      <c r="G1559">
        <v>4.5633090822147047</v>
      </c>
      <c r="AC1559">
        <v>8.5499999999999972</v>
      </c>
      <c r="AD1559">
        <v>86.85</v>
      </c>
      <c r="AE1559">
        <v>8.6099800000000002</v>
      </c>
      <c r="AF1559">
        <v>4.2861084524753412</v>
      </c>
    </row>
    <row r="1560" spans="6:32" x14ac:dyDescent="0.25">
      <c r="F1560">
        <v>25.783332999999999</v>
      </c>
      <c r="G1560">
        <v>4.5633090822147047</v>
      </c>
      <c r="AC1560">
        <v>8.5666670000000096</v>
      </c>
      <c r="AD1560">
        <v>86.866667000000007</v>
      </c>
      <c r="AE1560">
        <v>8.6100469999999998</v>
      </c>
      <c r="AF1560">
        <v>4.2869199722775102</v>
      </c>
    </row>
    <row r="1561" spans="6:32" x14ac:dyDescent="0.25">
      <c r="F1561">
        <v>25.799999999999997</v>
      </c>
      <c r="G1561">
        <v>4.5637208982337114</v>
      </c>
      <c r="AC1561">
        <v>8.5833329999999961</v>
      </c>
      <c r="AD1561">
        <v>86.883332999999993</v>
      </c>
      <c r="AE1561">
        <v>8.6100809999999992</v>
      </c>
      <c r="AF1561">
        <v>4.2873317882965161</v>
      </c>
    </row>
    <row r="1562" spans="6:32" x14ac:dyDescent="0.25">
      <c r="F1562">
        <v>25.81666700000001</v>
      </c>
      <c r="G1562">
        <v>4.5637208982337114</v>
      </c>
      <c r="AC1562">
        <v>8.6000000000000085</v>
      </c>
      <c r="AD1562">
        <v>86.9</v>
      </c>
      <c r="AE1562">
        <v>8.6101139999999994</v>
      </c>
      <c r="AF1562">
        <v>4.2877314920796783</v>
      </c>
    </row>
    <row r="1563" spans="6:32" x14ac:dyDescent="0.25">
      <c r="F1563">
        <v>25.833332999999996</v>
      </c>
      <c r="G1563">
        <v>4.5637208982337114</v>
      </c>
      <c r="AC1563">
        <v>8.6166670000000067</v>
      </c>
      <c r="AD1563">
        <v>86.916667000000004</v>
      </c>
      <c r="AE1563">
        <v>8.610182</v>
      </c>
      <c r="AF1563">
        <v>4.2885551241177122</v>
      </c>
    </row>
    <row r="1564" spans="6:32" x14ac:dyDescent="0.25">
      <c r="F1564">
        <v>25.850000000000009</v>
      </c>
      <c r="G1564">
        <v>4.5637208982337114</v>
      </c>
      <c r="AC1564">
        <v>8.6333330000000075</v>
      </c>
      <c r="AD1564">
        <v>86.933333000000005</v>
      </c>
      <c r="AE1564">
        <v>8.6102150000000002</v>
      </c>
      <c r="AF1564">
        <v>4.2889548279008745</v>
      </c>
    </row>
    <row r="1565" spans="6:32" x14ac:dyDescent="0.25">
      <c r="F1565">
        <v>25.866667000000007</v>
      </c>
      <c r="G1565">
        <v>4.5637208982337114</v>
      </c>
      <c r="AC1565">
        <v>8.6500000000000057</v>
      </c>
      <c r="AD1565">
        <v>86.95</v>
      </c>
      <c r="AE1565">
        <v>8.6102489999999996</v>
      </c>
      <c r="AF1565">
        <v>4.2893666439198803</v>
      </c>
    </row>
    <row r="1566" spans="6:32" x14ac:dyDescent="0.25">
      <c r="F1566">
        <v>25.883333000000007</v>
      </c>
      <c r="G1566">
        <v>4.5641327142527386</v>
      </c>
      <c r="AC1566">
        <v>8.6666670000000039</v>
      </c>
      <c r="AD1566">
        <v>86.966667000000001</v>
      </c>
      <c r="AE1566">
        <v>8.6102830000000008</v>
      </c>
      <c r="AF1566">
        <v>4.2897784599389084</v>
      </c>
    </row>
    <row r="1567" spans="6:32" x14ac:dyDescent="0.25">
      <c r="F1567">
        <v>25.900000000000006</v>
      </c>
      <c r="G1567">
        <v>4.5641327142527386</v>
      </c>
      <c r="AC1567">
        <v>8.6833330000000046</v>
      </c>
      <c r="AD1567">
        <v>86.983333000000002</v>
      </c>
      <c r="AE1567">
        <v>8.6103500000000004</v>
      </c>
      <c r="AF1567">
        <v>4.2905899797410765</v>
      </c>
    </row>
    <row r="1568" spans="6:32" x14ac:dyDescent="0.25">
      <c r="F1568">
        <v>25.916667000000004</v>
      </c>
      <c r="G1568">
        <v>4.5641327142527386</v>
      </c>
      <c r="AC1568">
        <v>8.7000000000000028</v>
      </c>
      <c r="AD1568">
        <v>87</v>
      </c>
      <c r="AE1568">
        <v>8.6103839999999998</v>
      </c>
      <c r="AF1568">
        <v>4.2910017957600832</v>
      </c>
    </row>
    <row r="1569" spans="6:32" x14ac:dyDescent="0.25">
      <c r="F1569">
        <v>25.933333000000005</v>
      </c>
      <c r="G1569">
        <v>4.5641327142527386</v>
      </c>
      <c r="AC1569">
        <v>8.7166670000000011</v>
      </c>
      <c r="AD1569">
        <v>87.016666999999998</v>
      </c>
      <c r="AE1569">
        <v>8.610417</v>
      </c>
      <c r="AF1569">
        <v>4.2914014995432455</v>
      </c>
    </row>
    <row r="1570" spans="6:32" x14ac:dyDescent="0.25">
      <c r="F1570">
        <v>25.950000000000003</v>
      </c>
      <c r="G1570">
        <v>4.5645324180359008</v>
      </c>
      <c r="AC1570">
        <v>8.7333330000000018</v>
      </c>
      <c r="AD1570">
        <v>87.033332999999999</v>
      </c>
      <c r="AE1570">
        <v>8.6104850000000006</v>
      </c>
      <c r="AF1570">
        <v>4.2922251315812794</v>
      </c>
    </row>
    <row r="1571" spans="6:32" x14ac:dyDescent="0.25">
      <c r="F1571">
        <v>25.966667000000001</v>
      </c>
      <c r="G1571">
        <v>4.5645324180359008</v>
      </c>
      <c r="AC1571">
        <v>8.75</v>
      </c>
      <c r="AD1571">
        <v>87.05</v>
      </c>
      <c r="AE1571">
        <v>8.6105180000000008</v>
      </c>
      <c r="AF1571">
        <v>4.2926248353644416</v>
      </c>
    </row>
    <row r="1572" spans="6:32" x14ac:dyDescent="0.25">
      <c r="F1572">
        <v>25.983333000000002</v>
      </c>
      <c r="G1572">
        <v>4.5645324180359008</v>
      </c>
      <c r="AC1572">
        <v>8.7666669999999982</v>
      </c>
      <c r="AD1572">
        <v>87.066666999999995</v>
      </c>
      <c r="AE1572">
        <v>8.6105520000000002</v>
      </c>
      <c r="AF1572">
        <v>4.2930366513834484</v>
      </c>
    </row>
    <row r="1573" spans="6:32" x14ac:dyDescent="0.25">
      <c r="F1573">
        <v>26</v>
      </c>
      <c r="G1573">
        <v>4.5649442340549076</v>
      </c>
      <c r="AC1573">
        <v>8.7833329999999989</v>
      </c>
      <c r="AD1573">
        <v>87.083332999999996</v>
      </c>
      <c r="AE1573">
        <v>8.6106189999999998</v>
      </c>
      <c r="AF1573">
        <v>4.2938481711856156</v>
      </c>
    </row>
    <row r="1574" spans="6:32" x14ac:dyDescent="0.25">
      <c r="F1574">
        <v>26.016666999999998</v>
      </c>
      <c r="G1574">
        <v>4.5649442340549076</v>
      </c>
      <c r="AC1574">
        <v>8.7999999999999972</v>
      </c>
      <c r="AD1574">
        <v>87.1</v>
      </c>
      <c r="AE1574">
        <v>8.6106529999999992</v>
      </c>
      <c r="AF1574">
        <v>4.2942599872046223</v>
      </c>
    </row>
    <row r="1575" spans="6:32" x14ac:dyDescent="0.25">
      <c r="F1575">
        <v>26.033332999999999</v>
      </c>
      <c r="G1575">
        <v>4.5653560500739134</v>
      </c>
      <c r="AC1575">
        <v>8.8166670000000096</v>
      </c>
      <c r="AD1575">
        <v>87.116667000000007</v>
      </c>
      <c r="AE1575">
        <v>8.6106870000000004</v>
      </c>
      <c r="AF1575">
        <v>4.2946718032236504</v>
      </c>
    </row>
    <row r="1576" spans="6:32" x14ac:dyDescent="0.25">
      <c r="F1576">
        <v>26.049999999999997</v>
      </c>
      <c r="G1576">
        <v>4.5653560500739134</v>
      </c>
      <c r="AC1576">
        <v>8.8333329999999961</v>
      </c>
      <c r="AD1576">
        <v>87.133332999999993</v>
      </c>
      <c r="AE1576">
        <v>8.610754</v>
      </c>
      <c r="AF1576">
        <v>4.2954833230258185</v>
      </c>
    </row>
    <row r="1577" spans="6:32" x14ac:dyDescent="0.25">
      <c r="F1577">
        <v>26.06666700000001</v>
      </c>
      <c r="G1577">
        <v>4.5653560500739134</v>
      </c>
      <c r="AC1577">
        <v>8.8500000000000085</v>
      </c>
      <c r="AD1577">
        <v>87.15</v>
      </c>
      <c r="AE1577">
        <v>8.6107879999999994</v>
      </c>
      <c r="AF1577">
        <v>4.2958951390448252</v>
      </c>
    </row>
    <row r="1578" spans="6:32" x14ac:dyDescent="0.25">
      <c r="F1578">
        <v>26.083332999999996</v>
      </c>
      <c r="G1578">
        <v>4.5657557538570757</v>
      </c>
      <c r="AC1578">
        <v>8.8666670000000067</v>
      </c>
      <c r="AD1578">
        <v>87.166667000000004</v>
      </c>
      <c r="AE1578">
        <v>8.6108209999999996</v>
      </c>
      <c r="AF1578">
        <v>4.2962948428279875</v>
      </c>
    </row>
    <row r="1579" spans="6:32" x14ac:dyDescent="0.25">
      <c r="F1579">
        <v>26.100000000000009</v>
      </c>
      <c r="G1579">
        <v>4.5657557538570757</v>
      </c>
      <c r="AC1579">
        <v>8.8833330000000075</v>
      </c>
      <c r="AD1579">
        <v>87.183333000000005</v>
      </c>
      <c r="AE1579">
        <v>8.6108890000000002</v>
      </c>
      <c r="AF1579">
        <v>4.2971184748660214</v>
      </c>
    </row>
    <row r="1580" spans="6:32" x14ac:dyDescent="0.25">
      <c r="F1580">
        <v>26.116667000000007</v>
      </c>
      <c r="G1580">
        <v>4.5661675698760815</v>
      </c>
      <c r="AC1580">
        <v>8.9000000000000057</v>
      </c>
      <c r="AD1580">
        <v>87.2</v>
      </c>
      <c r="AE1580">
        <v>8.6109220000000004</v>
      </c>
      <c r="AF1580">
        <v>4.2975181786491827</v>
      </c>
    </row>
    <row r="1581" spans="6:32" x14ac:dyDescent="0.25">
      <c r="F1581">
        <v>26.133333000000007</v>
      </c>
      <c r="G1581">
        <v>4.5661675698760815</v>
      </c>
      <c r="AC1581">
        <v>8.9166670000000039</v>
      </c>
      <c r="AD1581">
        <v>87.216667000000001</v>
      </c>
      <c r="AE1581">
        <v>8.6109559999999998</v>
      </c>
      <c r="AF1581">
        <v>4.2979299946681895</v>
      </c>
    </row>
    <row r="1582" spans="6:32" x14ac:dyDescent="0.25">
      <c r="F1582">
        <v>26.150000000000006</v>
      </c>
      <c r="G1582">
        <v>4.5661675698760815</v>
      </c>
      <c r="AC1582">
        <v>8.9333330000000046</v>
      </c>
      <c r="AD1582">
        <v>87.233333000000002</v>
      </c>
      <c r="AE1582">
        <v>8.6110229999999994</v>
      </c>
      <c r="AF1582">
        <v>4.2987415144703576</v>
      </c>
    </row>
    <row r="1583" spans="6:32" x14ac:dyDescent="0.25">
      <c r="F1583">
        <v>26.166667000000004</v>
      </c>
      <c r="G1583">
        <v>4.5661675698760815</v>
      </c>
      <c r="AC1583">
        <v>8.9500000000000028</v>
      </c>
      <c r="AD1583">
        <v>87.25</v>
      </c>
      <c r="AE1583">
        <v>8.6110570000000006</v>
      </c>
      <c r="AF1583">
        <v>4.2991533304893856</v>
      </c>
    </row>
    <row r="1584" spans="6:32" x14ac:dyDescent="0.25">
      <c r="F1584">
        <v>26.183333000000005</v>
      </c>
      <c r="G1584">
        <v>4.5665793858951105</v>
      </c>
      <c r="AC1584">
        <v>8.9666670000000011</v>
      </c>
      <c r="AD1584">
        <v>87.266666999999998</v>
      </c>
      <c r="AE1584">
        <v>8.6110910000000001</v>
      </c>
      <c r="AF1584">
        <v>4.2995651465083915</v>
      </c>
    </row>
    <row r="1585" spans="6:32" x14ac:dyDescent="0.25">
      <c r="F1585">
        <v>26.200000000000003</v>
      </c>
      <c r="G1585">
        <v>4.5665793858951105</v>
      </c>
      <c r="AC1585">
        <v>8.9833330000000018</v>
      </c>
      <c r="AD1585">
        <v>87.283332999999999</v>
      </c>
      <c r="AE1585">
        <v>8.6111579999999996</v>
      </c>
      <c r="AF1585">
        <v>4.3003766663105605</v>
      </c>
    </row>
    <row r="1586" spans="6:32" x14ac:dyDescent="0.25">
      <c r="F1586">
        <v>26.216667000000001</v>
      </c>
      <c r="G1586">
        <v>4.5665793858951105</v>
      </c>
      <c r="AC1586">
        <v>9</v>
      </c>
      <c r="AD1586">
        <v>87.3</v>
      </c>
      <c r="AE1586">
        <v>8.6111920000000008</v>
      </c>
      <c r="AF1586">
        <v>4.3007884823295885</v>
      </c>
    </row>
    <row r="1587" spans="6:32" x14ac:dyDescent="0.25">
      <c r="F1587">
        <v>26.233333000000002</v>
      </c>
      <c r="G1587">
        <v>4.5669790896782718</v>
      </c>
      <c r="AC1587">
        <v>9.0166669999999982</v>
      </c>
      <c r="AD1587">
        <v>87.316666999999995</v>
      </c>
      <c r="AE1587">
        <v>8.6112249999999992</v>
      </c>
      <c r="AF1587">
        <v>4.3011881861127286</v>
      </c>
    </row>
    <row r="1588" spans="6:32" x14ac:dyDescent="0.25">
      <c r="F1588">
        <v>26.25</v>
      </c>
      <c r="G1588">
        <v>4.5669790896782718</v>
      </c>
      <c r="AC1588">
        <v>9.0333329999999989</v>
      </c>
      <c r="AD1588">
        <v>87.333332999999996</v>
      </c>
      <c r="AE1588">
        <v>8.6112920000000006</v>
      </c>
      <c r="AF1588">
        <v>4.3019997059149189</v>
      </c>
    </row>
    <row r="1589" spans="6:32" x14ac:dyDescent="0.25">
      <c r="F1589">
        <v>26.266666999999998</v>
      </c>
      <c r="G1589">
        <v>4.5669790896782718</v>
      </c>
      <c r="AC1589">
        <v>9.0499999999999972</v>
      </c>
      <c r="AD1589">
        <v>87.35</v>
      </c>
      <c r="AE1589">
        <v>8.611326</v>
      </c>
      <c r="AF1589">
        <v>4.3024115219339247</v>
      </c>
    </row>
    <row r="1590" spans="6:32" x14ac:dyDescent="0.25">
      <c r="F1590">
        <v>26.283332999999999</v>
      </c>
      <c r="G1590">
        <v>4.5669790896782718</v>
      </c>
      <c r="AC1590">
        <v>9.0666670000000096</v>
      </c>
      <c r="AD1590">
        <v>87.366667000000007</v>
      </c>
      <c r="AE1590">
        <v>8.6113599999999995</v>
      </c>
      <c r="AF1590">
        <v>4.3028233379529315</v>
      </c>
    </row>
    <row r="1591" spans="6:32" x14ac:dyDescent="0.25">
      <c r="F1591">
        <v>26.299999999999997</v>
      </c>
      <c r="G1591">
        <v>4.5673909056972777</v>
      </c>
      <c r="AC1591">
        <v>9.0833329999999961</v>
      </c>
      <c r="AD1591">
        <v>87.383332999999993</v>
      </c>
      <c r="AE1591">
        <v>8.6114270000000008</v>
      </c>
      <c r="AF1591">
        <v>4.3036348577551209</v>
      </c>
    </row>
    <row r="1592" spans="6:32" x14ac:dyDescent="0.25">
      <c r="F1592">
        <v>26.31666700000001</v>
      </c>
      <c r="G1592">
        <v>4.5673909056972777</v>
      </c>
      <c r="AC1592">
        <v>9.1000000000000085</v>
      </c>
      <c r="AD1592">
        <v>87.4</v>
      </c>
      <c r="AE1592">
        <v>8.6114610000000003</v>
      </c>
      <c r="AF1592">
        <v>4.3040466737741276</v>
      </c>
    </row>
    <row r="1593" spans="6:32" x14ac:dyDescent="0.25">
      <c r="F1593">
        <v>26.333332999999996</v>
      </c>
      <c r="G1593">
        <v>4.5673909056972777</v>
      </c>
      <c r="AC1593">
        <v>9.1166670000000067</v>
      </c>
      <c r="AD1593">
        <v>87.416667000000004</v>
      </c>
      <c r="AE1593">
        <v>8.6114940000000004</v>
      </c>
      <c r="AF1593">
        <v>4.3044463775572899</v>
      </c>
    </row>
    <row r="1594" spans="6:32" x14ac:dyDescent="0.25">
      <c r="F1594">
        <v>26.350000000000009</v>
      </c>
      <c r="G1594">
        <v>4.5678027217162844</v>
      </c>
      <c r="AC1594">
        <v>9.1333330000000075</v>
      </c>
      <c r="AD1594">
        <v>87.433333000000005</v>
      </c>
      <c r="AE1594">
        <v>8.6115279999999998</v>
      </c>
      <c r="AF1594">
        <v>4.3048581935762957</v>
      </c>
    </row>
    <row r="1595" spans="6:32" x14ac:dyDescent="0.25">
      <c r="F1595">
        <v>26.366667000000007</v>
      </c>
      <c r="G1595">
        <v>4.5678027217162844</v>
      </c>
      <c r="AC1595">
        <v>9.1500000000000057</v>
      </c>
      <c r="AD1595">
        <v>87.45</v>
      </c>
      <c r="AE1595">
        <v>8.6115949999999994</v>
      </c>
      <c r="AF1595">
        <v>4.3056697133784638</v>
      </c>
    </row>
    <row r="1596" spans="6:32" x14ac:dyDescent="0.25">
      <c r="F1596">
        <v>26.383333000000007</v>
      </c>
      <c r="G1596">
        <v>4.5678027217162844</v>
      </c>
      <c r="AC1596">
        <v>9.1666670000000039</v>
      </c>
      <c r="AD1596">
        <v>87.466667000000001</v>
      </c>
      <c r="AE1596">
        <v>8.6116290000000006</v>
      </c>
      <c r="AF1596">
        <v>4.3060815293974919</v>
      </c>
    </row>
    <row r="1597" spans="6:32" x14ac:dyDescent="0.25">
      <c r="F1597">
        <v>26.400000000000006</v>
      </c>
      <c r="G1597">
        <v>4.5682024254994467</v>
      </c>
      <c r="AC1597">
        <v>9.1833330000000046</v>
      </c>
      <c r="AD1597">
        <v>87.483333000000002</v>
      </c>
      <c r="AE1597">
        <v>8.6116630000000001</v>
      </c>
      <c r="AF1597">
        <v>4.3064933454164986</v>
      </c>
    </row>
    <row r="1598" spans="6:32" x14ac:dyDescent="0.25">
      <c r="F1598">
        <v>26.416667000000004</v>
      </c>
      <c r="G1598">
        <v>4.5682024254994467</v>
      </c>
      <c r="AC1598">
        <v>9.2000000000000028</v>
      </c>
      <c r="AD1598">
        <v>87.5</v>
      </c>
      <c r="AE1598">
        <v>8.6116960000000002</v>
      </c>
      <c r="AF1598">
        <v>4.30689304919966</v>
      </c>
    </row>
    <row r="1599" spans="6:32" x14ac:dyDescent="0.25">
      <c r="F1599">
        <v>26.433333000000005</v>
      </c>
      <c r="G1599">
        <v>4.5682024254994467</v>
      </c>
      <c r="AC1599">
        <v>9.2166670000000011</v>
      </c>
      <c r="AD1599">
        <v>87.516666999999998</v>
      </c>
      <c r="AE1599">
        <v>8.6117299999999997</v>
      </c>
      <c r="AF1599">
        <v>4.3073048652186667</v>
      </c>
    </row>
    <row r="1600" spans="6:32" x14ac:dyDescent="0.25">
      <c r="F1600">
        <v>26.450000000000003</v>
      </c>
      <c r="G1600">
        <v>4.5686142415184747</v>
      </c>
      <c r="AC1600">
        <v>9.2333330000000018</v>
      </c>
      <c r="AD1600">
        <v>87.533332999999999</v>
      </c>
      <c r="AE1600">
        <v>8.6117640000000009</v>
      </c>
      <c r="AF1600">
        <v>4.3077166812376948</v>
      </c>
    </row>
    <row r="1601" spans="6:32" x14ac:dyDescent="0.25">
      <c r="F1601">
        <v>26.466667000000001</v>
      </c>
      <c r="G1601">
        <v>4.5686142415184747</v>
      </c>
      <c r="AC1601">
        <v>9.25</v>
      </c>
      <c r="AD1601">
        <v>87.55</v>
      </c>
      <c r="AE1601">
        <v>8.6118310000000005</v>
      </c>
      <c r="AF1601">
        <v>4.3085282010398629</v>
      </c>
    </row>
    <row r="1602" spans="6:32" x14ac:dyDescent="0.25">
      <c r="F1602">
        <v>26.483333000000002</v>
      </c>
      <c r="G1602">
        <v>4.5686142415184747</v>
      </c>
      <c r="AC1602">
        <v>9.2666669999999982</v>
      </c>
      <c r="AD1602">
        <v>87.566666999999995</v>
      </c>
      <c r="AE1602">
        <v>8.6118649999999999</v>
      </c>
      <c r="AF1602">
        <v>4.3089400170588696</v>
      </c>
    </row>
    <row r="1603" spans="6:32" x14ac:dyDescent="0.25">
      <c r="F1603">
        <v>26.5</v>
      </c>
      <c r="G1603">
        <v>4.5686142415184747</v>
      </c>
      <c r="AC1603">
        <v>9.2833329999999989</v>
      </c>
      <c r="AD1603">
        <v>87.583332999999996</v>
      </c>
      <c r="AE1603">
        <v>8.6118980000000001</v>
      </c>
      <c r="AF1603">
        <v>4.309339720842031</v>
      </c>
    </row>
    <row r="1604" spans="6:32" x14ac:dyDescent="0.25">
      <c r="F1604">
        <v>26.516666999999998</v>
      </c>
      <c r="G1604">
        <v>4.5690260575374806</v>
      </c>
      <c r="AC1604">
        <v>9.2999999999999972</v>
      </c>
      <c r="AD1604">
        <v>87.6</v>
      </c>
      <c r="AE1604">
        <v>8.6119319999999995</v>
      </c>
      <c r="AF1604">
        <v>4.3097515368610377</v>
      </c>
    </row>
    <row r="1605" spans="6:32" x14ac:dyDescent="0.25">
      <c r="F1605">
        <v>26.533332999999999</v>
      </c>
      <c r="G1605">
        <v>4.5690260575374806</v>
      </c>
      <c r="AC1605">
        <v>9.3166670000000096</v>
      </c>
      <c r="AD1605">
        <v>87.616667000000007</v>
      </c>
      <c r="AE1605">
        <v>8.6119990000000008</v>
      </c>
      <c r="AF1605">
        <v>4.3105630566632271</v>
      </c>
    </row>
    <row r="1606" spans="6:32" x14ac:dyDescent="0.25">
      <c r="F1606">
        <v>26.549999999999997</v>
      </c>
      <c r="G1606">
        <v>4.5690260575374806</v>
      </c>
      <c r="AC1606">
        <v>9.3333329999999961</v>
      </c>
      <c r="AD1606">
        <v>87.633332999999993</v>
      </c>
      <c r="AE1606">
        <v>8.6120330000000003</v>
      </c>
      <c r="AF1606">
        <v>4.3109748726822339</v>
      </c>
    </row>
    <row r="1607" spans="6:32" x14ac:dyDescent="0.25">
      <c r="F1607">
        <v>26.56666700000001</v>
      </c>
      <c r="G1607">
        <v>4.5694257613206428</v>
      </c>
      <c r="AC1607">
        <v>9.3500000000000085</v>
      </c>
      <c r="AD1607">
        <v>87.65</v>
      </c>
      <c r="AE1607">
        <v>8.6120669999999997</v>
      </c>
      <c r="AF1607">
        <v>4.3113866887012398</v>
      </c>
    </row>
    <row r="1608" spans="6:32" x14ac:dyDescent="0.25">
      <c r="F1608">
        <v>26.583332999999996</v>
      </c>
      <c r="G1608">
        <v>4.5694257613206428</v>
      </c>
      <c r="AC1608">
        <v>9.3666670000000067</v>
      </c>
      <c r="AD1608">
        <v>87.666667000000004</v>
      </c>
      <c r="AE1608">
        <v>8.6120999999999999</v>
      </c>
      <c r="AF1608">
        <v>4.311786392484402</v>
      </c>
    </row>
    <row r="1609" spans="6:32" x14ac:dyDescent="0.25">
      <c r="F1609">
        <v>26.600000000000009</v>
      </c>
      <c r="G1609">
        <v>4.5694257613206428</v>
      </c>
      <c r="AC1609">
        <v>9.3833330000000075</v>
      </c>
      <c r="AD1609">
        <v>87.683333000000005</v>
      </c>
      <c r="AE1609">
        <v>8.6121339999999993</v>
      </c>
      <c r="AF1609">
        <v>4.3121982085034087</v>
      </c>
    </row>
    <row r="1610" spans="6:32" x14ac:dyDescent="0.25">
      <c r="F1610">
        <v>26.616667000000007</v>
      </c>
      <c r="G1610">
        <v>4.5694257613206428</v>
      </c>
      <c r="AC1610">
        <v>9.4000000000000057</v>
      </c>
      <c r="AD1610">
        <v>87.7</v>
      </c>
      <c r="AE1610">
        <v>8.6121680000000005</v>
      </c>
      <c r="AF1610">
        <v>4.3126100245224359</v>
      </c>
    </row>
    <row r="1611" spans="6:32" x14ac:dyDescent="0.25">
      <c r="F1611">
        <v>26.633333000000007</v>
      </c>
      <c r="G1611">
        <v>4.5698375773396496</v>
      </c>
      <c r="AC1611">
        <v>9.4166670000000039</v>
      </c>
      <c r="AD1611">
        <v>87.716667000000001</v>
      </c>
      <c r="AE1611">
        <v>8.6122010000000007</v>
      </c>
      <c r="AF1611">
        <v>4.313009728305599</v>
      </c>
    </row>
    <row r="1612" spans="6:32" x14ac:dyDescent="0.25">
      <c r="F1612">
        <v>26.650000000000006</v>
      </c>
      <c r="G1612">
        <v>4.5698375773396496</v>
      </c>
      <c r="AC1612">
        <v>9.4333330000000046</v>
      </c>
      <c r="AD1612">
        <v>87.733333000000002</v>
      </c>
      <c r="AE1612">
        <v>8.6122350000000001</v>
      </c>
      <c r="AF1612">
        <v>4.3134215443246049</v>
      </c>
    </row>
    <row r="1613" spans="6:32" x14ac:dyDescent="0.25">
      <c r="F1613">
        <v>26.666667000000004</v>
      </c>
      <c r="G1613">
        <v>4.5698375773396496</v>
      </c>
      <c r="AC1613">
        <v>9.4500000000000028</v>
      </c>
      <c r="AD1613">
        <v>87.75</v>
      </c>
      <c r="AE1613">
        <v>8.6122689999999995</v>
      </c>
      <c r="AF1613">
        <v>4.3138333603436116</v>
      </c>
    </row>
    <row r="1614" spans="6:32" x14ac:dyDescent="0.25">
      <c r="F1614">
        <v>26.683333000000005</v>
      </c>
      <c r="G1614">
        <v>4.5702493933586554</v>
      </c>
      <c r="AC1614">
        <v>9.4666670000000011</v>
      </c>
      <c r="AD1614">
        <v>87.766666999999998</v>
      </c>
      <c r="AE1614">
        <v>8.6123360000000009</v>
      </c>
      <c r="AF1614">
        <v>4.3146448801458011</v>
      </c>
    </row>
    <row r="1615" spans="6:32" x14ac:dyDescent="0.25">
      <c r="F1615">
        <v>26.700000000000003</v>
      </c>
      <c r="G1615">
        <v>4.5702493933586554</v>
      </c>
      <c r="AC1615">
        <v>9.4833330000000018</v>
      </c>
      <c r="AD1615">
        <v>87.783332999999999</v>
      </c>
      <c r="AE1615">
        <v>8.6123689999999993</v>
      </c>
      <c r="AF1615">
        <v>4.315044583928942</v>
      </c>
    </row>
    <row r="1616" spans="6:32" x14ac:dyDescent="0.25">
      <c r="F1616">
        <v>26.716667000000001</v>
      </c>
      <c r="G1616">
        <v>4.5706490971418168</v>
      </c>
      <c r="AC1616">
        <v>9.5</v>
      </c>
      <c r="AD1616">
        <v>87.8</v>
      </c>
      <c r="AE1616">
        <v>8.6124030000000005</v>
      </c>
      <c r="AF1616">
        <v>4.3154563999479691</v>
      </c>
    </row>
    <row r="1617" spans="6:32" x14ac:dyDescent="0.25">
      <c r="F1617">
        <v>26.733333000000002</v>
      </c>
      <c r="G1617">
        <v>4.5706490971418168</v>
      </c>
      <c r="AC1617">
        <v>9.5166669999999982</v>
      </c>
      <c r="AD1617">
        <v>87.816666999999995</v>
      </c>
      <c r="AE1617">
        <v>8.6124369999999999</v>
      </c>
      <c r="AF1617">
        <v>4.3158682159669759</v>
      </c>
    </row>
    <row r="1618" spans="6:32" x14ac:dyDescent="0.25">
      <c r="F1618">
        <v>26.75</v>
      </c>
      <c r="G1618">
        <v>4.5706490971418168</v>
      </c>
      <c r="AC1618">
        <v>9.5333329999999989</v>
      </c>
      <c r="AD1618">
        <v>87.833332999999996</v>
      </c>
      <c r="AE1618">
        <v>8.6124700000000001</v>
      </c>
      <c r="AF1618">
        <v>4.3162679197501381</v>
      </c>
    </row>
    <row r="1619" spans="6:32" x14ac:dyDescent="0.25">
      <c r="F1619">
        <v>26.766666999999998</v>
      </c>
      <c r="G1619">
        <v>4.5710609131608448</v>
      </c>
      <c r="AC1619">
        <v>9.5499999999999972</v>
      </c>
      <c r="AD1619">
        <v>87.85</v>
      </c>
      <c r="AE1619">
        <v>8.6125380000000007</v>
      </c>
      <c r="AF1619">
        <v>4.3170915517881721</v>
      </c>
    </row>
    <row r="1620" spans="6:32" x14ac:dyDescent="0.25">
      <c r="F1620">
        <v>26.783332999999999</v>
      </c>
      <c r="G1620">
        <v>4.5710609131608448</v>
      </c>
      <c r="AC1620">
        <v>9.5666670000000096</v>
      </c>
      <c r="AD1620">
        <v>87.866667000000007</v>
      </c>
      <c r="AE1620">
        <v>8.6125710000000009</v>
      </c>
      <c r="AF1620">
        <v>4.3174912555713343</v>
      </c>
    </row>
    <row r="1621" spans="6:32" x14ac:dyDescent="0.25">
      <c r="F1621">
        <v>26.799999999999997</v>
      </c>
      <c r="G1621">
        <v>4.5714727291798516</v>
      </c>
      <c r="AC1621">
        <v>9.5833329999999961</v>
      </c>
      <c r="AD1621">
        <v>87.883332999999993</v>
      </c>
      <c r="AE1621">
        <v>8.6126050000000003</v>
      </c>
      <c r="AF1621">
        <v>4.3179030715903401</v>
      </c>
    </row>
    <row r="1622" spans="6:32" x14ac:dyDescent="0.25">
      <c r="F1622">
        <v>26.81666700000001</v>
      </c>
      <c r="G1622">
        <v>4.5714727291798516</v>
      </c>
      <c r="AC1622">
        <v>9.6000000000000085</v>
      </c>
      <c r="AD1622">
        <v>87.9</v>
      </c>
      <c r="AE1622">
        <v>8.6126389999999997</v>
      </c>
      <c r="AF1622">
        <v>4.3183148876093469</v>
      </c>
    </row>
    <row r="1623" spans="6:32" x14ac:dyDescent="0.25">
      <c r="F1623">
        <v>26.833332999999996</v>
      </c>
      <c r="G1623">
        <v>4.5714727291798516</v>
      </c>
      <c r="AC1623">
        <v>9.6166670000000067</v>
      </c>
      <c r="AD1623">
        <v>87.916667000000004</v>
      </c>
      <c r="AE1623">
        <v>8.6127059999999993</v>
      </c>
      <c r="AF1623">
        <v>4.319126407411515</v>
      </c>
    </row>
    <row r="1624" spans="6:32" x14ac:dyDescent="0.25">
      <c r="F1624">
        <v>26.850000000000009</v>
      </c>
      <c r="G1624">
        <v>4.5718724329630138</v>
      </c>
      <c r="AC1624">
        <v>9.6333330000000075</v>
      </c>
      <c r="AD1624">
        <v>87.933333000000005</v>
      </c>
      <c r="AE1624">
        <v>8.6127400000000005</v>
      </c>
      <c r="AF1624">
        <v>4.3195382234305431</v>
      </c>
    </row>
    <row r="1625" spans="6:32" x14ac:dyDescent="0.25">
      <c r="F1625">
        <v>26.866667000000007</v>
      </c>
      <c r="G1625">
        <v>4.5718724329630138</v>
      </c>
      <c r="AC1625">
        <v>9.6500000000000057</v>
      </c>
      <c r="AD1625">
        <v>87.95</v>
      </c>
      <c r="AE1625">
        <v>8.6127730000000007</v>
      </c>
      <c r="AF1625">
        <v>4.3199379272137044</v>
      </c>
    </row>
    <row r="1626" spans="6:32" x14ac:dyDescent="0.25">
      <c r="F1626">
        <v>26.883333000000007</v>
      </c>
      <c r="G1626">
        <v>4.5718724329630138</v>
      </c>
      <c r="AC1626">
        <v>9.6666670000000039</v>
      </c>
      <c r="AD1626">
        <v>87.966667000000001</v>
      </c>
      <c r="AE1626">
        <v>8.6128070000000001</v>
      </c>
      <c r="AF1626">
        <v>4.3203497432327111</v>
      </c>
    </row>
    <row r="1627" spans="6:32" x14ac:dyDescent="0.25">
      <c r="F1627">
        <v>26.900000000000006</v>
      </c>
      <c r="G1627">
        <v>4.5722842489820197</v>
      </c>
      <c r="AC1627">
        <v>9.6833330000000046</v>
      </c>
      <c r="AD1627">
        <v>87.983333000000002</v>
      </c>
      <c r="AE1627">
        <v>8.6128739999999997</v>
      </c>
      <c r="AF1627">
        <v>4.3211612630348801</v>
      </c>
    </row>
    <row r="1628" spans="6:32" x14ac:dyDescent="0.25">
      <c r="F1628">
        <v>26.916667000000004</v>
      </c>
      <c r="G1628">
        <v>4.5722842489820197</v>
      </c>
      <c r="AC1628">
        <v>9.7000000000000028</v>
      </c>
      <c r="AD1628">
        <v>88</v>
      </c>
      <c r="AE1628">
        <v>8.6129079999999991</v>
      </c>
      <c r="AF1628">
        <v>4.321573079053886</v>
      </c>
    </row>
    <row r="1629" spans="6:32" x14ac:dyDescent="0.25">
      <c r="F1629">
        <v>26.933333000000005</v>
      </c>
      <c r="G1629">
        <v>4.5722842489820197</v>
      </c>
      <c r="AC1629">
        <v>9.7166670000000011</v>
      </c>
      <c r="AD1629">
        <v>88.016666999999998</v>
      </c>
      <c r="AE1629">
        <v>8.6129420000000003</v>
      </c>
      <c r="AF1629">
        <v>4.3219848950729141</v>
      </c>
    </row>
    <row r="1630" spans="6:32" x14ac:dyDescent="0.25">
      <c r="F1630">
        <v>26.950000000000003</v>
      </c>
      <c r="G1630">
        <v>4.5726960650010477</v>
      </c>
      <c r="AC1630">
        <v>9.7333330000000018</v>
      </c>
      <c r="AD1630">
        <v>88.033332999999999</v>
      </c>
      <c r="AE1630">
        <v>8.6129750000000005</v>
      </c>
      <c r="AF1630">
        <v>4.3223845988560754</v>
      </c>
    </row>
    <row r="1631" spans="6:32" x14ac:dyDescent="0.25">
      <c r="F1631">
        <v>26.966667000000001</v>
      </c>
      <c r="G1631">
        <v>4.5726960650010477</v>
      </c>
      <c r="AC1631">
        <v>9.75</v>
      </c>
      <c r="AD1631">
        <v>88.05</v>
      </c>
      <c r="AE1631">
        <v>8.6130089999999999</v>
      </c>
      <c r="AF1631">
        <v>4.3227964148750821</v>
      </c>
    </row>
    <row r="1632" spans="6:32" x14ac:dyDescent="0.25">
      <c r="F1632">
        <v>26.983333000000002</v>
      </c>
      <c r="G1632">
        <v>4.5730957687841887</v>
      </c>
      <c r="AC1632">
        <v>9.7666669999999982</v>
      </c>
      <c r="AD1632">
        <v>88.066666999999995</v>
      </c>
      <c r="AE1632">
        <v>8.6130759999999995</v>
      </c>
      <c r="AF1632">
        <v>4.3236079346772502</v>
      </c>
    </row>
    <row r="1633" spans="6:32" x14ac:dyDescent="0.25">
      <c r="F1633">
        <v>27</v>
      </c>
      <c r="G1633">
        <v>4.5730957687841887</v>
      </c>
      <c r="AC1633">
        <v>9.7833329999999989</v>
      </c>
      <c r="AD1633">
        <v>88.083332999999996</v>
      </c>
      <c r="AE1633">
        <v>8.6131100000000007</v>
      </c>
      <c r="AF1633">
        <v>4.3240197506962783</v>
      </c>
    </row>
    <row r="1634" spans="6:32" x14ac:dyDescent="0.25">
      <c r="F1634">
        <v>27.016666999999998</v>
      </c>
      <c r="G1634">
        <v>4.5730957687841887</v>
      </c>
      <c r="AC1634">
        <v>9.7999999999999972</v>
      </c>
      <c r="AD1634">
        <v>88.1</v>
      </c>
      <c r="AE1634">
        <v>8.6131440000000001</v>
      </c>
      <c r="AF1634">
        <v>4.3244315667152842</v>
      </c>
    </row>
    <row r="1635" spans="6:32" x14ac:dyDescent="0.25">
      <c r="F1635">
        <v>27.033332999999999</v>
      </c>
      <c r="G1635">
        <v>4.5735075848032158</v>
      </c>
      <c r="AC1635">
        <v>9.8166670000000096</v>
      </c>
      <c r="AD1635">
        <v>88.116667000000007</v>
      </c>
      <c r="AE1635">
        <v>8.6131770000000003</v>
      </c>
      <c r="AF1635">
        <v>4.3248312704984464</v>
      </c>
    </row>
    <row r="1636" spans="6:32" x14ac:dyDescent="0.25">
      <c r="F1636">
        <v>27.049999999999997</v>
      </c>
      <c r="G1636">
        <v>4.5735075848032158</v>
      </c>
      <c r="AC1636">
        <v>9.8333329999999961</v>
      </c>
      <c r="AD1636">
        <v>88.133332999999993</v>
      </c>
      <c r="AE1636">
        <v>8.6132109999999997</v>
      </c>
      <c r="AF1636">
        <v>4.3252430865174532</v>
      </c>
    </row>
    <row r="1637" spans="6:32" x14ac:dyDescent="0.25">
      <c r="F1637">
        <v>27.06666700000001</v>
      </c>
      <c r="G1637">
        <v>4.5739072885863781</v>
      </c>
      <c r="AC1637">
        <v>9.8500000000000085</v>
      </c>
      <c r="AD1637">
        <v>88.15</v>
      </c>
      <c r="AE1637">
        <v>8.6132449999999992</v>
      </c>
      <c r="AF1637">
        <v>4.325654902536459</v>
      </c>
    </row>
    <row r="1638" spans="6:32" x14ac:dyDescent="0.25">
      <c r="F1638">
        <v>27.083332999999996</v>
      </c>
      <c r="G1638">
        <v>4.5739072885863781</v>
      </c>
      <c r="AC1638">
        <v>9.8666670000000067</v>
      </c>
      <c r="AD1638">
        <v>88.166667000000004</v>
      </c>
      <c r="AE1638">
        <v>8.6133120000000005</v>
      </c>
      <c r="AF1638">
        <v>4.3264664223386493</v>
      </c>
    </row>
    <row r="1639" spans="6:32" x14ac:dyDescent="0.25">
      <c r="F1639">
        <v>27.100000000000009</v>
      </c>
      <c r="G1639">
        <v>4.5743191046053848</v>
      </c>
      <c r="AC1639">
        <v>9.8833330000000075</v>
      </c>
      <c r="AD1639">
        <v>88.183333000000005</v>
      </c>
      <c r="AE1639">
        <v>8.6133459999999999</v>
      </c>
      <c r="AF1639">
        <v>4.3268782383576561</v>
      </c>
    </row>
    <row r="1640" spans="6:32" x14ac:dyDescent="0.25">
      <c r="F1640">
        <v>27.116667000000007</v>
      </c>
      <c r="G1640">
        <v>4.5743191046053848</v>
      </c>
      <c r="AC1640">
        <v>9.9000000000000057</v>
      </c>
      <c r="AD1640">
        <v>88.2</v>
      </c>
      <c r="AE1640">
        <v>8.6133790000000001</v>
      </c>
      <c r="AF1640">
        <v>4.3272779421408174</v>
      </c>
    </row>
    <row r="1641" spans="6:32" x14ac:dyDescent="0.25">
      <c r="F1641">
        <v>27.133333000000007</v>
      </c>
      <c r="G1641">
        <v>4.5743191046053848</v>
      </c>
      <c r="AC1641">
        <v>9.9166670000000039</v>
      </c>
      <c r="AD1641">
        <v>88.216667000000001</v>
      </c>
      <c r="AE1641">
        <v>8.6134129999999995</v>
      </c>
      <c r="AF1641">
        <v>4.3276897581598233</v>
      </c>
    </row>
    <row r="1642" spans="6:32" x14ac:dyDescent="0.25">
      <c r="F1642">
        <v>27.150000000000006</v>
      </c>
      <c r="G1642">
        <v>4.5743191046053848</v>
      </c>
      <c r="AC1642">
        <v>9.9333330000000046</v>
      </c>
      <c r="AD1642">
        <v>88.233333000000002</v>
      </c>
      <c r="AE1642">
        <v>8.6134470000000007</v>
      </c>
      <c r="AF1642">
        <v>4.3281015741788522</v>
      </c>
    </row>
    <row r="1643" spans="6:32" x14ac:dyDescent="0.25">
      <c r="F1643">
        <v>27.166667000000004</v>
      </c>
      <c r="G1643">
        <v>4.5747309206243907</v>
      </c>
      <c r="AC1643">
        <v>9.9500000000000028</v>
      </c>
      <c r="AD1643">
        <v>88.25</v>
      </c>
      <c r="AE1643">
        <v>8.6134799999999991</v>
      </c>
      <c r="AF1643">
        <v>4.3285012779619922</v>
      </c>
    </row>
    <row r="1644" spans="6:32" x14ac:dyDescent="0.25">
      <c r="F1644">
        <v>27.183333000000005</v>
      </c>
      <c r="G1644">
        <v>4.5747309206243907</v>
      </c>
      <c r="AC1644">
        <v>9.9666670000000011</v>
      </c>
      <c r="AD1644">
        <v>88.266666999999998</v>
      </c>
      <c r="AE1644">
        <v>8.6135140000000003</v>
      </c>
      <c r="AF1644">
        <v>4.3289130939810203</v>
      </c>
    </row>
    <row r="1645" spans="6:32" x14ac:dyDescent="0.25">
      <c r="F1645">
        <v>27.200000000000003</v>
      </c>
      <c r="G1645">
        <v>4.5747309206243907</v>
      </c>
      <c r="AC1645">
        <v>9.9833330000000018</v>
      </c>
      <c r="AD1645">
        <v>88.283332999999999</v>
      </c>
      <c r="AE1645">
        <v>8.6135470000000005</v>
      </c>
      <c r="AF1645">
        <v>4.3293127977641825</v>
      </c>
    </row>
    <row r="1646" spans="6:32" x14ac:dyDescent="0.25">
      <c r="F1646">
        <v>27.216667000000001</v>
      </c>
      <c r="G1646">
        <v>4.5747309206243907</v>
      </c>
      <c r="AC1646">
        <v>10</v>
      </c>
      <c r="AD1646">
        <v>88.3</v>
      </c>
      <c r="AE1646">
        <v>8.6135809999999999</v>
      </c>
      <c r="AF1646">
        <v>4.3297246137831884</v>
      </c>
    </row>
    <row r="1647" spans="6:32" x14ac:dyDescent="0.25">
      <c r="F1647">
        <v>27.233333000000002</v>
      </c>
      <c r="G1647">
        <v>4.5751306244075529</v>
      </c>
      <c r="AC1647">
        <v>10.016666999999998</v>
      </c>
      <c r="AD1647">
        <v>88.316666999999995</v>
      </c>
      <c r="AE1647">
        <v>8.6136149999999994</v>
      </c>
      <c r="AF1647">
        <v>4.3301364298021952</v>
      </c>
    </row>
    <row r="1648" spans="6:32" x14ac:dyDescent="0.25">
      <c r="F1648">
        <v>27.25</v>
      </c>
      <c r="G1648">
        <v>4.5751306244075529</v>
      </c>
      <c r="AC1648">
        <v>10.033332999999999</v>
      </c>
      <c r="AD1648">
        <v>88.333332999999996</v>
      </c>
      <c r="AE1648">
        <v>8.6136479999999995</v>
      </c>
      <c r="AF1648">
        <v>4.3305361335853565</v>
      </c>
    </row>
    <row r="1649" spans="6:32" x14ac:dyDescent="0.25">
      <c r="F1649">
        <v>27.266666999999998</v>
      </c>
      <c r="G1649">
        <v>4.5751306244075529</v>
      </c>
      <c r="AC1649">
        <v>10.049999999999997</v>
      </c>
      <c r="AD1649">
        <v>88.35</v>
      </c>
      <c r="AE1649">
        <v>8.6136820000000007</v>
      </c>
      <c r="AF1649">
        <v>4.3309479496043846</v>
      </c>
    </row>
    <row r="1650" spans="6:32" x14ac:dyDescent="0.25">
      <c r="F1650">
        <v>27.283332999999999</v>
      </c>
      <c r="G1650">
        <v>4.5755424404265801</v>
      </c>
      <c r="AC1650">
        <v>10.06666700000001</v>
      </c>
      <c r="AD1650">
        <v>88.366667000000007</v>
      </c>
      <c r="AE1650">
        <v>8.6137490000000003</v>
      </c>
      <c r="AF1650">
        <v>4.3317594694065527</v>
      </c>
    </row>
    <row r="1651" spans="6:32" x14ac:dyDescent="0.25">
      <c r="F1651">
        <v>27.299999999999997</v>
      </c>
      <c r="G1651">
        <v>4.5755424404265801</v>
      </c>
      <c r="AC1651">
        <v>10.083332999999996</v>
      </c>
      <c r="AD1651">
        <v>88.383332999999993</v>
      </c>
      <c r="AE1651">
        <v>8.6137829999999997</v>
      </c>
      <c r="AF1651">
        <v>4.3321712854255594</v>
      </c>
    </row>
    <row r="1652" spans="6:32" x14ac:dyDescent="0.25">
      <c r="F1652">
        <v>27.31666700000001</v>
      </c>
      <c r="G1652">
        <v>4.5755424404265801</v>
      </c>
      <c r="AC1652">
        <v>10.100000000000009</v>
      </c>
      <c r="AD1652">
        <v>88.4</v>
      </c>
      <c r="AE1652">
        <v>8.6138169999999992</v>
      </c>
      <c r="AF1652">
        <v>4.3325831014445653</v>
      </c>
    </row>
    <row r="1653" spans="6:32" x14ac:dyDescent="0.25">
      <c r="F1653">
        <v>27.333332999999996</v>
      </c>
      <c r="G1653">
        <v>4.5755424404265801</v>
      </c>
      <c r="AC1653">
        <v>10.116667000000007</v>
      </c>
      <c r="AD1653">
        <v>88.416667000000004</v>
      </c>
      <c r="AE1653">
        <v>8.6138499999999993</v>
      </c>
      <c r="AF1653">
        <v>4.3329828052277275</v>
      </c>
    </row>
    <row r="1654" spans="6:32" x14ac:dyDescent="0.25">
      <c r="F1654">
        <v>27.350000000000009</v>
      </c>
      <c r="G1654">
        <v>4.5755424404265801</v>
      </c>
      <c r="AC1654">
        <v>10.133333000000007</v>
      </c>
      <c r="AD1654">
        <v>88.433333000000005</v>
      </c>
      <c r="AE1654">
        <v>8.6138840000000005</v>
      </c>
      <c r="AF1654">
        <v>4.3333946212467556</v>
      </c>
    </row>
    <row r="1655" spans="6:32" x14ac:dyDescent="0.25">
      <c r="F1655">
        <v>27.366667000000007</v>
      </c>
      <c r="G1655">
        <v>4.5759542564455868</v>
      </c>
      <c r="AC1655">
        <v>10.150000000000006</v>
      </c>
      <c r="AD1655">
        <v>88.45</v>
      </c>
      <c r="AE1655">
        <v>8.6139510000000001</v>
      </c>
      <c r="AF1655">
        <v>4.3342061410489237</v>
      </c>
    </row>
    <row r="1656" spans="6:32" x14ac:dyDescent="0.25">
      <c r="F1656">
        <v>27.383333000000007</v>
      </c>
      <c r="G1656">
        <v>4.5759542564455868</v>
      </c>
      <c r="AC1656">
        <v>10.166667000000004</v>
      </c>
      <c r="AD1656">
        <v>88.466667000000001</v>
      </c>
      <c r="AE1656">
        <v>8.6139849999999996</v>
      </c>
      <c r="AF1656">
        <v>4.3346179570679304</v>
      </c>
    </row>
    <row r="1657" spans="6:32" x14ac:dyDescent="0.25">
      <c r="F1657">
        <v>27.400000000000006</v>
      </c>
      <c r="G1657">
        <v>4.5759542564455868</v>
      </c>
      <c r="AC1657">
        <v>10.183333000000005</v>
      </c>
      <c r="AD1657">
        <v>88.483333000000002</v>
      </c>
      <c r="AE1657">
        <v>8.6140190000000008</v>
      </c>
      <c r="AF1657">
        <v>4.3350297730869585</v>
      </c>
    </row>
    <row r="1658" spans="6:32" x14ac:dyDescent="0.25">
      <c r="F1658">
        <v>27.416667000000004</v>
      </c>
      <c r="G1658">
        <v>4.5759542564455868</v>
      </c>
      <c r="AC1658">
        <v>10.200000000000003</v>
      </c>
      <c r="AD1658">
        <v>88.5</v>
      </c>
      <c r="AE1658">
        <v>8.6140519999999992</v>
      </c>
      <c r="AF1658">
        <v>4.3354294768700985</v>
      </c>
    </row>
    <row r="1659" spans="6:32" x14ac:dyDescent="0.25">
      <c r="F1659">
        <v>27.433333000000005</v>
      </c>
      <c r="G1659">
        <v>4.5763539602287491</v>
      </c>
      <c r="AC1659">
        <v>10.216667000000001</v>
      </c>
      <c r="AD1659">
        <v>88.516666999999998</v>
      </c>
      <c r="AE1659">
        <v>8.6140860000000004</v>
      </c>
      <c r="AF1659">
        <v>4.3358412928891266</v>
      </c>
    </row>
    <row r="1660" spans="6:32" x14ac:dyDescent="0.25">
      <c r="F1660">
        <v>27.450000000000003</v>
      </c>
      <c r="G1660">
        <v>4.5763539602287491</v>
      </c>
      <c r="AC1660">
        <v>10.233333000000002</v>
      </c>
      <c r="AD1660">
        <v>88.533332999999999</v>
      </c>
      <c r="AE1660">
        <v>8.6141199999999998</v>
      </c>
      <c r="AF1660">
        <v>4.3362531089081324</v>
      </c>
    </row>
    <row r="1661" spans="6:32" x14ac:dyDescent="0.25">
      <c r="F1661">
        <v>27.466667000000001</v>
      </c>
      <c r="G1661">
        <v>4.5763539602287491</v>
      </c>
      <c r="AC1661">
        <v>10.25</v>
      </c>
      <c r="AD1661">
        <v>88.55</v>
      </c>
      <c r="AE1661">
        <v>8.6141529999999999</v>
      </c>
      <c r="AF1661">
        <v>4.3366528126912947</v>
      </c>
    </row>
    <row r="1662" spans="6:32" x14ac:dyDescent="0.25">
      <c r="F1662">
        <v>27.483333000000002</v>
      </c>
      <c r="G1662">
        <v>4.5763539602287491</v>
      </c>
      <c r="AC1662">
        <v>10.266666999999998</v>
      </c>
      <c r="AD1662">
        <v>88.566666999999995</v>
      </c>
      <c r="AE1662">
        <v>8.6141869999999994</v>
      </c>
      <c r="AF1662">
        <v>4.3370646287103014</v>
      </c>
    </row>
    <row r="1663" spans="6:32" x14ac:dyDescent="0.25">
      <c r="F1663">
        <v>27.5</v>
      </c>
      <c r="G1663">
        <v>4.5763539602287491</v>
      </c>
      <c r="AC1663">
        <v>10.283332999999999</v>
      </c>
      <c r="AD1663">
        <v>88.583332999999996</v>
      </c>
      <c r="AE1663">
        <v>8.6142210000000006</v>
      </c>
      <c r="AF1663">
        <v>4.3374764447293286</v>
      </c>
    </row>
    <row r="1664" spans="6:32" x14ac:dyDescent="0.25">
      <c r="F1664">
        <v>27.516666999999998</v>
      </c>
      <c r="G1664">
        <v>4.5767657762477558</v>
      </c>
      <c r="AC1664">
        <v>10.299999999999997</v>
      </c>
      <c r="AD1664">
        <v>88.6</v>
      </c>
      <c r="AE1664">
        <v>8.6142540000000007</v>
      </c>
      <c r="AF1664">
        <v>4.3378761485124908</v>
      </c>
    </row>
    <row r="1665" spans="6:32" x14ac:dyDescent="0.25">
      <c r="F1665">
        <v>27.533332999999999</v>
      </c>
      <c r="G1665">
        <v>4.5767657762477558</v>
      </c>
      <c r="AC1665">
        <v>10.31666700000001</v>
      </c>
      <c r="AD1665">
        <v>88.616667000000007</v>
      </c>
      <c r="AE1665">
        <v>8.6142880000000002</v>
      </c>
      <c r="AF1665">
        <v>4.3382879645314976</v>
      </c>
    </row>
    <row r="1666" spans="6:32" x14ac:dyDescent="0.25">
      <c r="F1666">
        <v>27.549999999999997</v>
      </c>
      <c r="G1666">
        <v>4.5767657762477558</v>
      </c>
      <c r="AC1666">
        <v>10.333332999999996</v>
      </c>
      <c r="AD1666">
        <v>88.633332999999993</v>
      </c>
      <c r="AE1666">
        <v>8.6143219999999996</v>
      </c>
      <c r="AF1666">
        <v>4.3386997805505034</v>
      </c>
    </row>
    <row r="1667" spans="6:32" x14ac:dyDescent="0.25">
      <c r="F1667">
        <v>27.56666700000001</v>
      </c>
      <c r="G1667">
        <v>4.5767657762477558</v>
      </c>
      <c r="AC1667">
        <v>10.350000000000009</v>
      </c>
      <c r="AD1667">
        <v>88.65</v>
      </c>
      <c r="AE1667">
        <v>8.6143889999999992</v>
      </c>
      <c r="AF1667">
        <v>4.3395113003526724</v>
      </c>
    </row>
    <row r="1668" spans="6:32" x14ac:dyDescent="0.25">
      <c r="F1668">
        <v>27.583332999999996</v>
      </c>
      <c r="G1668">
        <v>4.5771775922667617</v>
      </c>
      <c r="AC1668">
        <v>10.366667000000007</v>
      </c>
      <c r="AD1668">
        <v>88.666667000000004</v>
      </c>
      <c r="AE1668">
        <v>8.6144230000000004</v>
      </c>
      <c r="AF1668">
        <v>4.3399231163717005</v>
      </c>
    </row>
    <row r="1669" spans="6:32" x14ac:dyDescent="0.25">
      <c r="F1669">
        <v>27.600000000000009</v>
      </c>
      <c r="G1669">
        <v>4.5771775922667617</v>
      </c>
      <c r="AC1669">
        <v>10.383333000000007</v>
      </c>
      <c r="AD1669">
        <v>88.683333000000005</v>
      </c>
      <c r="AE1669">
        <v>8.6144560000000006</v>
      </c>
      <c r="AF1669">
        <v>4.3403228201548618</v>
      </c>
    </row>
    <row r="1670" spans="6:32" x14ac:dyDescent="0.25">
      <c r="F1670">
        <v>27.616667000000007</v>
      </c>
      <c r="G1670">
        <v>4.5771775922667617</v>
      </c>
      <c r="AC1670">
        <v>10.400000000000006</v>
      </c>
      <c r="AD1670">
        <v>88.7</v>
      </c>
      <c r="AE1670">
        <v>8.61449</v>
      </c>
      <c r="AF1670">
        <v>4.3407346361738677</v>
      </c>
    </row>
    <row r="1671" spans="6:32" x14ac:dyDescent="0.25">
      <c r="F1671">
        <v>27.633333000000007</v>
      </c>
      <c r="G1671">
        <v>4.5775772960499239</v>
      </c>
      <c r="AC1671">
        <v>10.416667000000004</v>
      </c>
      <c r="AD1671">
        <v>88.716667000000001</v>
      </c>
      <c r="AE1671">
        <v>8.6145239999999994</v>
      </c>
      <c r="AF1671">
        <v>4.3411464521928744</v>
      </c>
    </row>
    <row r="1672" spans="6:32" x14ac:dyDescent="0.25">
      <c r="F1672">
        <v>27.650000000000006</v>
      </c>
      <c r="G1672">
        <v>4.5775772960499239</v>
      </c>
      <c r="AC1672">
        <v>10.433333000000005</v>
      </c>
      <c r="AD1672">
        <v>88.733333000000002</v>
      </c>
      <c r="AE1672">
        <v>8.6145569999999996</v>
      </c>
      <c r="AF1672">
        <v>4.3415461559760367</v>
      </c>
    </row>
    <row r="1673" spans="6:32" x14ac:dyDescent="0.25">
      <c r="F1673">
        <v>27.666667000000004</v>
      </c>
      <c r="G1673">
        <v>4.5775772960499239</v>
      </c>
      <c r="AC1673">
        <v>10.450000000000003</v>
      </c>
      <c r="AD1673">
        <v>88.75</v>
      </c>
      <c r="AE1673">
        <v>8.6145910000000008</v>
      </c>
      <c r="AF1673">
        <v>4.3419579719950647</v>
      </c>
    </row>
    <row r="1674" spans="6:32" x14ac:dyDescent="0.25">
      <c r="F1674">
        <v>27.683333000000005</v>
      </c>
      <c r="G1674">
        <v>4.5775772960499239</v>
      </c>
      <c r="AC1674">
        <v>10.466667000000001</v>
      </c>
      <c r="AD1674">
        <v>88.766666999999998</v>
      </c>
      <c r="AE1674">
        <v>8.6146239999999992</v>
      </c>
      <c r="AF1674">
        <v>4.3423576757782048</v>
      </c>
    </row>
    <row r="1675" spans="6:32" x14ac:dyDescent="0.25">
      <c r="F1675">
        <v>27.700000000000003</v>
      </c>
      <c r="G1675">
        <v>4.577989112068952</v>
      </c>
      <c r="AC1675">
        <v>10.483333000000002</v>
      </c>
      <c r="AD1675">
        <v>88.783332999999999</v>
      </c>
      <c r="AE1675">
        <v>8.6146580000000004</v>
      </c>
      <c r="AF1675">
        <v>4.3427694917972328</v>
      </c>
    </row>
    <row r="1676" spans="6:32" x14ac:dyDescent="0.25">
      <c r="F1676">
        <v>27.716667000000001</v>
      </c>
      <c r="G1676">
        <v>4.577989112068952</v>
      </c>
      <c r="AC1676">
        <v>10.5</v>
      </c>
      <c r="AD1676">
        <v>88.8</v>
      </c>
      <c r="AE1676">
        <v>8.6146919999999998</v>
      </c>
      <c r="AF1676">
        <v>4.3431813078162396</v>
      </c>
    </row>
    <row r="1677" spans="6:32" x14ac:dyDescent="0.25">
      <c r="F1677">
        <v>27.733333000000002</v>
      </c>
      <c r="G1677">
        <v>4.577989112068952</v>
      </c>
      <c r="AC1677">
        <v>10.516666999999998</v>
      </c>
      <c r="AD1677">
        <v>88.816666999999995</v>
      </c>
      <c r="AE1677">
        <v>8.614725</v>
      </c>
      <c r="AF1677">
        <v>4.3435810115994009</v>
      </c>
    </row>
    <row r="1678" spans="6:32" x14ac:dyDescent="0.25">
      <c r="F1678">
        <v>27.75</v>
      </c>
      <c r="G1678">
        <v>4.577989112068952</v>
      </c>
      <c r="AC1678">
        <v>10.533332999999999</v>
      </c>
      <c r="AD1678">
        <v>88.833332999999996</v>
      </c>
      <c r="AE1678">
        <v>8.6147589999999994</v>
      </c>
      <c r="AF1678">
        <v>4.3439928276184077</v>
      </c>
    </row>
    <row r="1679" spans="6:32" x14ac:dyDescent="0.25">
      <c r="F1679">
        <v>27.766666999999998</v>
      </c>
      <c r="G1679">
        <v>4.5784009280879578</v>
      </c>
      <c r="AC1679">
        <v>10.549999999999997</v>
      </c>
      <c r="AD1679">
        <v>88.85</v>
      </c>
      <c r="AE1679">
        <v>8.6147930000000006</v>
      </c>
      <c r="AF1679">
        <v>4.3444046436374357</v>
      </c>
    </row>
    <row r="1680" spans="6:32" x14ac:dyDescent="0.25">
      <c r="F1680">
        <v>27.783332999999999</v>
      </c>
      <c r="G1680">
        <v>4.5784009280879578</v>
      </c>
      <c r="AC1680">
        <v>10.56666700000001</v>
      </c>
      <c r="AD1680">
        <v>88.866667000000007</v>
      </c>
      <c r="AE1680">
        <v>8.6148260000000008</v>
      </c>
      <c r="AF1680">
        <v>4.3448043474205971</v>
      </c>
    </row>
    <row r="1681" spans="6:32" x14ac:dyDescent="0.25">
      <c r="F1681">
        <v>27.799999999999997</v>
      </c>
      <c r="G1681">
        <v>4.5784009280879578</v>
      </c>
      <c r="AC1681">
        <v>10.583332999999996</v>
      </c>
      <c r="AD1681">
        <v>88.883332999999993</v>
      </c>
      <c r="AE1681">
        <v>8.6148600000000002</v>
      </c>
      <c r="AF1681">
        <v>4.3452161634396038</v>
      </c>
    </row>
    <row r="1682" spans="6:32" x14ac:dyDescent="0.25">
      <c r="F1682">
        <v>27.81666700000001</v>
      </c>
      <c r="G1682">
        <v>4.5788006318711201</v>
      </c>
      <c r="AC1682">
        <v>10.600000000000009</v>
      </c>
      <c r="AD1682">
        <v>88.9</v>
      </c>
      <c r="AE1682">
        <v>8.6148939999999996</v>
      </c>
      <c r="AF1682">
        <v>4.3456279794586097</v>
      </c>
    </row>
    <row r="1683" spans="6:32" x14ac:dyDescent="0.25">
      <c r="F1683">
        <v>27.833332999999996</v>
      </c>
      <c r="G1683">
        <v>4.5788006318711201</v>
      </c>
      <c r="AC1683">
        <v>10.616667000000007</v>
      </c>
      <c r="AD1683">
        <v>88.916667000000004</v>
      </c>
      <c r="AE1683">
        <v>8.6149269999999998</v>
      </c>
      <c r="AF1683">
        <v>4.3460276832417719</v>
      </c>
    </row>
    <row r="1684" spans="6:32" x14ac:dyDescent="0.25">
      <c r="F1684">
        <v>27.850000000000009</v>
      </c>
      <c r="G1684">
        <v>4.5788006318711201</v>
      </c>
      <c r="AC1684">
        <v>10.633333000000007</v>
      </c>
      <c r="AD1684">
        <v>88.933333000000005</v>
      </c>
      <c r="AE1684">
        <v>8.6149609999999992</v>
      </c>
      <c r="AF1684">
        <v>4.3464394992607787</v>
      </c>
    </row>
    <row r="1685" spans="6:32" x14ac:dyDescent="0.25">
      <c r="F1685">
        <v>27.866667000000007</v>
      </c>
      <c r="G1685">
        <v>4.5792124478901259</v>
      </c>
      <c r="AC1685">
        <v>10.650000000000006</v>
      </c>
      <c r="AD1685">
        <v>88.95</v>
      </c>
      <c r="AE1685">
        <v>8.6150280000000006</v>
      </c>
      <c r="AF1685">
        <v>4.3472510190629681</v>
      </c>
    </row>
    <row r="1686" spans="6:32" x14ac:dyDescent="0.25">
      <c r="F1686">
        <v>27.883333000000007</v>
      </c>
      <c r="G1686">
        <v>4.5792124478901259</v>
      </c>
      <c r="AC1686">
        <v>10.666667000000004</v>
      </c>
      <c r="AD1686">
        <v>88.966667000000001</v>
      </c>
      <c r="AE1686">
        <v>8.615062</v>
      </c>
      <c r="AF1686">
        <v>4.3476628350819748</v>
      </c>
    </row>
    <row r="1687" spans="6:32" x14ac:dyDescent="0.25">
      <c r="F1687">
        <v>27.900000000000006</v>
      </c>
      <c r="G1687">
        <v>4.5796242639091549</v>
      </c>
      <c r="AC1687">
        <v>10.683333000000005</v>
      </c>
      <c r="AD1687">
        <v>88.983333000000002</v>
      </c>
      <c r="AE1687">
        <v>8.6150959999999994</v>
      </c>
      <c r="AF1687">
        <v>4.3480746511009816</v>
      </c>
    </row>
    <row r="1688" spans="6:32" x14ac:dyDescent="0.25">
      <c r="F1688">
        <v>27.916667000000004</v>
      </c>
      <c r="G1688">
        <v>4.5796242639091549</v>
      </c>
      <c r="AC1688">
        <v>10.700000000000003</v>
      </c>
      <c r="AD1688">
        <v>89</v>
      </c>
      <c r="AE1688">
        <v>8.6151289999999996</v>
      </c>
      <c r="AF1688">
        <v>4.3484743548841429</v>
      </c>
    </row>
    <row r="1689" spans="6:32" x14ac:dyDescent="0.25">
      <c r="F1689">
        <v>27.933333000000005</v>
      </c>
      <c r="G1689">
        <v>4.5800239676922949</v>
      </c>
      <c r="AC1689">
        <v>10.716667000000001</v>
      </c>
      <c r="AD1689">
        <v>89.016666999999998</v>
      </c>
      <c r="AE1689">
        <v>8.6151630000000008</v>
      </c>
      <c r="AF1689">
        <v>4.3488861709031701</v>
      </c>
    </row>
    <row r="1690" spans="6:32" x14ac:dyDescent="0.25">
      <c r="F1690">
        <v>27.950000000000003</v>
      </c>
      <c r="G1690">
        <v>4.5800239676922949</v>
      </c>
      <c r="AC1690">
        <v>10.733333000000002</v>
      </c>
      <c r="AD1690">
        <v>89.033332999999999</v>
      </c>
      <c r="AE1690">
        <v>8.6151970000000002</v>
      </c>
      <c r="AF1690">
        <v>4.3492979869221768</v>
      </c>
    </row>
    <row r="1691" spans="6:32" x14ac:dyDescent="0.25">
      <c r="F1691">
        <v>27.966667000000001</v>
      </c>
      <c r="G1691">
        <v>4.5800239676922949</v>
      </c>
      <c r="AC1691">
        <v>10.75</v>
      </c>
      <c r="AD1691">
        <v>89.05</v>
      </c>
      <c r="AE1691">
        <v>8.6152639999999998</v>
      </c>
      <c r="AF1691">
        <v>4.3501095067243458</v>
      </c>
    </row>
    <row r="1692" spans="6:32" x14ac:dyDescent="0.25">
      <c r="F1692">
        <v>27.983333000000002</v>
      </c>
      <c r="G1692">
        <v>4.5804357837113221</v>
      </c>
      <c r="AC1692">
        <v>10.766666999999998</v>
      </c>
      <c r="AD1692">
        <v>89.066666999999995</v>
      </c>
      <c r="AE1692">
        <v>8.6152979999999992</v>
      </c>
      <c r="AF1692">
        <v>4.3505213227433517</v>
      </c>
    </row>
    <row r="1693" spans="6:32" x14ac:dyDescent="0.25">
      <c r="F1693">
        <v>28</v>
      </c>
      <c r="G1693">
        <v>4.5804357837113221</v>
      </c>
      <c r="AC1693">
        <v>10.783332999999999</v>
      </c>
      <c r="AD1693">
        <v>89.083332999999996</v>
      </c>
      <c r="AE1693">
        <v>8.6153309999999994</v>
      </c>
      <c r="AF1693">
        <v>4.3509210265265139</v>
      </c>
    </row>
    <row r="1694" spans="6:32" x14ac:dyDescent="0.25">
      <c r="F1694">
        <v>28.016666999999998</v>
      </c>
      <c r="G1694">
        <v>4.5804357837113221</v>
      </c>
      <c r="AC1694">
        <v>10.799999999999997</v>
      </c>
      <c r="AD1694">
        <v>89.1</v>
      </c>
      <c r="AE1694">
        <v>8.6153650000000006</v>
      </c>
      <c r="AF1694">
        <v>4.351332842545542</v>
      </c>
    </row>
    <row r="1695" spans="6:32" x14ac:dyDescent="0.25">
      <c r="F1695">
        <v>28.033332999999999</v>
      </c>
      <c r="G1695">
        <v>4.5804357837113221</v>
      </c>
      <c r="AC1695">
        <v>10.81666700000001</v>
      </c>
      <c r="AD1695">
        <v>89.116667000000007</v>
      </c>
      <c r="AE1695">
        <v>8.615399</v>
      </c>
      <c r="AF1695">
        <v>4.3517446585645478</v>
      </c>
    </row>
    <row r="1696" spans="6:32" x14ac:dyDescent="0.25">
      <c r="F1696">
        <v>28.049999999999997</v>
      </c>
      <c r="G1696">
        <v>4.5808475997303288</v>
      </c>
      <c r="AC1696">
        <v>10.833332999999996</v>
      </c>
      <c r="AD1696">
        <v>89.133332999999993</v>
      </c>
      <c r="AE1696">
        <v>8.6154320000000002</v>
      </c>
      <c r="AF1696">
        <v>4.3521443623477101</v>
      </c>
    </row>
    <row r="1697" spans="6:32" x14ac:dyDescent="0.25">
      <c r="F1697">
        <v>28.06666700000001</v>
      </c>
      <c r="G1697">
        <v>4.5808475997303288</v>
      </c>
      <c r="AC1697">
        <v>10.850000000000009</v>
      </c>
      <c r="AD1697">
        <v>89.15</v>
      </c>
      <c r="AE1697">
        <v>8.6154659999999996</v>
      </c>
      <c r="AF1697">
        <v>4.3525561783667159</v>
      </c>
    </row>
    <row r="1698" spans="6:32" x14ac:dyDescent="0.25">
      <c r="F1698">
        <v>28.083332999999996</v>
      </c>
      <c r="G1698">
        <v>4.5808475997303288</v>
      </c>
      <c r="AC1698">
        <v>10.866667000000007</v>
      </c>
      <c r="AD1698">
        <v>89.166667000000004</v>
      </c>
      <c r="AE1698">
        <v>8.6155329999999992</v>
      </c>
      <c r="AF1698">
        <v>4.3533676981688849</v>
      </c>
    </row>
    <row r="1699" spans="6:32" x14ac:dyDescent="0.25">
      <c r="F1699">
        <v>28.100000000000009</v>
      </c>
      <c r="G1699">
        <v>4.5812473035134911</v>
      </c>
      <c r="AC1699">
        <v>10.883333000000007</v>
      </c>
      <c r="AD1699">
        <v>89.183333000000005</v>
      </c>
      <c r="AE1699">
        <v>8.6155670000000004</v>
      </c>
      <c r="AF1699">
        <v>4.3537795141879121</v>
      </c>
    </row>
    <row r="1700" spans="6:32" x14ac:dyDescent="0.25">
      <c r="F1700">
        <v>28.116667000000007</v>
      </c>
      <c r="G1700">
        <v>4.5812473035134911</v>
      </c>
      <c r="AC1700">
        <v>10.900000000000006</v>
      </c>
      <c r="AD1700">
        <v>89.2</v>
      </c>
      <c r="AE1700">
        <v>8.6156009999999998</v>
      </c>
      <c r="AF1700">
        <v>4.3541913302069188</v>
      </c>
    </row>
    <row r="1701" spans="6:32" x14ac:dyDescent="0.25">
      <c r="F1701">
        <v>28.133333000000007</v>
      </c>
      <c r="G1701">
        <v>4.5816591195324978</v>
      </c>
      <c r="AC1701">
        <v>10.916667000000004</v>
      </c>
      <c r="AD1701">
        <v>89.216667000000001</v>
      </c>
      <c r="AE1701">
        <v>8.615634</v>
      </c>
      <c r="AF1701">
        <v>4.3545910339900811</v>
      </c>
    </row>
    <row r="1702" spans="6:32" x14ac:dyDescent="0.25">
      <c r="F1702">
        <v>28.150000000000006</v>
      </c>
      <c r="G1702">
        <v>4.5816591195324978</v>
      </c>
      <c r="AC1702">
        <v>10.933333000000005</v>
      </c>
      <c r="AD1702">
        <v>89.233333000000002</v>
      </c>
      <c r="AE1702">
        <v>8.6156679999999994</v>
      </c>
      <c r="AF1702">
        <v>4.3550028500090878</v>
      </c>
    </row>
    <row r="1703" spans="6:32" x14ac:dyDescent="0.25">
      <c r="F1703">
        <v>28.166667000000004</v>
      </c>
      <c r="G1703">
        <v>4.5816591195324978</v>
      </c>
      <c r="AC1703">
        <v>10.950000000000003</v>
      </c>
      <c r="AD1703">
        <v>89.25</v>
      </c>
      <c r="AE1703">
        <v>8.6157020000000006</v>
      </c>
      <c r="AF1703">
        <v>4.355414666028115</v>
      </c>
    </row>
    <row r="1704" spans="6:32" x14ac:dyDescent="0.25">
      <c r="F1704">
        <v>28.183333000000005</v>
      </c>
      <c r="G1704">
        <v>4.582070935551525</v>
      </c>
      <c r="AC1704">
        <v>10.966667000000001</v>
      </c>
      <c r="AD1704">
        <v>89.266666999999998</v>
      </c>
      <c r="AE1704">
        <v>8.6157350000000008</v>
      </c>
      <c r="AF1704">
        <v>4.3558143698112772</v>
      </c>
    </row>
    <row r="1705" spans="6:32" x14ac:dyDescent="0.25">
      <c r="F1705">
        <v>28.200000000000003</v>
      </c>
      <c r="G1705">
        <v>4.582070935551525</v>
      </c>
      <c r="AC1705">
        <v>10.983333000000002</v>
      </c>
      <c r="AD1705">
        <v>89.283332999999999</v>
      </c>
      <c r="AE1705">
        <v>8.6157690000000002</v>
      </c>
      <c r="AF1705">
        <v>4.356226185830284</v>
      </c>
    </row>
    <row r="1706" spans="6:32" x14ac:dyDescent="0.25">
      <c r="F1706">
        <v>28.216667000000001</v>
      </c>
      <c r="G1706">
        <v>4.5824706393346872</v>
      </c>
      <c r="AC1706">
        <v>11</v>
      </c>
      <c r="AD1706">
        <v>89.3</v>
      </c>
      <c r="AE1706">
        <v>8.6158020000000004</v>
      </c>
      <c r="AF1706">
        <v>4.3566258896134453</v>
      </c>
    </row>
    <row r="1707" spans="6:32" x14ac:dyDescent="0.25">
      <c r="F1707">
        <v>28.233333000000002</v>
      </c>
      <c r="G1707">
        <v>4.5824706393346872</v>
      </c>
      <c r="AC1707">
        <v>11.016666999999998</v>
      </c>
      <c r="AD1707">
        <v>89.316666999999995</v>
      </c>
      <c r="AE1707">
        <v>8.6158359999999998</v>
      </c>
      <c r="AF1707">
        <v>4.3570377056324521</v>
      </c>
    </row>
    <row r="1708" spans="6:32" x14ac:dyDescent="0.25">
      <c r="F1708">
        <v>28.25</v>
      </c>
      <c r="G1708">
        <v>4.5824706393346872</v>
      </c>
      <c r="AC1708">
        <v>11.033332999999999</v>
      </c>
      <c r="AD1708">
        <v>89.333332999999996</v>
      </c>
      <c r="AE1708">
        <v>8.6158699999999993</v>
      </c>
      <c r="AF1708">
        <v>4.3574495216514579</v>
      </c>
    </row>
    <row r="1709" spans="6:32" x14ac:dyDescent="0.25">
      <c r="F1709">
        <v>28.266666999999998</v>
      </c>
      <c r="G1709">
        <v>4.582882455353694</v>
      </c>
      <c r="AC1709">
        <v>11.049999999999997</v>
      </c>
      <c r="AD1709">
        <v>89.35</v>
      </c>
      <c r="AE1709">
        <v>8.6159029999999994</v>
      </c>
      <c r="AF1709">
        <v>4.3578492254346202</v>
      </c>
    </row>
    <row r="1710" spans="6:32" x14ac:dyDescent="0.25">
      <c r="F1710">
        <v>28.283332999999999</v>
      </c>
      <c r="G1710">
        <v>4.582882455353694</v>
      </c>
      <c r="AC1710">
        <v>11.06666700000001</v>
      </c>
      <c r="AD1710">
        <v>89.366667000000007</v>
      </c>
      <c r="AE1710">
        <v>8.6159370000000006</v>
      </c>
      <c r="AF1710">
        <v>4.3582610414536482</v>
      </c>
    </row>
    <row r="1711" spans="6:32" x14ac:dyDescent="0.25">
      <c r="F1711">
        <v>28.299999999999997</v>
      </c>
      <c r="G1711">
        <v>4.582882455353694</v>
      </c>
      <c r="AC1711">
        <v>11.083332999999996</v>
      </c>
      <c r="AD1711">
        <v>89.383332999999993</v>
      </c>
      <c r="AE1711">
        <v>8.615971</v>
      </c>
      <c r="AF1711">
        <v>4.3586728574726541</v>
      </c>
    </row>
    <row r="1712" spans="6:32" x14ac:dyDescent="0.25">
      <c r="F1712">
        <v>28.31666700000001</v>
      </c>
      <c r="G1712">
        <v>4.582882455353694</v>
      </c>
      <c r="AC1712">
        <v>11.100000000000009</v>
      </c>
      <c r="AD1712">
        <v>89.4</v>
      </c>
      <c r="AE1712">
        <v>8.6160040000000002</v>
      </c>
      <c r="AF1712">
        <v>4.3590725612558163</v>
      </c>
    </row>
    <row r="1713" spans="6:32" x14ac:dyDescent="0.25">
      <c r="F1713">
        <v>28.333332999999996</v>
      </c>
      <c r="G1713">
        <v>4.5832942713726998</v>
      </c>
      <c r="AC1713">
        <v>11.116667000000007</v>
      </c>
      <c r="AD1713">
        <v>89.416667000000004</v>
      </c>
      <c r="AE1713">
        <v>8.6160379999999996</v>
      </c>
      <c r="AF1713">
        <v>4.3594843772748231</v>
      </c>
    </row>
    <row r="1714" spans="6:32" x14ac:dyDescent="0.25">
      <c r="F1714">
        <v>28.350000000000009</v>
      </c>
      <c r="G1714">
        <v>4.5832942713726998</v>
      </c>
      <c r="AC1714">
        <v>11.133333000000007</v>
      </c>
      <c r="AD1714">
        <v>89.433333000000005</v>
      </c>
      <c r="AE1714">
        <v>8.6161049999999992</v>
      </c>
      <c r="AF1714">
        <v>4.3602958970769912</v>
      </c>
    </row>
    <row r="1715" spans="6:32" x14ac:dyDescent="0.25">
      <c r="F1715">
        <v>28.366667000000007</v>
      </c>
      <c r="G1715">
        <v>4.5832942713726998</v>
      </c>
      <c r="AC1715">
        <v>11.150000000000006</v>
      </c>
      <c r="AD1715">
        <v>89.45</v>
      </c>
      <c r="AE1715">
        <v>8.6161390000000004</v>
      </c>
      <c r="AF1715">
        <v>4.3607077130960192</v>
      </c>
    </row>
    <row r="1716" spans="6:32" x14ac:dyDescent="0.25">
      <c r="F1716">
        <v>28.383333000000007</v>
      </c>
      <c r="G1716">
        <v>4.5836939751558621</v>
      </c>
      <c r="AC1716">
        <v>11.166667000000004</v>
      </c>
      <c r="AD1716">
        <v>89.466667000000001</v>
      </c>
      <c r="AE1716">
        <v>8.6161729999999999</v>
      </c>
      <c r="AF1716">
        <v>4.3611195291150251</v>
      </c>
    </row>
    <row r="1717" spans="6:32" x14ac:dyDescent="0.25">
      <c r="F1717">
        <v>28.400000000000006</v>
      </c>
      <c r="G1717">
        <v>4.5836939751558621</v>
      </c>
      <c r="AC1717">
        <v>11.183333000000005</v>
      </c>
      <c r="AD1717">
        <v>89.483333000000002</v>
      </c>
      <c r="AE1717">
        <v>8.616206</v>
      </c>
      <c r="AF1717">
        <v>4.3615192328981873</v>
      </c>
    </row>
    <row r="1718" spans="6:32" x14ac:dyDescent="0.25">
      <c r="F1718">
        <v>28.416667000000004</v>
      </c>
      <c r="G1718">
        <v>4.5836939751558621</v>
      </c>
      <c r="AC1718">
        <v>11.200000000000003</v>
      </c>
      <c r="AD1718">
        <v>89.5</v>
      </c>
      <c r="AE1718">
        <v>8.6162399999999995</v>
      </c>
      <c r="AF1718">
        <v>4.3619310489171932</v>
      </c>
    </row>
    <row r="1719" spans="6:32" x14ac:dyDescent="0.25">
      <c r="F1719">
        <v>28.433333000000005</v>
      </c>
      <c r="G1719">
        <v>4.5841057911748679</v>
      </c>
      <c r="AC1719">
        <v>11.216667000000001</v>
      </c>
      <c r="AD1719">
        <v>89.516666999999998</v>
      </c>
      <c r="AE1719">
        <v>8.6162740000000007</v>
      </c>
      <c r="AF1719">
        <v>4.3623428649362213</v>
      </c>
    </row>
    <row r="1720" spans="6:32" x14ac:dyDescent="0.25">
      <c r="F1720">
        <v>28.450000000000003</v>
      </c>
      <c r="G1720">
        <v>4.5841057911748679</v>
      </c>
      <c r="AC1720">
        <v>11.233333000000002</v>
      </c>
      <c r="AD1720">
        <v>89.533332999999999</v>
      </c>
      <c r="AE1720">
        <v>8.6163070000000008</v>
      </c>
      <c r="AF1720">
        <v>4.3627425687193835</v>
      </c>
    </row>
    <row r="1721" spans="6:32" x14ac:dyDescent="0.25">
      <c r="F1721">
        <v>28.466667000000001</v>
      </c>
      <c r="G1721">
        <v>4.584517607193896</v>
      </c>
      <c r="AC1721">
        <v>11.25</v>
      </c>
      <c r="AD1721">
        <v>89.55</v>
      </c>
      <c r="AE1721">
        <v>8.6163410000000002</v>
      </c>
      <c r="AF1721">
        <v>4.3631543847383902</v>
      </c>
    </row>
    <row r="1722" spans="6:32" x14ac:dyDescent="0.25">
      <c r="F1722">
        <v>28.483333000000002</v>
      </c>
      <c r="G1722">
        <v>4.584517607193896</v>
      </c>
      <c r="AC1722">
        <v>11.266666999999998</v>
      </c>
      <c r="AD1722">
        <v>89.566666999999995</v>
      </c>
      <c r="AE1722">
        <v>8.6163749999999997</v>
      </c>
      <c r="AF1722">
        <v>4.3635662007573961</v>
      </c>
    </row>
    <row r="1723" spans="6:32" x14ac:dyDescent="0.25">
      <c r="F1723">
        <v>28.5</v>
      </c>
      <c r="G1723">
        <v>4.584517607193896</v>
      </c>
      <c r="AC1723">
        <v>11.283332999999999</v>
      </c>
      <c r="AD1723">
        <v>89.583332999999996</v>
      </c>
      <c r="AE1723">
        <v>8.6164079999999998</v>
      </c>
      <c r="AF1723">
        <v>4.3639659045405583</v>
      </c>
    </row>
    <row r="1724" spans="6:32" x14ac:dyDescent="0.25">
      <c r="F1724">
        <v>28.516666999999998</v>
      </c>
      <c r="G1724">
        <v>4.5849173109770582</v>
      </c>
      <c r="AC1724">
        <v>11.299999999999997</v>
      </c>
      <c r="AD1724">
        <v>89.6</v>
      </c>
      <c r="AE1724">
        <v>8.6164079999999998</v>
      </c>
      <c r="AF1724">
        <v>4.3639659045405583</v>
      </c>
    </row>
    <row r="1725" spans="6:32" x14ac:dyDescent="0.25">
      <c r="F1725">
        <v>28.533332999999999</v>
      </c>
      <c r="G1725">
        <v>4.5849173109770582</v>
      </c>
      <c r="AC1725">
        <v>11.31666700000001</v>
      </c>
      <c r="AD1725">
        <v>89.616667000000007</v>
      </c>
      <c r="AE1725">
        <v>8.6164419999999993</v>
      </c>
      <c r="AF1725">
        <v>4.3643777205595651</v>
      </c>
    </row>
    <row r="1726" spans="6:32" x14ac:dyDescent="0.25">
      <c r="F1726">
        <v>28.549999999999997</v>
      </c>
      <c r="G1726">
        <v>4.5849173109770582</v>
      </c>
      <c r="AC1726">
        <v>11.333332999999996</v>
      </c>
      <c r="AD1726">
        <v>89.633332999999993</v>
      </c>
      <c r="AE1726">
        <v>8.6164760000000005</v>
      </c>
      <c r="AF1726">
        <v>4.3647895365785923</v>
      </c>
    </row>
    <row r="1727" spans="6:32" x14ac:dyDescent="0.25">
      <c r="F1727">
        <v>28.56666700000001</v>
      </c>
      <c r="G1727">
        <v>4.5853291269960641</v>
      </c>
      <c r="AC1727">
        <v>11.350000000000009</v>
      </c>
      <c r="AD1727">
        <v>89.65</v>
      </c>
      <c r="AE1727">
        <v>8.6165090000000006</v>
      </c>
      <c r="AF1727">
        <v>4.3651892403617545</v>
      </c>
    </row>
    <row r="1728" spans="6:32" x14ac:dyDescent="0.25">
      <c r="F1728">
        <v>28.583332999999996</v>
      </c>
      <c r="G1728">
        <v>4.5853291269960641</v>
      </c>
      <c r="AC1728">
        <v>11.366667000000007</v>
      </c>
      <c r="AD1728">
        <v>89.666667000000004</v>
      </c>
      <c r="AE1728">
        <v>8.6165430000000001</v>
      </c>
      <c r="AF1728">
        <v>4.3656010563807603</v>
      </c>
    </row>
    <row r="1729" spans="6:32" x14ac:dyDescent="0.25">
      <c r="F1729">
        <v>28.600000000000009</v>
      </c>
      <c r="G1729">
        <v>4.5853291269960641</v>
      </c>
      <c r="AC1729">
        <v>11.383333000000007</v>
      </c>
      <c r="AD1729">
        <v>89.683333000000005</v>
      </c>
      <c r="AE1729">
        <v>8.6165769999999995</v>
      </c>
      <c r="AF1729">
        <v>4.3660128723997671</v>
      </c>
    </row>
    <row r="1730" spans="6:32" x14ac:dyDescent="0.25">
      <c r="F1730">
        <v>28.616667000000007</v>
      </c>
      <c r="G1730">
        <v>4.5853291269960641</v>
      </c>
      <c r="AC1730">
        <v>11.400000000000006</v>
      </c>
      <c r="AD1730">
        <v>89.7</v>
      </c>
      <c r="AE1730">
        <v>8.6166099999999997</v>
      </c>
      <c r="AF1730">
        <v>4.3664125761829293</v>
      </c>
    </row>
    <row r="1731" spans="6:32" x14ac:dyDescent="0.25">
      <c r="F1731">
        <v>28.633333000000007</v>
      </c>
      <c r="G1731">
        <v>4.5853291269960641</v>
      </c>
      <c r="AC1731">
        <v>11.416667000000004</v>
      </c>
      <c r="AD1731">
        <v>89.716667000000001</v>
      </c>
      <c r="AE1731">
        <v>8.6166440000000009</v>
      </c>
      <c r="AF1731">
        <v>4.3668243922019565</v>
      </c>
    </row>
    <row r="1732" spans="6:32" x14ac:dyDescent="0.25">
      <c r="F1732">
        <v>28.650000000000006</v>
      </c>
      <c r="G1732">
        <v>4.5857409430150708</v>
      </c>
      <c r="AC1732">
        <v>11.433333000000005</v>
      </c>
      <c r="AD1732">
        <v>89.733333000000002</v>
      </c>
      <c r="AE1732">
        <v>8.6166780000000003</v>
      </c>
      <c r="AF1732">
        <v>4.3672362082209633</v>
      </c>
    </row>
    <row r="1733" spans="6:32" x14ac:dyDescent="0.25">
      <c r="F1733">
        <v>28.666667000000004</v>
      </c>
      <c r="G1733">
        <v>4.5857409430150708</v>
      </c>
      <c r="AC1733">
        <v>11.450000000000003</v>
      </c>
      <c r="AD1733">
        <v>89.75</v>
      </c>
      <c r="AE1733">
        <v>8.6167110000000005</v>
      </c>
      <c r="AF1733">
        <v>4.3676359120041255</v>
      </c>
    </row>
    <row r="1734" spans="6:32" x14ac:dyDescent="0.25">
      <c r="F1734">
        <v>28.683333000000005</v>
      </c>
      <c r="G1734">
        <v>4.5857409430150708</v>
      </c>
      <c r="AC1734">
        <v>11.466667000000001</v>
      </c>
      <c r="AD1734">
        <v>89.766666999999998</v>
      </c>
      <c r="AE1734">
        <v>8.6167449999999999</v>
      </c>
      <c r="AF1734">
        <v>4.3680477280231322</v>
      </c>
    </row>
    <row r="1735" spans="6:32" x14ac:dyDescent="0.25">
      <c r="F1735">
        <v>28.700000000000003</v>
      </c>
      <c r="G1735">
        <v>4.5857409430150708</v>
      </c>
      <c r="AC1735">
        <v>11.483333000000002</v>
      </c>
      <c r="AD1735">
        <v>89.783332999999999</v>
      </c>
      <c r="AE1735">
        <v>8.6167789999999993</v>
      </c>
      <c r="AF1735">
        <v>4.3684595440421381</v>
      </c>
    </row>
    <row r="1736" spans="6:32" x14ac:dyDescent="0.25">
      <c r="F1736">
        <v>28.716667000000001</v>
      </c>
      <c r="G1736">
        <v>4.5857409430150708</v>
      </c>
      <c r="AC1736">
        <v>11.5</v>
      </c>
      <c r="AD1736">
        <v>89.8</v>
      </c>
      <c r="AE1736">
        <v>8.6168119999999995</v>
      </c>
      <c r="AF1736">
        <v>4.3688592478252994</v>
      </c>
    </row>
    <row r="1737" spans="6:32" x14ac:dyDescent="0.25">
      <c r="F1737">
        <v>28.733333000000002</v>
      </c>
      <c r="G1737">
        <v>4.5861406467982331</v>
      </c>
      <c r="AC1737">
        <v>11.516666999999998</v>
      </c>
      <c r="AD1737">
        <v>89.816666999999995</v>
      </c>
      <c r="AE1737">
        <v>8.6168460000000007</v>
      </c>
      <c r="AF1737">
        <v>4.3692710638443284</v>
      </c>
    </row>
    <row r="1738" spans="6:32" x14ac:dyDescent="0.25">
      <c r="F1738">
        <v>28.75</v>
      </c>
      <c r="G1738">
        <v>4.5861406467982331</v>
      </c>
      <c r="AC1738">
        <v>11.533332999999999</v>
      </c>
      <c r="AD1738">
        <v>89.833332999999996</v>
      </c>
      <c r="AE1738">
        <v>8.6168460000000007</v>
      </c>
      <c r="AF1738">
        <v>4.3692710638443284</v>
      </c>
    </row>
    <row r="1739" spans="6:32" x14ac:dyDescent="0.25">
      <c r="F1739">
        <v>28.766666999999998</v>
      </c>
      <c r="G1739">
        <v>4.5861406467982331</v>
      </c>
      <c r="AC1739">
        <v>11.549999999999997</v>
      </c>
      <c r="AD1739">
        <v>89.85</v>
      </c>
      <c r="AE1739">
        <v>8.6168790000000008</v>
      </c>
      <c r="AF1739">
        <v>4.3696707676274897</v>
      </c>
    </row>
    <row r="1740" spans="6:32" x14ac:dyDescent="0.25">
      <c r="F1740">
        <v>28.783332999999999</v>
      </c>
      <c r="G1740">
        <v>4.5865524628172603</v>
      </c>
      <c r="AC1740">
        <v>11.56666700000001</v>
      </c>
      <c r="AD1740">
        <v>89.866667000000007</v>
      </c>
      <c r="AE1740">
        <v>8.6169130000000003</v>
      </c>
      <c r="AF1740">
        <v>4.3700825836464965</v>
      </c>
    </row>
    <row r="1741" spans="6:32" x14ac:dyDescent="0.25">
      <c r="F1741">
        <v>28.799999999999997</v>
      </c>
      <c r="G1741">
        <v>4.5865524628172603</v>
      </c>
      <c r="AC1741">
        <v>11.583332999999996</v>
      </c>
      <c r="AD1741">
        <v>89.883332999999993</v>
      </c>
      <c r="AE1741">
        <v>8.6169469999999997</v>
      </c>
      <c r="AF1741">
        <v>4.3704943996655023</v>
      </c>
    </row>
    <row r="1742" spans="6:32" x14ac:dyDescent="0.25">
      <c r="F1742">
        <v>28.81666700000001</v>
      </c>
      <c r="G1742">
        <v>4.5865524628172603</v>
      </c>
      <c r="AC1742">
        <v>11.600000000000009</v>
      </c>
      <c r="AD1742">
        <v>89.9</v>
      </c>
      <c r="AE1742">
        <v>8.6169799999999999</v>
      </c>
      <c r="AF1742">
        <v>4.3708941034486646</v>
      </c>
    </row>
    <row r="1743" spans="6:32" x14ac:dyDescent="0.25">
      <c r="F1743">
        <v>28.833332999999996</v>
      </c>
      <c r="G1743">
        <v>4.5865524628172603</v>
      </c>
      <c r="AC1743">
        <v>11.616667000000007</v>
      </c>
      <c r="AD1743">
        <v>89.916667000000004</v>
      </c>
      <c r="AE1743">
        <v>8.6170139999999993</v>
      </c>
      <c r="AF1743">
        <v>4.3713059194676713</v>
      </c>
    </row>
    <row r="1744" spans="6:32" x14ac:dyDescent="0.25">
      <c r="F1744">
        <v>28.850000000000009</v>
      </c>
      <c r="G1744">
        <v>4.5869521666004012</v>
      </c>
      <c r="AC1744">
        <v>11.633333000000007</v>
      </c>
      <c r="AD1744">
        <v>89.933333000000005</v>
      </c>
      <c r="AE1744">
        <v>8.6170480000000005</v>
      </c>
      <c r="AF1744">
        <v>4.3717177354866985</v>
      </c>
    </row>
    <row r="1745" spans="6:32" x14ac:dyDescent="0.25">
      <c r="F1745">
        <v>28.866667000000007</v>
      </c>
      <c r="G1745">
        <v>4.5869521666004012</v>
      </c>
      <c r="AC1745">
        <v>11.650000000000006</v>
      </c>
      <c r="AD1745">
        <v>89.95</v>
      </c>
      <c r="AE1745">
        <v>8.6170810000000007</v>
      </c>
      <c r="AF1745">
        <v>4.3721174392698607</v>
      </c>
    </row>
    <row r="1746" spans="6:32" x14ac:dyDescent="0.25">
      <c r="F1746">
        <v>28.883333000000007</v>
      </c>
      <c r="G1746">
        <v>4.5869521666004012</v>
      </c>
      <c r="AC1746">
        <v>11.666667000000004</v>
      </c>
      <c r="AD1746">
        <v>89.966667000000001</v>
      </c>
      <c r="AE1746">
        <v>8.6171150000000001</v>
      </c>
      <c r="AF1746">
        <v>4.3725292552888675</v>
      </c>
    </row>
    <row r="1747" spans="6:32" x14ac:dyDescent="0.25">
      <c r="F1747">
        <v>28.900000000000006</v>
      </c>
      <c r="G1747">
        <v>4.5869521666004012</v>
      </c>
      <c r="AC1747">
        <v>11.683333000000005</v>
      </c>
      <c r="AD1747">
        <v>89.983333000000002</v>
      </c>
      <c r="AE1747">
        <v>8.6171489999999995</v>
      </c>
      <c r="AF1747">
        <v>4.3729410713078734</v>
      </c>
    </row>
    <row r="1748" spans="6:32" x14ac:dyDescent="0.25">
      <c r="F1748">
        <v>28.916667000000004</v>
      </c>
      <c r="G1748">
        <v>4.5873639826194283</v>
      </c>
      <c r="AC1748">
        <v>11.700000000000003</v>
      </c>
      <c r="AD1748">
        <v>90</v>
      </c>
      <c r="AE1748">
        <v>8.6171819999999997</v>
      </c>
      <c r="AF1748">
        <v>4.3733407750910356</v>
      </c>
    </row>
    <row r="1749" spans="6:32" x14ac:dyDescent="0.25">
      <c r="F1749">
        <v>28.933333000000005</v>
      </c>
      <c r="G1749">
        <v>4.5873639826194283</v>
      </c>
      <c r="AC1749">
        <v>11.716667000000001</v>
      </c>
      <c r="AD1749">
        <v>90.016666999999998</v>
      </c>
      <c r="AE1749">
        <v>8.6171819999999997</v>
      </c>
      <c r="AF1749">
        <v>4.3733407750910356</v>
      </c>
    </row>
    <row r="1750" spans="6:32" x14ac:dyDescent="0.25">
      <c r="F1750">
        <v>28.950000000000003</v>
      </c>
      <c r="G1750">
        <v>4.5873639826194283</v>
      </c>
      <c r="AC1750">
        <v>11.733333000000002</v>
      </c>
      <c r="AD1750">
        <v>90.033332999999999</v>
      </c>
      <c r="AE1750">
        <v>8.6172160000000009</v>
      </c>
      <c r="AF1750">
        <v>4.3737525911100628</v>
      </c>
    </row>
    <row r="1751" spans="6:32" x14ac:dyDescent="0.25">
      <c r="F1751">
        <v>28.966667000000001</v>
      </c>
      <c r="G1751">
        <v>4.5873639826194283</v>
      </c>
      <c r="AC1751">
        <v>11.75</v>
      </c>
      <c r="AD1751">
        <v>90.05</v>
      </c>
      <c r="AE1751">
        <v>8.6172500000000003</v>
      </c>
      <c r="AF1751">
        <v>4.3741644071290695</v>
      </c>
    </row>
    <row r="1752" spans="6:32" x14ac:dyDescent="0.25">
      <c r="F1752">
        <v>28.983333000000002</v>
      </c>
      <c r="G1752">
        <v>4.5877757986384351</v>
      </c>
      <c r="AC1752">
        <v>11.766666999999998</v>
      </c>
      <c r="AD1752">
        <v>90.066666999999995</v>
      </c>
      <c r="AE1752">
        <v>8.6172830000000005</v>
      </c>
      <c r="AF1752">
        <v>4.3745641109122317</v>
      </c>
    </row>
    <row r="1753" spans="6:32" x14ac:dyDescent="0.25">
      <c r="F1753">
        <v>29</v>
      </c>
      <c r="G1753">
        <v>4.5877757986384351</v>
      </c>
      <c r="AC1753">
        <v>11.783332999999999</v>
      </c>
      <c r="AD1753">
        <v>90.083332999999996</v>
      </c>
      <c r="AE1753">
        <v>8.6173169999999999</v>
      </c>
      <c r="AF1753">
        <v>4.3749759269312376</v>
      </c>
    </row>
    <row r="1754" spans="6:32" x14ac:dyDescent="0.25">
      <c r="F1754">
        <v>29.016666999999998</v>
      </c>
      <c r="G1754">
        <v>4.5877757986384351</v>
      </c>
      <c r="AC1754">
        <v>11.799999999999997</v>
      </c>
      <c r="AD1754">
        <v>90.1</v>
      </c>
      <c r="AE1754">
        <v>8.6173509999999993</v>
      </c>
      <c r="AF1754">
        <v>4.3753877429502444</v>
      </c>
    </row>
    <row r="1755" spans="6:32" x14ac:dyDescent="0.25">
      <c r="F1755">
        <v>29.033332999999999</v>
      </c>
      <c r="G1755">
        <v>4.5877757986384351</v>
      </c>
      <c r="AC1755">
        <v>11.81666700000001</v>
      </c>
      <c r="AD1755">
        <v>90.116667000000007</v>
      </c>
      <c r="AE1755">
        <v>8.6173839999999995</v>
      </c>
      <c r="AF1755">
        <v>4.3757874467334066</v>
      </c>
    </row>
    <row r="1756" spans="6:32" x14ac:dyDescent="0.25">
      <c r="F1756">
        <v>29.049999999999997</v>
      </c>
      <c r="G1756">
        <v>4.5881755024215973</v>
      </c>
      <c r="AC1756">
        <v>11.833332999999996</v>
      </c>
      <c r="AD1756">
        <v>90.133332999999993</v>
      </c>
      <c r="AE1756">
        <v>8.6174180000000007</v>
      </c>
      <c r="AF1756">
        <v>4.3761992627524346</v>
      </c>
    </row>
    <row r="1757" spans="6:32" x14ac:dyDescent="0.25">
      <c r="F1757">
        <v>29.06666700000001</v>
      </c>
      <c r="G1757">
        <v>4.5881755024215973</v>
      </c>
      <c r="AC1757">
        <v>11.850000000000009</v>
      </c>
      <c r="AD1757">
        <v>90.15</v>
      </c>
      <c r="AE1757">
        <v>8.6174520000000001</v>
      </c>
      <c r="AF1757">
        <v>4.3766110787714405</v>
      </c>
    </row>
    <row r="1758" spans="6:32" x14ac:dyDescent="0.25">
      <c r="F1758">
        <v>29.083332999999996</v>
      </c>
      <c r="G1758">
        <v>4.5881755024215973</v>
      </c>
      <c r="AC1758">
        <v>11.866667000000007</v>
      </c>
      <c r="AD1758">
        <v>90.166667000000004</v>
      </c>
      <c r="AE1758">
        <v>8.6174850000000003</v>
      </c>
      <c r="AF1758">
        <v>4.3770107825546027</v>
      </c>
    </row>
    <row r="1759" spans="6:32" x14ac:dyDescent="0.25">
      <c r="F1759">
        <v>29.100000000000009</v>
      </c>
      <c r="G1759">
        <v>4.5881755024215973</v>
      </c>
      <c r="AC1759">
        <v>11.883333000000007</v>
      </c>
      <c r="AD1759">
        <v>90.183333000000005</v>
      </c>
      <c r="AE1759">
        <v>8.6175189999999997</v>
      </c>
      <c r="AF1759">
        <v>4.3774225985736086</v>
      </c>
    </row>
    <row r="1760" spans="6:32" x14ac:dyDescent="0.25">
      <c r="F1760">
        <v>29.116667000000007</v>
      </c>
      <c r="G1760">
        <v>4.5885873184406032</v>
      </c>
      <c r="AC1760">
        <v>11.900000000000006</v>
      </c>
      <c r="AD1760">
        <v>90.2</v>
      </c>
      <c r="AE1760">
        <v>8.6175529999999991</v>
      </c>
      <c r="AF1760">
        <v>4.3778344145926154</v>
      </c>
    </row>
    <row r="1761" spans="6:32" x14ac:dyDescent="0.25">
      <c r="F1761">
        <v>29.133333000000007</v>
      </c>
      <c r="G1761">
        <v>4.5885873184406032</v>
      </c>
      <c r="AC1761">
        <v>11.916667000000004</v>
      </c>
      <c r="AD1761">
        <v>90.216667000000001</v>
      </c>
      <c r="AE1761">
        <v>8.6175529999999991</v>
      </c>
      <c r="AF1761">
        <v>4.3778344145926154</v>
      </c>
    </row>
    <row r="1762" spans="6:32" x14ac:dyDescent="0.25">
      <c r="F1762">
        <v>29.150000000000006</v>
      </c>
      <c r="G1762">
        <v>4.5885873184406032</v>
      </c>
      <c r="AC1762">
        <v>11.933333000000005</v>
      </c>
      <c r="AD1762">
        <v>90.233333000000002</v>
      </c>
      <c r="AE1762">
        <v>8.6175859999999993</v>
      </c>
      <c r="AF1762">
        <v>4.3782341183757776</v>
      </c>
    </row>
    <row r="1763" spans="6:32" x14ac:dyDescent="0.25">
      <c r="F1763">
        <v>29.166667000000004</v>
      </c>
      <c r="G1763">
        <v>4.5885873184406032</v>
      </c>
      <c r="AC1763">
        <v>11.950000000000003</v>
      </c>
      <c r="AD1763">
        <v>90.25</v>
      </c>
      <c r="AE1763">
        <v>8.6176200000000005</v>
      </c>
      <c r="AF1763">
        <v>4.3786459343948048</v>
      </c>
    </row>
    <row r="1764" spans="6:32" x14ac:dyDescent="0.25">
      <c r="F1764">
        <v>29.183333000000005</v>
      </c>
      <c r="G1764">
        <v>4.5885873184406032</v>
      </c>
      <c r="AC1764">
        <v>11.966667000000001</v>
      </c>
      <c r="AD1764">
        <v>90.266666999999998</v>
      </c>
      <c r="AE1764">
        <v>8.6176539999999999</v>
      </c>
      <c r="AF1764">
        <v>4.3790577504138115</v>
      </c>
    </row>
    <row r="1765" spans="6:32" x14ac:dyDescent="0.25">
      <c r="F1765">
        <v>29.200000000000003</v>
      </c>
      <c r="G1765">
        <v>4.5885873184406032</v>
      </c>
      <c r="AC1765">
        <v>11.983333000000002</v>
      </c>
      <c r="AD1765">
        <v>90.283332999999999</v>
      </c>
      <c r="AE1765">
        <v>8.6176870000000001</v>
      </c>
      <c r="AF1765">
        <v>4.3794574541969737</v>
      </c>
    </row>
    <row r="1766" spans="6:32" x14ac:dyDescent="0.25">
      <c r="F1766">
        <v>29.216667000000001</v>
      </c>
      <c r="G1766">
        <v>4.5885873184406032</v>
      </c>
      <c r="AC1766">
        <v>12</v>
      </c>
      <c r="AD1766">
        <v>90.3</v>
      </c>
      <c r="AE1766">
        <v>8.6177209999999995</v>
      </c>
      <c r="AF1766">
        <v>4.3798692702159796</v>
      </c>
    </row>
    <row r="1767" spans="6:32" x14ac:dyDescent="0.25">
      <c r="F1767">
        <v>29.233333000000002</v>
      </c>
      <c r="G1767">
        <v>4.5885873184406032</v>
      </c>
      <c r="AC1767">
        <v>12.016666999999998</v>
      </c>
      <c r="AD1767">
        <v>90.316666999999995</v>
      </c>
      <c r="AE1767">
        <v>8.6177209999999995</v>
      </c>
      <c r="AF1767">
        <v>4.3798692702159796</v>
      </c>
    </row>
    <row r="1768" spans="6:32" x14ac:dyDescent="0.25">
      <c r="F1768">
        <v>29.25</v>
      </c>
      <c r="G1768">
        <v>4.5885873184406032</v>
      </c>
      <c r="AC1768">
        <v>12.033332999999999</v>
      </c>
      <c r="AD1768">
        <v>90.333332999999996</v>
      </c>
      <c r="AE1768">
        <v>8.6177550000000007</v>
      </c>
      <c r="AF1768">
        <v>4.3802810862350077</v>
      </c>
    </row>
    <row r="1769" spans="6:32" x14ac:dyDescent="0.25">
      <c r="F1769">
        <v>29.266666999999998</v>
      </c>
      <c r="G1769">
        <v>4.5885873184406032</v>
      </c>
      <c r="AC1769">
        <v>12.049999999999997</v>
      </c>
      <c r="AD1769">
        <v>90.35</v>
      </c>
      <c r="AE1769">
        <v>8.6177879999999991</v>
      </c>
      <c r="AF1769">
        <v>4.3806807900181477</v>
      </c>
    </row>
    <row r="1770" spans="6:32" x14ac:dyDescent="0.25">
      <c r="F1770">
        <v>29.283332999999999</v>
      </c>
      <c r="G1770">
        <v>4.5885873184406032</v>
      </c>
      <c r="AC1770">
        <v>12.06666700000001</v>
      </c>
      <c r="AD1770">
        <v>90.366667000000007</v>
      </c>
      <c r="AE1770">
        <v>8.6178220000000003</v>
      </c>
      <c r="AF1770">
        <v>4.3810926060371767</v>
      </c>
    </row>
    <row r="1771" spans="6:32" x14ac:dyDescent="0.25">
      <c r="F1771">
        <v>29.299999999999997</v>
      </c>
      <c r="G1771">
        <v>4.5885873184406032</v>
      </c>
      <c r="AC1771">
        <v>12.083332999999996</v>
      </c>
      <c r="AD1771">
        <v>90.383332999999993</v>
      </c>
      <c r="AE1771">
        <v>8.6178559999999997</v>
      </c>
      <c r="AF1771">
        <v>4.3815044220561825</v>
      </c>
    </row>
    <row r="1772" spans="6:32" x14ac:dyDescent="0.25">
      <c r="F1772">
        <v>29.31666700000001</v>
      </c>
      <c r="G1772">
        <v>4.5885873184406032</v>
      </c>
      <c r="AC1772">
        <v>12.100000000000009</v>
      </c>
      <c r="AD1772">
        <v>90.4</v>
      </c>
      <c r="AE1772">
        <v>8.6178889999999999</v>
      </c>
      <c r="AF1772">
        <v>4.3819041258393439</v>
      </c>
    </row>
    <row r="1773" spans="6:32" x14ac:dyDescent="0.25">
      <c r="F1773">
        <v>29.333332999999996</v>
      </c>
      <c r="G1773">
        <v>4.5889991344596313</v>
      </c>
      <c r="AC1773">
        <v>12.116667000000007</v>
      </c>
      <c r="AD1773">
        <v>90.416667000000004</v>
      </c>
      <c r="AE1773">
        <v>8.6179229999999993</v>
      </c>
      <c r="AF1773">
        <v>4.3823159418583506</v>
      </c>
    </row>
    <row r="1774" spans="6:32" x14ac:dyDescent="0.25">
      <c r="F1774">
        <v>29.350000000000009</v>
      </c>
      <c r="G1774">
        <v>4.5889991344596313</v>
      </c>
      <c r="AC1774">
        <v>12.133333000000007</v>
      </c>
      <c r="AD1774">
        <v>90.433333000000005</v>
      </c>
      <c r="AE1774">
        <v>8.6179570000000005</v>
      </c>
      <c r="AF1774">
        <v>4.3827277578773787</v>
      </c>
    </row>
    <row r="1775" spans="6:32" x14ac:dyDescent="0.25">
      <c r="F1775">
        <v>29.366667000000007</v>
      </c>
      <c r="G1775">
        <v>4.5889991344596313</v>
      </c>
      <c r="AC1775">
        <v>12.150000000000006</v>
      </c>
      <c r="AD1775">
        <v>90.45</v>
      </c>
      <c r="AE1775">
        <v>8.6179900000000007</v>
      </c>
      <c r="AF1775">
        <v>4.3831274616605409</v>
      </c>
    </row>
    <row r="1776" spans="6:32" x14ac:dyDescent="0.25">
      <c r="F1776">
        <v>29.383333000000007</v>
      </c>
      <c r="G1776">
        <v>4.5889991344596313</v>
      </c>
      <c r="AC1776">
        <v>12.166667000000004</v>
      </c>
      <c r="AD1776">
        <v>90.466667000000001</v>
      </c>
      <c r="AE1776">
        <v>8.6180240000000001</v>
      </c>
      <c r="AF1776">
        <v>4.3835392776795468</v>
      </c>
    </row>
    <row r="1777" spans="6:32" x14ac:dyDescent="0.25">
      <c r="F1777">
        <v>29.400000000000006</v>
      </c>
      <c r="G1777">
        <v>4.5889991344596313</v>
      </c>
      <c r="AC1777">
        <v>12.183333000000005</v>
      </c>
      <c r="AD1777">
        <v>90.483333000000002</v>
      </c>
      <c r="AE1777">
        <v>8.6180570000000003</v>
      </c>
      <c r="AF1777">
        <v>4.383938981462709</v>
      </c>
    </row>
    <row r="1778" spans="6:32" x14ac:dyDescent="0.25">
      <c r="F1778">
        <v>29.416667000000004</v>
      </c>
      <c r="G1778">
        <v>4.5889991344596313</v>
      </c>
      <c r="AC1778">
        <v>12.200000000000003</v>
      </c>
      <c r="AD1778">
        <v>90.5</v>
      </c>
      <c r="AE1778">
        <v>8.6180909999999997</v>
      </c>
      <c r="AF1778">
        <v>4.3843507974817157</v>
      </c>
    </row>
    <row r="1779" spans="6:32" x14ac:dyDescent="0.25">
      <c r="F1779">
        <v>29.433333000000005</v>
      </c>
      <c r="G1779">
        <v>4.5893988382427935</v>
      </c>
      <c r="AC1779">
        <v>12.216667000000001</v>
      </c>
      <c r="AD1779">
        <v>90.516666999999998</v>
      </c>
      <c r="AE1779">
        <v>8.6180909999999997</v>
      </c>
      <c r="AF1779">
        <v>4.3843507974817157</v>
      </c>
    </row>
    <row r="1780" spans="6:32" x14ac:dyDescent="0.25">
      <c r="F1780">
        <v>29.450000000000003</v>
      </c>
      <c r="G1780">
        <v>4.5893988382427935</v>
      </c>
      <c r="AC1780">
        <v>12.233333000000002</v>
      </c>
      <c r="AD1780">
        <v>90.533332999999999</v>
      </c>
      <c r="AE1780">
        <v>8.6181249999999991</v>
      </c>
      <c r="AF1780">
        <v>4.3847626135007216</v>
      </c>
    </row>
    <row r="1781" spans="6:32" x14ac:dyDescent="0.25">
      <c r="F1781">
        <v>29.466667000000001</v>
      </c>
      <c r="G1781">
        <v>4.5893988382427935</v>
      </c>
      <c r="AC1781">
        <v>12.25</v>
      </c>
      <c r="AD1781">
        <v>90.55</v>
      </c>
      <c r="AE1781">
        <v>8.6181579999999993</v>
      </c>
      <c r="AF1781">
        <v>4.3851623172838838</v>
      </c>
    </row>
    <row r="1782" spans="6:32" x14ac:dyDescent="0.25">
      <c r="F1782">
        <v>29.483333000000002</v>
      </c>
      <c r="G1782">
        <v>4.5893988382427935</v>
      </c>
      <c r="AC1782">
        <v>12.266666999999998</v>
      </c>
      <c r="AD1782">
        <v>90.566666999999995</v>
      </c>
      <c r="AE1782">
        <v>8.6181920000000005</v>
      </c>
      <c r="AF1782">
        <v>4.3855741333029119</v>
      </c>
    </row>
    <row r="1783" spans="6:32" x14ac:dyDescent="0.25">
      <c r="F1783">
        <v>29.5</v>
      </c>
      <c r="G1783">
        <v>4.5893988382427935</v>
      </c>
      <c r="AC1783">
        <v>12.283332999999999</v>
      </c>
      <c r="AD1783">
        <v>90.583332999999996</v>
      </c>
      <c r="AE1783">
        <v>8.6182259999999999</v>
      </c>
      <c r="AF1783">
        <v>4.3859859493219178</v>
      </c>
    </row>
    <row r="1784" spans="6:32" x14ac:dyDescent="0.25">
      <c r="F1784">
        <v>29.516666999999998</v>
      </c>
      <c r="G1784">
        <v>4.5893988382427935</v>
      </c>
      <c r="AC1784">
        <v>12.299999999999997</v>
      </c>
      <c r="AD1784">
        <v>90.6</v>
      </c>
      <c r="AE1784">
        <v>8.6182590000000001</v>
      </c>
      <c r="AF1784">
        <v>4.38638565310508</v>
      </c>
    </row>
    <row r="1785" spans="6:32" x14ac:dyDescent="0.25">
      <c r="F1785">
        <v>29.533332999999999</v>
      </c>
      <c r="G1785">
        <v>4.5898106542618002</v>
      </c>
      <c r="AC1785">
        <v>12.31666700000001</v>
      </c>
      <c r="AD1785">
        <v>90.616667000000007</v>
      </c>
      <c r="AE1785">
        <v>8.6182929999999995</v>
      </c>
      <c r="AF1785">
        <v>4.3867974691240859</v>
      </c>
    </row>
    <row r="1786" spans="6:32" x14ac:dyDescent="0.25">
      <c r="F1786">
        <v>29.549999999999997</v>
      </c>
      <c r="G1786">
        <v>4.5898106542618002</v>
      </c>
      <c r="AC1786">
        <v>12.333332999999996</v>
      </c>
      <c r="AD1786">
        <v>90.633332999999993</v>
      </c>
      <c r="AE1786">
        <v>8.6183270000000007</v>
      </c>
      <c r="AF1786">
        <v>4.3872092851431139</v>
      </c>
    </row>
    <row r="1787" spans="6:32" x14ac:dyDescent="0.25">
      <c r="F1787">
        <v>29.56666700000001</v>
      </c>
      <c r="G1787">
        <v>4.5898106542618002</v>
      </c>
      <c r="AC1787">
        <v>12.350000000000009</v>
      </c>
      <c r="AD1787">
        <v>90.65</v>
      </c>
      <c r="AE1787">
        <v>8.6183599999999991</v>
      </c>
      <c r="AF1787">
        <v>4.3876089889262548</v>
      </c>
    </row>
    <row r="1788" spans="6:32" x14ac:dyDescent="0.25">
      <c r="F1788">
        <v>29.583332999999996</v>
      </c>
      <c r="G1788">
        <v>4.5902224702808061</v>
      </c>
      <c r="AC1788">
        <v>12.366667000000007</v>
      </c>
      <c r="AD1788">
        <v>90.666667000000004</v>
      </c>
      <c r="AE1788">
        <v>8.6183940000000003</v>
      </c>
      <c r="AF1788">
        <v>4.388020804945282</v>
      </c>
    </row>
    <row r="1789" spans="6:32" x14ac:dyDescent="0.25">
      <c r="F1789">
        <v>29.600000000000009</v>
      </c>
      <c r="G1789">
        <v>4.5902224702808061</v>
      </c>
      <c r="AC1789">
        <v>12.383333000000007</v>
      </c>
      <c r="AD1789">
        <v>90.683333000000005</v>
      </c>
      <c r="AE1789">
        <v>8.6184279999999998</v>
      </c>
      <c r="AF1789">
        <v>4.3884326209642888</v>
      </c>
    </row>
    <row r="1790" spans="6:32" x14ac:dyDescent="0.25">
      <c r="F1790">
        <v>29.616667000000007</v>
      </c>
      <c r="G1790">
        <v>4.5902224702808061</v>
      </c>
      <c r="AC1790">
        <v>12.400000000000006</v>
      </c>
      <c r="AD1790">
        <v>90.7</v>
      </c>
      <c r="AE1790">
        <v>8.6184609999999999</v>
      </c>
      <c r="AF1790">
        <v>4.388832324747451</v>
      </c>
    </row>
    <row r="1791" spans="6:32" x14ac:dyDescent="0.25">
      <c r="F1791">
        <v>29.633333000000007</v>
      </c>
      <c r="G1791">
        <v>4.5906221740639674</v>
      </c>
      <c r="AC1791">
        <v>12.416667000000004</v>
      </c>
      <c r="AD1791">
        <v>90.716667000000001</v>
      </c>
      <c r="AE1791">
        <v>8.6184949999999994</v>
      </c>
      <c r="AF1791">
        <v>4.3892441407664577</v>
      </c>
    </row>
    <row r="1792" spans="6:32" x14ac:dyDescent="0.25">
      <c r="F1792">
        <v>29.650000000000006</v>
      </c>
      <c r="G1792">
        <v>4.5906221740639674</v>
      </c>
      <c r="AC1792">
        <v>12.433333000000005</v>
      </c>
      <c r="AD1792">
        <v>90.733333000000002</v>
      </c>
      <c r="AE1792">
        <v>8.6185290000000006</v>
      </c>
      <c r="AF1792">
        <v>4.3896559567854849</v>
      </c>
    </row>
    <row r="1793" spans="6:32" x14ac:dyDescent="0.25">
      <c r="F1793">
        <v>29.666667000000004</v>
      </c>
      <c r="G1793">
        <v>4.5906221740639674</v>
      </c>
      <c r="AC1793">
        <v>12.450000000000003</v>
      </c>
      <c r="AD1793">
        <v>90.75</v>
      </c>
      <c r="AE1793">
        <v>8.6185620000000007</v>
      </c>
      <c r="AF1793">
        <v>4.3900556605686463</v>
      </c>
    </row>
    <row r="1794" spans="6:32" x14ac:dyDescent="0.25">
      <c r="F1794">
        <v>29.683333000000005</v>
      </c>
      <c r="G1794">
        <v>4.5910339900829742</v>
      </c>
      <c r="AC1794">
        <v>12.466667000000001</v>
      </c>
      <c r="AD1794">
        <v>90.766666999999998</v>
      </c>
      <c r="AE1794">
        <v>8.6185960000000001</v>
      </c>
      <c r="AF1794">
        <v>4.390467476587653</v>
      </c>
    </row>
    <row r="1795" spans="6:32" x14ac:dyDescent="0.25">
      <c r="F1795">
        <v>29.700000000000003</v>
      </c>
      <c r="G1795">
        <v>4.5910339900829742</v>
      </c>
      <c r="AC1795">
        <v>12.483333000000002</v>
      </c>
      <c r="AD1795">
        <v>90.783332999999999</v>
      </c>
      <c r="AE1795">
        <v>8.6186299999999996</v>
      </c>
      <c r="AF1795">
        <v>4.3908792926066598</v>
      </c>
    </row>
    <row r="1796" spans="6:32" x14ac:dyDescent="0.25">
      <c r="F1796">
        <v>29.716667000000001</v>
      </c>
      <c r="G1796">
        <v>4.5910339900829742</v>
      </c>
      <c r="AC1796">
        <v>12.5</v>
      </c>
      <c r="AD1796">
        <v>90.8</v>
      </c>
      <c r="AE1796">
        <v>8.6186629999999997</v>
      </c>
      <c r="AF1796">
        <v>4.391278996389822</v>
      </c>
    </row>
    <row r="1797" spans="6:32" x14ac:dyDescent="0.25">
      <c r="F1797">
        <v>29.733333000000002</v>
      </c>
      <c r="G1797">
        <v>4.5914458061020023</v>
      </c>
      <c r="AC1797">
        <v>12.516666999999998</v>
      </c>
      <c r="AD1797">
        <v>90.816666999999995</v>
      </c>
      <c r="AE1797">
        <v>8.6186629999999997</v>
      </c>
      <c r="AF1797">
        <v>4.391278996389822</v>
      </c>
    </row>
    <row r="1798" spans="6:32" x14ac:dyDescent="0.25">
      <c r="F1798">
        <v>29.75</v>
      </c>
      <c r="G1798">
        <v>4.5914458061020023</v>
      </c>
      <c r="AC1798">
        <v>12.533332999999999</v>
      </c>
      <c r="AD1798">
        <v>90.833332999999996</v>
      </c>
      <c r="AE1798">
        <v>8.6186969999999992</v>
      </c>
      <c r="AF1798">
        <v>4.3916908124088279</v>
      </c>
    </row>
    <row r="1799" spans="6:32" x14ac:dyDescent="0.25">
      <c r="F1799">
        <v>29.766666999999998</v>
      </c>
      <c r="G1799">
        <v>4.5914458061020023</v>
      </c>
      <c r="AC1799">
        <v>12.549999999999997</v>
      </c>
      <c r="AD1799">
        <v>90.85</v>
      </c>
      <c r="AE1799">
        <v>8.6187310000000004</v>
      </c>
      <c r="AF1799">
        <v>4.3921026284278559</v>
      </c>
    </row>
    <row r="1800" spans="6:32" x14ac:dyDescent="0.25">
      <c r="F1800">
        <v>29.783332999999999</v>
      </c>
      <c r="G1800">
        <v>4.5914458061020023</v>
      </c>
      <c r="AC1800">
        <v>12.56666700000001</v>
      </c>
      <c r="AD1800">
        <v>90.866667000000007</v>
      </c>
      <c r="AE1800">
        <v>8.6187640000000005</v>
      </c>
      <c r="AF1800">
        <v>4.3925023322110182</v>
      </c>
    </row>
    <row r="1801" spans="6:32" x14ac:dyDescent="0.25">
      <c r="F1801">
        <v>29.799999999999997</v>
      </c>
      <c r="G1801">
        <v>4.5918455098851645</v>
      </c>
      <c r="AC1801">
        <v>12.583332999999996</v>
      </c>
      <c r="AD1801">
        <v>90.883332999999993</v>
      </c>
      <c r="AE1801">
        <v>8.618798</v>
      </c>
      <c r="AF1801">
        <v>4.392914148230024</v>
      </c>
    </row>
    <row r="1802" spans="6:32" x14ac:dyDescent="0.25">
      <c r="F1802">
        <v>29.81666700000001</v>
      </c>
      <c r="G1802">
        <v>4.5918455098851645</v>
      </c>
      <c r="AC1802">
        <v>12.600000000000009</v>
      </c>
      <c r="AD1802">
        <v>90.9</v>
      </c>
      <c r="AE1802">
        <v>8.6188319999999994</v>
      </c>
      <c r="AF1802">
        <v>4.3933259642490308</v>
      </c>
    </row>
    <row r="1803" spans="6:32" x14ac:dyDescent="0.25">
      <c r="F1803">
        <v>29.833332999999996</v>
      </c>
      <c r="G1803">
        <v>4.5918455098851645</v>
      </c>
      <c r="AC1803">
        <v>12.616667000000007</v>
      </c>
      <c r="AD1803">
        <v>90.916667000000004</v>
      </c>
      <c r="AE1803">
        <v>8.6188649999999996</v>
      </c>
      <c r="AF1803">
        <v>4.3937256680321921</v>
      </c>
    </row>
    <row r="1804" spans="6:32" x14ac:dyDescent="0.25">
      <c r="F1804">
        <v>29.850000000000009</v>
      </c>
      <c r="G1804">
        <v>4.5918455098851645</v>
      </c>
      <c r="AC1804">
        <v>12.633333000000007</v>
      </c>
      <c r="AD1804">
        <v>90.933333000000005</v>
      </c>
      <c r="AE1804">
        <v>8.6188990000000008</v>
      </c>
      <c r="AF1804">
        <v>4.3941374840512211</v>
      </c>
    </row>
    <row r="1805" spans="6:32" x14ac:dyDescent="0.25">
      <c r="F1805">
        <v>29.866667000000007</v>
      </c>
      <c r="G1805">
        <v>4.5918455098851645</v>
      </c>
      <c r="AC1805">
        <v>12.650000000000006</v>
      </c>
      <c r="AD1805">
        <v>90.95</v>
      </c>
      <c r="AE1805">
        <v>8.6188990000000008</v>
      </c>
      <c r="AF1805">
        <v>4.3941374840512211</v>
      </c>
    </row>
    <row r="1806" spans="6:32" x14ac:dyDescent="0.25">
      <c r="F1806">
        <v>29.883333000000007</v>
      </c>
      <c r="G1806">
        <v>4.5922573259041704</v>
      </c>
      <c r="AC1806">
        <v>12.666667000000004</v>
      </c>
      <c r="AD1806">
        <v>90.966667000000001</v>
      </c>
      <c r="AE1806">
        <v>8.6189330000000002</v>
      </c>
      <c r="AF1806">
        <v>4.3945493000702269</v>
      </c>
    </row>
    <row r="1807" spans="6:32" x14ac:dyDescent="0.25">
      <c r="F1807">
        <v>29.900000000000006</v>
      </c>
      <c r="G1807">
        <v>4.5922573259041704</v>
      </c>
      <c r="AC1807">
        <v>12.683333000000005</v>
      </c>
      <c r="AD1807">
        <v>90.983333000000002</v>
      </c>
      <c r="AE1807">
        <v>8.6189660000000003</v>
      </c>
      <c r="AF1807">
        <v>4.3949490038533883</v>
      </c>
    </row>
    <row r="1808" spans="6:32" x14ac:dyDescent="0.25">
      <c r="F1808">
        <v>29.916667000000004</v>
      </c>
      <c r="G1808">
        <v>4.5922573259041704</v>
      </c>
      <c r="AC1808">
        <v>12.700000000000003</v>
      </c>
      <c r="AD1808">
        <v>91</v>
      </c>
      <c r="AE1808">
        <v>8.6189999999999998</v>
      </c>
      <c r="AF1808">
        <v>4.395360819872395</v>
      </c>
    </row>
    <row r="1809" spans="6:32" x14ac:dyDescent="0.25">
      <c r="F1809">
        <v>29.933333000000005</v>
      </c>
      <c r="G1809">
        <v>4.5926691419231771</v>
      </c>
      <c r="AC1809">
        <v>12.716667000000001</v>
      </c>
      <c r="AD1809">
        <v>91.016666999999998</v>
      </c>
      <c r="AE1809">
        <v>8.6190339999999992</v>
      </c>
      <c r="AF1809">
        <v>4.3957726358914009</v>
      </c>
    </row>
    <row r="1810" spans="6:32" x14ac:dyDescent="0.25">
      <c r="F1810">
        <v>29.950000000000003</v>
      </c>
      <c r="G1810">
        <v>4.5926691419231771</v>
      </c>
      <c r="AC1810">
        <v>12.733333000000002</v>
      </c>
      <c r="AD1810">
        <v>91.033332999999999</v>
      </c>
      <c r="AE1810">
        <v>8.6190339999999992</v>
      </c>
      <c r="AF1810">
        <v>4.3957726358914009</v>
      </c>
    </row>
    <row r="1811" spans="6:32" x14ac:dyDescent="0.25">
      <c r="F1811">
        <v>29.966667000000001</v>
      </c>
      <c r="G1811">
        <v>4.5926691419231771</v>
      </c>
      <c r="AC1811">
        <v>12.75</v>
      </c>
      <c r="AD1811">
        <v>91.05</v>
      </c>
      <c r="AE1811">
        <v>8.6190669999999994</v>
      </c>
      <c r="AF1811">
        <v>4.396172339674564</v>
      </c>
    </row>
    <row r="1812" spans="6:32" x14ac:dyDescent="0.25">
      <c r="F1812">
        <v>29.983333000000002</v>
      </c>
      <c r="G1812">
        <v>4.5930688457063393</v>
      </c>
      <c r="AC1812">
        <v>12.766666999999998</v>
      </c>
      <c r="AD1812">
        <v>91.066666999999995</v>
      </c>
      <c r="AE1812">
        <v>8.6191010000000006</v>
      </c>
      <c r="AF1812">
        <v>4.3965841556935912</v>
      </c>
    </row>
    <row r="1813" spans="6:32" x14ac:dyDescent="0.25">
      <c r="F1813">
        <v>30</v>
      </c>
      <c r="G1813">
        <v>4.5930688457063393</v>
      </c>
      <c r="AC1813">
        <v>12.783332999999999</v>
      </c>
      <c r="AD1813">
        <v>91.083332999999996</v>
      </c>
      <c r="AE1813">
        <v>8.6191340000000007</v>
      </c>
      <c r="AF1813">
        <v>4.3969838594767534</v>
      </c>
    </row>
    <row r="1814" spans="6:32" x14ac:dyDescent="0.25">
      <c r="F1814">
        <v>30.016666999999998</v>
      </c>
      <c r="G1814">
        <v>4.5930688457063393</v>
      </c>
      <c r="AC1814">
        <v>12.799999999999997</v>
      </c>
      <c r="AD1814">
        <v>91.1</v>
      </c>
      <c r="AE1814">
        <v>8.6191340000000007</v>
      </c>
      <c r="AF1814">
        <v>4.3969838594767534</v>
      </c>
    </row>
    <row r="1815" spans="6:32" x14ac:dyDescent="0.25">
      <c r="F1815">
        <v>30.033332999999999</v>
      </c>
      <c r="G1815">
        <v>4.5930688457063393</v>
      </c>
      <c r="AC1815">
        <v>12.81666700000001</v>
      </c>
      <c r="AD1815">
        <v>91.116667000000007</v>
      </c>
      <c r="AE1815">
        <v>8.6191680000000002</v>
      </c>
      <c r="AF1815">
        <v>4.3973956754957602</v>
      </c>
    </row>
    <row r="1816" spans="6:32" x14ac:dyDescent="0.25">
      <c r="F1816">
        <v>30.049999999999997</v>
      </c>
      <c r="G1816">
        <v>4.5930688457063393</v>
      </c>
      <c r="AC1816">
        <v>12.833332999999996</v>
      </c>
      <c r="AD1816">
        <v>91.133332999999993</v>
      </c>
      <c r="AE1816">
        <v>8.6192019999999996</v>
      </c>
      <c r="AF1816">
        <v>4.397807491514766</v>
      </c>
    </row>
    <row r="1817" spans="6:32" x14ac:dyDescent="0.25">
      <c r="F1817">
        <v>30.06666700000001</v>
      </c>
      <c r="G1817">
        <v>4.5934806617253665</v>
      </c>
      <c r="AC1817">
        <v>12.850000000000009</v>
      </c>
      <c r="AD1817">
        <v>91.15</v>
      </c>
      <c r="AE1817">
        <v>8.6192349999999998</v>
      </c>
      <c r="AF1817">
        <v>4.3982071952979283</v>
      </c>
    </row>
    <row r="1818" spans="6:32" x14ac:dyDescent="0.25">
      <c r="F1818">
        <v>30.083332999999996</v>
      </c>
      <c r="G1818">
        <v>4.5934806617253665</v>
      </c>
      <c r="AC1818">
        <v>12.866667000000007</v>
      </c>
      <c r="AD1818">
        <v>91.166667000000004</v>
      </c>
      <c r="AE1818">
        <v>8.6192349999999998</v>
      </c>
      <c r="AF1818">
        <v>4.3982071952979283</v>
      </c>
    </row>
    <row r="1819" spans="6:32" x14ac:dyDescent="0.25">
      <c r="F1819">
        <v>30.100000000000009</v>
      </c>
      <c r="G1819">
        <v>4.5934806617253665</v>
      </c>
      <c r="AC1819">
        <v>12.883333000000007</v>
      </c>
      <c r="AD1819">
        <v>91.183333000000005</v>
      </c>
      <c r="AE1819">
        <v>8.6192689999999992</v>
      </c>
      <c r="AF1819">
        <v>4.3986190113169341</v>
      </c>
    </row>
    <row r="1820" spans="6:32" x14ac:dyDescent="0.25">
      <c r="F1820">
        <v>30.116667000000007</v>
      </c>
      <c r="G1820">
        <v>4.5934806617253665</v>
      </c>
      <c r="AC1820">
        <v>12.900000000000006</v>
      </c>
      <c r="AD1820">
        <v>91.2</v>
      </c>
      <c r="AE1820">
        <v>8.6193030000000004</v>
      </c>
      <c r="AF1820">
        <v>4.3990308273359622</v>
      </c>
    </row>
    <row r="1821" spans="6:32" x14ac:dyDescent="0.25">
      <c r="F1821">
        <v>30.133333000000007</v>
      </c>
      <c r="G1821">
        <v>4.5934806617253665</v>
      </c>
      <c r="AC1821">
        <v>12.916667000000004</v>
      </c>
      <c r="AD1821">
        <v>91.216667000000001</v>
      </c>
      <c r="AE1821">
        <v>8.6193360000000006</v>
      </c>
      <c r="AF1821">
        <v>4.3994305311191244</v>
      </c>
    </row>
    <row r="1822" spans="6:32" x14ac:dyDescent="0.25">
      <c r="F1822">
        <v>30.150000000000006</v>
      </c>
      <c r="G1822">
        <v>4.5934806617253665</v>
      </c>
      <c r="AC1822">
        <v>12.933333000000005</v>
      </c>
      <c r="AD1822">
        <v>91.233333000000002</v>
      </c>
      <c r="AE1822">
        <v>8.61937</v>
      </c>
      <c r="AF1822">
        <v>4.3998423471381303</v>
      </c>
    </row>
    <row r="1823" spans="6:32" x14ac:dyDescent="0.25">
      <c r="F1823">
        <v>30.166667000000004</v>
      </c>
      <c r="G1823">
        <v>4.5934806617253665</v>
      </c>
      <c r="AC1823">
        <v>12.950000000000003</v>
      </c>
      <c r="AD1823">
        <v>91.25</v>
      </c>
      <c r="AE1823">
        <v>8.6194039999999994</v>
      </c>
      <c r="AF1823">
        <v>4.400254163157137</v>
      </c>
    </row>
    <row r="1824" spans="6:32" x14ac:dyDescent="0.25">
      <c r="F1824">
        <v>30.183333000000005</v>
      </c>
      <c r="G1824">
        <v>4.5934806617253665</v>
      </c>
      <c r="AC1824">
        <v>12.966667000000001</v>
      </c>
      <c r="AD1824">
        <v>91.266666999999998</v>
      </c>
      <c r="AE1824">
        <v>8.6194369999999996</v>
      </c>
      <c r="AF1824">
        <v>4.4006538669402993</v>
      </c>
    </row>
    <row r="1825" spans="6:32" x14ac:dyDescent="0.25">
      <c r="F1825">
        <v>30.200000000000003</v>
      </c>
      <c r="G1825">
        <v>4.5934806617253665</v>
      </c>
      <c r="AC1825">
        <v>12.983333000000002</v>
      </c>
      <c r="AD1825">
        <v>91.283332999999999</v>
      </c>
      <c r="AE1825">
        <v>8.6194369999999996</v>
      </c>
      <c r="AF1825">
        <v>4.4006538669402993</v>
      </c>
    </row>
    <row r="1826" spans="6:32" x14ac:dyDescent="0.25">
      <c r="F1826">
        <v>30.216667000000001</v>
      </c>
      <c r="G1826">
        <v>4.5934806617253665</v>
      </c>
      <c r="AC1826">
        <v>13</v>
      </c>
      <c r="AD1826">
        <v>91.3</v>
      </c>
      <c r="AE1826">
        <v>8.6194710000000008</v>
      </c>
      <c r="AF1826">
        <v>4.4010656829593264</v>
      </c>
    </row>
    <row r="1827" spans="6:32" x14ac:dyDescent="0.25">
      <c r="F1827">
        <v>30.233333000000002</v>
      </c>
      <c r="G1827">
        <v>4.5934806617253665</v>
      </c>
      <c r="AC1827">
        <v>13.016666999999998</v>
      </c>
      <c r="AD1827">
        <v>91.316666999999995</v>
      </c>
      <c r="AE1827">
        <v>8.6195050000000002</v>
      </c>
      <c r="AF1827">
        <v>4.4014774989783332</v>
      </c>
    </row>
    <row r="1828" spans="6:32" x14ac:dyDescent="0.25">
      <c r="F1828">
        <v>30.25</v>
      </c>
      <c r="G1828">
        <v>4.5934806617253665</v>
      </c>
      <c r="AC1828">
        <v>13.033332999999999</v>
      </c>
      <c r="AD1828">
        <v>91.333332999999996</v>
      </c>
      <c r="AE1828">
        <v>8.6195380000000004</v>
      </c>
      <c r="AF1828">
        <v>4.4018772027614954</v>
      </c>
    </row>
    <row r="1829" spans="6:32" x14ac:dyDescent="0.25">
      <c r="F1829">
        <v>30.266666999999998</v>
      </c>
      <c r="G1829">
        <v>4.5938924777443733</v>
      </c>
      <c r="AC1829">
        <v>13.049999999999997</v>
      </c>
      <c r="AD1829">
        <v>91.35</v>
      </c>
      <c r="AE1829">
        <v>8.6195719999999998</v>
      </c>
      <c r="AF1829">
        <v>4.4022890187805013</v>
      </c>
    </row>
    <row r="1830" spans="6:32" x14ac:dyDescent="0.25">
      <c r="F1830">
        <v>30.283332999999999</v>
      </c>
      <c r="G1830">
        <v>4.5942921815275355</v>
      </c>
      <c r="AC1830">
        <v>13.06666700000001</v>
      </c>
      <c r="AD1830">
        <v>91.366667000000007</v>
      </c>
      <c r="AE1830">
        <v>8.6195719999999998</v>
      </c>
      <c r="AF1830">
        <v>4.4022890187805013</v>
      </c>
    </row>
    <row r="1831" spans="6:32" x14ac:dyDescent="0.25">
      <c r="F1831">
        <v>30.299999999999997</v>
      </c>
      <c r="G1831">
        <v>4.5947039975465422</v>
      </c>
      <c r="AC1831">
        <v>13.083332999999996</v>
      </c>
      <c r="AD1831">
        <v>91.383332999999993</v>
      </c>
      <c r="AE1831">
        <v>8.6196059999999992</v>
      </c>
      <c r="AF1831">
        <v>4.402700834799508</v>
      </c>
    </row>
    <row r="1832" spans="6:32" x14ac:dyDescent="0.25">
      <c r="F1832">
        <v>30.31666700000001</v>
      </c>
      <c r="G1832">
        <v>4.5959273333677375</v>
      </c>
      <c r="AC1832">
        <v>13.100000000000009</v>
      </c>
      <c r="AD1832">
        <v>91.4</v>
      </c>
      <c r="AE1832">
        <v>8.6196389999999994</v>
      </c>
      <c r="AF1832">
        <v>4.4031005385826694</v>
      </c>
    </row>
    <row r="1833" spans="6:32" x14ac:dyDescent="0.25">
      <c r="F1833">
        <v>30.333332999999996</v>
      </c>
      <c r="G1833">
        <v>4.5971506691889124</v>
      </c>
      <c r="AC1833">
        <v>13.116667000000007</v>
      </c>
      <c r="AD1833">
        <v>91.416667000000004</v>
      </c>
      <c r="AE1833">
        <v>8.6196730000000006</v>
      </c>
      <c r="AF1833">
        <v>4.4035123546016974</v>
      </c>
    </row>
    <row r="1834" spans="6:32" x14ac:dyDescent="0.25">
      <c r="F1834">
        <v>30.350000000000009</v>
      </c>
      <c r="G1834">
        <v>4.5987858210291153</v>
      </c>
      <c r="AC1834">
        <v>13.133333000000007</v>
      </c>
      <c r="AD1834">
        <v>91.433333000000005</v>
      </c>
      <c r="AE1834">
        <v>8.619707</v>
      </c>
      <c r="AF1834">
        <v>4.4039241706207033</v>
      </c>
    </row>
    <row r="1835" spans="6:32" x14ac:dyDescent="0.25">
      <c r="F1835">
        <v>30.366667000000007</v>
      </c>
      <c r="G1835">
        <v>4.6000091568503114</v>
      </c>
      <c r="AC1835">
        <v>13.150000000000006</v>
      </c>
      <c r="AD1835">
        <v>91.45</v>
      </c>
      <c r="AE1835">
        <v>8.6197400000000002</v>
      </c>
      <c r="AF1835">
        <v>4.4043238744038664</v>
      </c>
    </row>
    <row r="1836" spans="6:32" x14ac:dyDescent="0.25">
      <c r="F1836">
        <v>30.383333000000007</v>
      </c>
      <c r="G1836">
        <v>4.6016321964546476</v>
      </c>
      <c r="AC1836">
        <v>13.166667000000004</v>
      </c>
      <c r="AD1836">
        <v>91.466667000000001</v>
      </c>
      <c r="AE1836">
        <v>8.6197739999999996</v>
      </c>
      <c r="AF1836">
        <v>4.4047356904228723</v>
      </c>
    </row>
    <row r="1837" spans="6:32" x14ac:dyDescent="0.25">
      <c r="F1837">
        <v>30.400000000000006</v>
      </c>
      <c r="G1837">
        <v>4.6032673482948505</v>
      </c>
      <c r="AC1837">
        <v>13.183333000000005</v>
      </c>
      <c r="AD1837">
        <v>91.483333000000002</v>
      </c>
      <c r="AE1837">
        <v>8.6197739999999996</v>
      </c>
      <c r="AF1837">
        <v>4.4047356904228723</v>
      </c>
    </row>
    <row r="1838" spans="6:32" x14ac:dyDescent="0.25">
      <c r="F1838">
        <v>30.416667000000004</v>
      </c>
      <c r="G1838">
        <v>4.6048903878991876</v>
      </c>
      <c r="AC1838">
        <v>13.200000000000003</v>
      </c>
      <c r="AD1838">
        <v>91.5</v>
      </c>
      <c r="AE1838">
        <v>8.6198080000000008</v>
      </c>
      <c r="AF1838">
        <v>4.4051475064419003</v>
      </c>
    </row>
    <row r="1839" spans="6:32" x14ac:dyDescent="0.25">
      <c r="F1839">
        <v>30.433333000000005</v>
      </c>
      <c r="G1839">
        <v>4.6065255397393896</v>
      </c>
      <c r="AC1839">
        <v>13.216667000000001</v>
      </c>
      <c r="AD1839">
        <v>91.516666999999998</v>
      </c>
      <c r="AE1839">
        <v>8.6198409999999992</v>
      </c>
      <c r="AF1839">
        <v>4.4055472102250404</v>
      </c>
    </row>
    <row r="1840" spans="6:32" x14ac:dyDescent="0.25">
      <c r="F1840">
        <v>30.450000000000003</v>
      </c>
      <c r="G1840">
        <v>4.6077488755605867</v>
      </c>
      <c r="AC1840">
        <v>13.233333000000002</v>
      </c>
      <c r="AD1840">
        <v>91.533332999999999</v>
      </c>
      <c r="AE1840">
        <v>8.6198750000000004</v>
      </c>
      <c r="AF1840">
        <v>4.4059590262440684</v>
      </c>
    </row>
    <row r="1841" spans="6:32" x14ac:dyDescent="0.25">
      <c r="F1841">
        <v>30.466667000000001</v>
      </c>
      <c r="G1841">
        <v>4.6089722113817606</v>
      </c>
      <c r="AC1841">
        <v>13.25</v>
      </c>
      <c r="AD1841">
        <v>91.55</v>
      </c>
      <c r="AE1841">
        <v>8.6199089999999998</v>
      </c>
      <c r="AF1841">
        <v>4.4063708422630752</v>
      </c>
    </row>
    <row r="1842" spans="6:32" x14ac:dyDescent="0.25">
      <c r="F1842">
        <v>30.483333000000002</v>
      </c>
      <c r="G1842">
        <v>4.6101955472029568</v>
      </c>
      <c r="AC1842">
        <v>13.266666999999998</v>
      </c>
      <c r="AD1842">
        <v>91.566666999999995</v>
      </c>
      <c r="AE1842">
        <v>8.619942</v>
      </c>
      <c r="AF1842">
        <v>4.4067705460462365</v>
      </c>
    </row>
    <row r="1843" spans="6:32" x14ac:dyDescent="0.25">
      <c r="F1843">
        <v>30.5</v>
      </c>
      <c r="G1843">
        <v>4.6110070670051257</v>
      </c>
      <c r="AC1843">
        <v>13.283332999999999</v>
      </c>
      <c r="AD1843">
        <v>91.583332999999996</v>
      </c>
      <c r="AE1843">
        <v>8.6199759999999994</v>
      </c>
      <c r="AF1843">
        <v>4.4071823620652433</v>
      </c>
    </row>
    <row r="1844" spans="6:32" x14ac:dyDescent="0.25">
      <c r="F1844">
        <v>30.516666999999998</v>
      </c>
      <c r="G1844">
        <v>4.6114188830241316</v>
      </c>
      <c r="AC1844">
        <v>13.299999999999997</v>
      </c>
      <c r="AD1844">
        <v>91.6</v>
      </c>
      <c r="AE1844">
        <v>8.6199759999999994</v>
      </c>
      <c r="AF1844">
        <v>4.4071823620652433</v>
      </c>
    </row>
    <row r="1845" spans="6:32" x14ac:dyDescent="0.25">
      <c r="F1845">
        <v>30.533332999999999</v>
      </c>
      <c r="G1845">
        <v>4.612230402826321</v>
      </c>
      <c r="AC1845">
        <v>13.31666700000001</v>
      </c>
      <c r="AD1845">
        <v>91.616667000000007</v>
      </c>
      <c r="AE1845">
        <v>8.6200100000000006</v>
      </c>
      <c r="AF1845">
        <v>4.4075941780842713</v>
      </c>
    </row>
    <row r="1846" spans="6:32" x14ac:dyDescent="0.25">
      <c r="F1846">
        <v>30.549999999999997</v>
      </c>
      <c r="G1846">
        <v>4.612230402826321</v>
      </c>
      <c r="AC1846">
        <v>13.333332999999996</v>
      </c>
      <c r="AD1846">
        <v>91.633332999999993</v>
      </c>
      <c r="AE1846">
        <v>8.6200430000000008</v>
      </c>
      <c r="AF1846">
        <v>4.4079938818674327</v>
      </c>
    </row>
    <row r="1847" spans="6:32" x14ac:dyDescent="0.25">
      <c r="F1847">
        <v>30.56666700000001</v>
      </c>
      <c r="G1847">
        <v>4.612230402826321</v>
      </c>
      <c r="AC1847">
        <v>13.350000000000009</v>
      </c>
      <c r="AD1847">
        <v>91.65</v>
      </c>
      <c r="AE1847">
        <v>8.6200770000000002</v>
      </c>
      <c r="AF1847">
        <v>4.4084056978864394</v>
      </c>
    </row>
    <row r="1848" spans="6:32" x14ac:dyDescent="0.25">
      <c r="F1848">
        <v>30.583332999999996</v>
      </c>
      <c r="G1848">
        <v>4.612230402826321</v>
      </c>
      <c r="AC1848">
        <v>13.366667000000007</v>
      </c>
      <c r="AD1848">
        <v>91.666667000000004</v>
      </c>
      <c r="AE1848">
        <v>8.6201109999999996</v>
      </c>
      <c r="AF1848">
        <v>4.4088175139054453</v>
      </c>
    </row>
    <row r="1849" spans="6:32" x14ac:dyDescent="0.25">
      <c r="F1849">
        <v>30.600000000000009</v>
      </c>
      <c r="G1849">
        <v>4.6118306990431597</v>
      </c>
      <c r="AC1849">
        <v>13.383333000000007</v>
      </c>
      <c r="AD1849">
        <v>91.683333000000005</v>
      </c>
      <c r="AE1849">
        <v>8.6201439999999998</v>
      </c>
      <c r="AF1849">
        <v>4.4092172176886084</v>
      </c>
    </row>
    <row r="1850" spans="6:32" x14ac:dyDescent="0.25">
      <c r="F1850">
        <v>30.616667000000007</v>
      </c>
      <c r="G1850">
        <v>4.6110070670051257</v>
      </c>
      <c r="AC1850">
        <v>13.400000000000006</v>
      </c>
      <c r="AD1850">
        <v>91.7</v>
      </c>
      <c r="AE1850">
        <v>8.6201779999999992</v>
      </c>
      <c r="AF1850">
        <v>4.4096290337076143</v>
      </c>
    </row>
    <row r="1851" spans="6:32" x14ac:dyDescent="0.25">
      <c r="F1851">
        <v>30.633333000000007</v>
      </c>
      <c r="G1851">
        <v>4.6097837311839509</v>
      </c>
      <c r="AC1851">
        <v>13.416667000000004</v>
      </c>
      <c r="AD1851">
        <v>91.716667000000001</v>
      </c>
      <c r="AE1851">
        <v>8.6201779999999992</v>
      </c>
      <c r="AF1851">
        <v>4.4096290337076143</v>
      </c>
    </row>
    <row r="1852" spans="6:32" x14ac:dyDescent="0.25">
      <c r="F1852">
        <v>30.650000000000006</v>
      </c>
      <c r="G1852">
        <v>4.6081606915795925</v>
      </c>
      <c r="AC1852">
        <v>13.433333000000005</v>
      </c>
      <c r="AD1852">
        <v>91.733333000000002</v>
      </c>
      <c r="AE1852">
        <v>8.6202109999999994</v>
      </c>
      <c r="AF1852">
        <v>4.4100287374907756</v>
      </c>
    </row>
    <row r="1853" spans="6:32" x14ac:dyDescent="0.25">
      <c r="F1853">
        <v>30.666667000000004</v>
      </c>
      <c r="G1853">
        <v>4.6061137237203837</v>
      </c>
      <c r="AC1853">
        <v>13.450000000000003</v>
      </c>
      <c r="AD1853">
        <v>91.75</v>
      </c>
      <c r="AE1853">
        <v>8.6202450000000006</v>
      </c>
      <c r="AF1853">
        <v>4.4104405535098046</v>
      </c>
    </row>
    <row r="1854" spans="6:32" x14ac:dyDescent="0.25">
      <c r="F1854">
        <v>30.683333000000005</v>
      </c>
      <c r="G1854">
        <v>4.6036670520780119</v>
      </c>
      <c r="AC1854">
        <v>13.466667000000001</v>
      </c>
      <c r="AD1854">
        <v>91.766666999999998</v>
      </c>
      <c r="AE1854">
        <v>8.620279</v>
      </c>
      <c r="AF1854">
        <v>4.4108523695288104</v>
      </c>
    </row>
    <row r="1855" spans="6:32" x14ac:dyDescent="0.25">
      <c r="F1855">
        <v>30.700000000000003</v>
      </c>
      <c r="G1855">
        <v>4.6008206766524795</v>
      </c>
      <c r="AC1855">
        <v>13.483333000000002</v>
      </c>
      <c r="AD1855">
        <v>91.783332999999999</v>
      </c>
      <c r="AE1855">
        <v>8.6203120000000002</v>
      </c>
      <c r="AF1855">
        <v>4.4112520733119727</v>
      </c>
    </row>
    <row r="1856" spans="6:32" x14ac:dyDescent="0.25">
      <c r="F1856">
        <v>30.716667000000001</v>
      </c>
      <c r="G1856">
        <v>4.5971506691889124</v>
      </c>
      <c r="AC1856">
        <v>13.5</v>
      </c>
      <c r="AD1856">
        <v>91.8</v>
      </c>
      <c r="AE1856">
        <v>8.6203459999999996</v>
      </c>
      <c r="AF1856">
        <v>4.4116638893309785</v>
      </c>
    </row>
    <row r="1857" spans="6:32" x14ac:dyDescent="0.25">
      <c r="F1857">
        <v>30.733333000000002</v>
      </c>
      <c r="G1857">
        <v>4.5926691419231771</v>
      </c>
      <c r="AC1857">
        <v>13.516666999999998</v>
      </c>
      <c r="AD1857">
        <v>91.816666999999995</v>
      </c>
      <c r="AE1857">
        <v>8.6203800000000008</v>
      </c>
      <c r="AF1857">
        <v>4.4120757053500066</v>
      </c>
    </row>
    <row r="1858" spans="6:32" x14ac:dyDescent="0.25">
      <c r="F1858">
        <v>30.75</v>
      </c>
      <c r="G1858">
        <v>4.5873639826194283</v>
      </c>
      <c r="AC1858">
        <v>13.533332999999999</v>
      </c>
      <c r="AD1858">
        <v>91.833332999999996</v>
      </c>
      <c r="AE1858">
        <v>8.6203800000000008</v>
      </c>
      <c r="AF1858">
        <v>4.4120757053500066</v>
      </c>
    </row>
    <row r="1859" spans="6:32" x14ac:dyDescent="0.25">
      <c r="F1859">
        <v>30.766666999999998</v>
      </c>
      <c r="G1859">
        <v>4.5816591195324978</v>
      </c>
      <c r="AC1859">
        <v>13.549999999999997</v>
      </c>
      <c r="AD1859">
        <v>91.85</v>
      </c>
      <c r="AE1859">
        <v>8.6204129999999992</v>
      </c>
      <c r="AF1859">
        <v>4.4124754091331475</v>
      </c>
    </row>
    <row r="1860" spans="6:32" x14ac:dyDescent="0.25">
      <c r="F1860">
        <v>30.783332999999999</v>
      </c>
      <c r="G1860">
        <v>4.5755424404265801</v>
      </c>
      <c r="AC1860">
        <v>13.56666700000001</v>
      </c>
      <c r="AD1860">
        <v>91.866667000000007</v>
      </c>
      <c r="AE1860">
        <v>8.6204470000000004</v>
      </c>
      <c r="AF1860">
        <v>4.4128872251521747</v>
      </c>
    </row>
    <row r="1861" spans="6:32" x14ac:dyDescent="0.25">
      <c r="F1861">
        <v>30.799999999999997</v>
      </c>
      <c r="G1861">
        <v>4.5686142415184747</v>
      </c>
      <c r="AC1861">
        <v>13.583332999999996</v>
      </c>
      <c r="AD1861">
        <v>91.883332999999993</v>
      </c>
      <c r="AE1861">
        <v>8.6204809999999998</v>
      </c>
      <c r="AF1861">
        <v>4.4132990411711814</v>
      </c>
    </row>
    <row r="1862" spans="6:32" x14ac:dyDescent="0.25">
      <c r="F1862">
        <v>30.81666700000001</v>
      </c>
      <c r="G1862">
        <v>4.5592393709679753</v>
      </c>
      <c r="AC1862">
        <v>13.600000000000009</v>
      </c>
      <c r="AD1862">
        <v>91.9</v>
      </c>
      <c r="AE1862">
        <v>8.620514</v>
      </c>
      <c r="AF1862">
        <v>4.4136987449543437</v>
      </c>
    </row>
    <row r="1863" spans="6:32" x14ac:dyDescent="0.25">
      <c r="F1863">
        <v>30.833332999999996</v>
      </c>
      <c r="G1863">
        <v>4.5449711571327569</v>
      </c>
      <c r="AC1863">
        <v>13.616667000000007</v>
      </c>
      <c r="AD1863">
        <v>91.916667000000004</v>
      </c>
      <c r="AE1863">
        <v>8.6205479999999994</v>
      </c>
      <c r="AF1863">
        <v>4.4141105609733495</v>
      </c>
    </row>
    <row r="1864" spans="6:32" x14ac:dyDescent="0.25">
      <c r="F1864">
        <v>30.850000000000009</v>
      </c>
      <c r="G1864">
        <v>4.5319262791187125</v>
      </c>
      <c r="AC1864">
        <v>13.633333000000007</v>
      </c>
      <c r="AD1864">
        <v>91.933333000000005</v>
      </c>
      <c r="AE1864">
        <v>8.6205479999999994</v>
      </c>
      <c r="AF1864">
        <v>4.4141105609733495</v>
      </c>
    </row>
    <row r="1865" spans="6:32" x14ac:dyDescent="0.25">
      <c r="F1865">
        <v>30.866667000000007</v>
      </c>
      <c r="G1865">
        <v>4.5192811048878507</v>
      </c>
      <c r="AC1865">
        <v>13.650000000000006</v>
      </c>
      <c r="AD1865">
        <v>91.95</v>
      </c>
      <c r="AE1865">
        <v>8.6205820000000006</v>
      </c>
      <c r="AF1865">
        <v>4.4145223769923776</v>
      </c>
    </row>
    <row r="1866" spans="6:32" x14ac:dyDescent="0.25">
      <c r="F1866">
        <v>30.883333000000007</v>
      </c>
      <c r="G1866">
        <v>4.5074595626949812</v>
      </c>
      <c r="AC1866">
        <v>13.666667000000004</v>
      </c>
      <c r="AD1866">
        <v>91.966667000000001</v>
      </c>
      <c r="AE1866">
        <v>8.6206150000000008</v>
      </c>
      <c r="AF1866">
        <v>4.4149220807755389</v>
      </c>
    </row>
    <row r="1867" spans="6:32" x14ac:dyDescent="0.25">
      <c r="F1867">
        <v>30.900000000000006</v>
      </c>
      <c r="G1867">
        <v>4.4956380205021338</v>
      </c>
      <c r="AC1867">
        <v>13.683333000000005</v>
      </c>
      <c r="AD1867">
        <v>91.983333000000002</v>
      </c>
      <c r="AE1867">
        <v>8.6206490000000002</v>
      </c>
      <c r="AF1867">
        <v>4.4153338967945457</v>
      </c>
    </row>
    <row r="1868" spans="6:32" x14ac:dyDescent="0.25">
      <c r="F1868">
        <v>30.916667000000004</v>
      </c>
      <c r="G1868">
        <v>4.4842282943282914</v>
      </c>
      <c r="AC1868">
        <v>13.700000000000003</v>
      </c>
      <c r="AD1868">
        <v>92</v>
      </c>
      <c r="AE1868">
        <v>8.6206829999999997</v>
      </c>
      <c r="AF1868">
        <v>4.4157457128135524</v>
      </c>
    </row>
    <row r="1869" spans="6:32" x14ac:dyDescent="0.25">
      <c r="F1869">
        <v>30.933333000000005</v>
      </c>
      <c r="G1869">
        <v>4.4728185681544499</v>
      </c>
      <c r="AC1869">
        <v>13.716667000000001</v>
      </c>
      <c r="AD1869">
        <v>92.016666999999998</v>
      </c>
      <c r="AE1869">
        <v>8.6207159999999998</v>
      </c>
      <c r="AF1869">
        <v>4.4161454165967138</v>
      </c>
    </row>
    <row r="1870" spans="6:32" x14ac:dyDescent="0.25">
      <c r="F1870">
        <v>30.950000000000003</v>
      </c>
      <c r="G1870">
        <v>4.4613967297447639</v>
      </c>
      <c r="AC1870">
        <v>13.733333000000002</v>
      </c>
      <c r="AD1870">
        <v>92.033332999999999</v>
      </c>
      <c r="AE1870">
        <v>8.6207159999999998</v>
      </c>
      <c r="AF1870">
        <v>4.4161454165967138</v>
      </c>
    </row>
    <row r="1871" spans="6:32" x14ac:dyDescent="0.25">
      <c r="F1871">
        <v>30.966667000000001</v>
      </c>
      <c r="G1871">
        <v>4.4495751875519156</v>
      </c>
      <c r="AC1871">
        <v>13.75</v>
      </c>
      <c r="AD1871">
        <v>92.05</v>
      </c>
      <c r="AE1871">
        <v>8.6207499999999992</v>
      </c>
      <c r="AF1871">
        <v>4.4165572326157205</v>
      </c>
    </row>
    <row r="1872" spans="6:32" x14ac:dyDescent="0.25">
      <c r="F1872">
        <v>30.983333000000002</v>
      </c>
      <c r="G1872">
        <v>4.4381654613780732</v>
      </c>
      <c r="AC1872">
        <v>13.766666999999998</v>
      </c>
      <c r="AD1872">
        <v>92.066666999999995</v>
      </c>
      <c r="AE1872">
        <v>8.6207840000000004</v>
      </c>
      <c r="AF1872">
        <v>4.4169690486347477</v>
      </c>
    </row>
    <row r="1873" spans="6:32" x14ac:dyDescent="0.25">
      <c r="F1873">
        <v>31</v>
      </c>
      <c r="G1873">
        <v>4.4259321031662191</v>
      </c>
      <c r="AC1873">
        <v>13.783332999999999</v>
      </c>
      <c r="AD1873">
        <v>92.083332999999996</v>
      </c>
      <c r="AE1873">
        <v>8.6208170000000006</v>
      </c>
      <c r="AF1873">
        <v>4.4173687524179108</v>
      </c>
    </row>
    <row r="1874" spans="6:32" x14ac:dyDescent="0.25">
      <c r="F1874">
        <v>31.016666999999998</v>
      </c>
      <c r="G1874">
        <v>4.4141105609733495</v>
      </c>
      <c r="AC1874">
        <v>13.799999999999997</v>
      </c>
      <c r="AD1874">
        <v>92.1</v>
      </c>
      <c r="AE1874">
        <v>8.620851</v>
      </c>
      <c r="AF1874">
        <v>4.4177805684369167</v>
      </c>
    </row>
    <row r="1875" spans="6:32" x14ac:dyDescent="0.25">
      <c r="F1875">
        <v>31.033332999999999</v>
      </c>
      <c r="G1875">
        <v>4.4014774989783332</v>
      </c>
      <c r="AC1875">
        <v>13.81666700000001</v>
      </c>
      <c r="AD1875">
        <v>92.116667000000007</v>
      </c>
      <c r="AE1875">
        <v>8.620851</v>
      </c>
      <c r="AF1875">
        <v>4.4177805684369167</v>
      </c>
    </row>
    <row r="1876" spans="6:32" x14ac:dyDescent="0.25">
      <c r="F1876">
        <v>31.049999999999997</v>
      </c>
      <c r="G1876">
        <v>4.388832324747451</v>
      </c>
      <c r="AC1876">
        <v>13.833332999999996</v>
      </c>
      <c r="AD1876">
        <v>92.133332999999993</v>
      </c>
      <c r="AE1876">
        <v>8.6208849999999995</v>
      </c>
      <c r="AF1876">
        <v>4.4181923844559234</v>
      </c>
    </row>
    <row r="1877" spans="6:32" x14ac:dyDescent="0.25">
      <c r="F1877">
        <v>31.06666700000001</v>
      </c>
      <c r="G1877">
        <v>4.3761992627524346</v>
      </c>
      <c r="AC1877">
        <v>13.850000000000009</v>
      </c>
      <c r="AD1877">
        <v>92.15</v>
      </c>
      <c r="AE1877">
        <v>8.6209179999999996</v>
      </c>
      <c r="AF1877">
        <v>4.4185920882390848</v>
      </c>
    </row>
    <row r="1878" spans="6:32" x14ac:dyDescent="0.25">
      <c r="F1878">
        <v>31.083332999999996</v>
      </c>
      <c r="G1878">
        <v>4.3627425687193835</v>
      </c>
      <c r="AC1878">
        <v>13.866667000000007</v>
      </c>
      <c r="AD1878">
        <v>92.166667000000004</v>
      </c>
      <c r="AE1878">
        <v>8.6209520000000008</v>
      </c>
      <c r="AF1878">
        <v>4.4190039042581128</v>
      </c>
    </row>
    <row r="1879" spans="6:32" x14ac:dyDescent="0.25">
      <c r="F1879">
        <v>31.100000000000009</v>
      </c>
      <c r="G1879">
        <v>4.3496976907053391</v>
      </c>
      <c r="AC1879">
        <v>13.883333000000007</v>
      </c>
      <c r="AD1879">
        <v>92.183333000000005</v>
      </c>
      <c r="AE1879">
        <v>8.6209520000000008</v>
      </c>
      <c r="AF1879">
        <v>4.4190039042581128</v>
      </c>
    </row>
    <row r="1880" spans="6:32" x14ac:dyDescent="0.25">
      <c r="F1880">
        <v>31.116667000000007</v>
      </c>
      <c r="G1880">
        <v>4.3358412928891266</v>
      </c>
      <c r="AC1880">
        <v>13.900000000000006</v>
      </c>
      <c r="AD1880">
        <v>92.2</v>
      </c>
      <c r="AE1880">
        <v>8.6209860000000003</v>
      </c>
      <c r="AF1880">
        <v>4.4194157202771196</v>
      </c>
    </row>
    <row r="1881" spans="6:32" x14ac:dyDescent="0.25">
      <c r="F1881">
        <v>31.133333000000007</v>
      </c>
      <c r="G1881">
        <v>4.3219848950729141</v>
      </c>
      <c r="AC1881">
        <v>13.916667000000004</v>
      </c>
      <c r="AD1881">
        <v>92.216667000000001</v>
      </c>
      <c r="AE1881">
        <v>8.6210190000000004</v>
      </c>
      <c r="AF1881">
        <v>4.4198154240602809</v>
      </c>
    </row>
    <row r="1882" spans="6:32" x14ac:dyDescent="0.25">
      <c r="F1882">
        <v>31.150000000000006</v>
      </c>
      <c r="G1882">
        <v>4.3077166812376948</v>
      </c>
      <c r="AC1882">
        <v>13.933333000000005</v>
      </c>
      <c r="AD1882">
        <v>92.233333000000002</v>
      </c>
      <c r="AE1882">
        <v>8.6210190000000004</v>
      </c>
      <c r="AF1882">
        <v>4.4198154240602809</v>
      </c>
    </row>
    <row r="1883" spans="6:32" x14ac:dyDescent="0.25">
      <c r="F1883">
        <v>31.166667000000004</v>
      </c>
      <c r="G1883">
        <v>4.2934484674024542</v>
      </c>
      <c r="AC1883">
        <v>13.950000000000003</v>
      </c>
      <c r="AD1883">
        <v>92.25</v>
      </c>
      <c r="AE1883">
        <v>8.6210529999999999</v>
      </c>
      <c r="AF1883">
        <v>4.4202272400792877</v>
      </c>
    </row>
    <row r="1884" spans="6:32" x14ac:dyDescent="0.25">
      <c r="F1884">
        <v>31.183333000000005</v>
      </c>
      <c r="G1884">
        <v>4.2787684375482282</v>
      </c>
      <c r="AC1884">
        <v>13.966667000000001</v>
      </c>
      <c r="AD1884">
        <v>92.266666999999998</v>
      </c>
      <c r="AE1884">
        <v>8.6210869999999993</v>
      </c>
      <c r="AF1884">
        <v>4.4206390560982936</v>
      </c>
    </row>
    <row r="1885" spans="6:32" x14ac:dyDescent="0.25">
      <c r="F1885">
        <v>31.200000000000003</v>
      </c>
      <c r="G1885">
        <v>4.2636887039108196</v>
      </c>
      <c r="AC1885">
        <v>13.983333000000002</v>
      </c>
      <c r="AD1885">
        <v>92.283332999999999</v>
      </c>
      <c r="AE1885">
        <v>8.6210869999999993</v>
      </c>
      <c r="AF1885">
        <v>4.4206390560982936</v>
      </c>
    </row>
    <row r="1886" spans="6:32" x14ac:dyDescent="0.25">
      <c r="F1886">
        <v>31.216667000000001</v>
      </c>
      <c r="G1886">
        <v>4.2485968580375664</v>
      </c>
      <c r="AC1886">
        <v>14</v>
      </c>
      <c r="AD1886">
        <v>92.3</v>
      </c>
      <c r="AE1886">
        <v>8.6211199999999995</v>
      </c>
      <c r="AF1886">
        <v>4.4210387598814558</v>
      </c>
    </row>
    <row r="1887" spans="6:32" x14ac:dyDescent="0.25">
      <c r="F1887">
        <v>31.233333000000002</v>
      </c>
      <c r="G1887">
        <v>4.2331174206170168</v>
      </c>
      <c r="AC1887">
        <v>14.016666999999998</v>
      </c>
      <c r="AD1887">
        <v>92.316666999999995</v>
      </c>
      <c r="AE1887">
        <v>8.6211540000000007</v>
      </c>
      <c r="AF1887">
        <v>4.4214505759004838</v>
      </c>
    </row>
    <row r="1888" spans="6:32" x14ac:dyDescent="0.25">
      <c r="F1888">
        <v>31.25</v>
      </c>
      <c r="G1888">
        <v>4.2176258709606023</v>
      </c>
      <c r="AC1888">
        <v>14.033332999999999</v>
      </c>
      <c r="AD1888">
        <v>92.333332999999996</v>
      </c>
      <c r="AE1888">
        <v>8.6211880000000001</v>
      </c>
      <c r="AF1888">
        <v>4.4218623919194897</v>
      </c>
    </row>
    <row r="1889" spans="6:32" x14ac:dyDescent="0.25">
      <c r="F1889">
        <v>31.266666999999998</v>
      </c>
      <c r="G1889">
        <v>4.2017225052851801</v>
      </c>
      <c r="AC1889">
        <v>14.049999999999997</v>
      </c>
      <c r="AD1889">
        <v>92.35</v>
      </c>
      <c r="AE1889">
        <v>8.6211880000000001</v>
      </c>
      <c r="AF1889">
        <v>4.4218623919194897</v>
      </c>
    </row>
    <row r="1890" spans="6:32" x14ac:dyDescent="0.25">
      <c r="F1890">
        <v>31.283332999999999</v>
      </c>
      <c r="G1890">
        <v>4.1854194358265966</v>
      </c>
      <c r="AC1890">
        <v>14.06666700000001</v>
      </c>
      <c r="AD1890">
        <v>92.366667000000007</v>
      </c>
      <c r="AE1890">
        <v>8.6212210000000002</v>
      </c>
      <c r="AF1890">
        <v>4.4222620957026528</v>
      </c>
    </row>
    <row r="1891" spans="6:32" x14ac:dyDescent="0.25">
      <c r="F1891">
        <v>31.299999999999997</v>
      </c>
      <c r="G1891">
        <v>4.1691042541321472</v>
      </c>
      <c r="AC1891">
        <v>14.083332999999996</v>
      </c>
      <c r="AD1891">
        <v>92.383332999999993</v>
      </c>
      <c r="AE1891">
        <v>8.6212549999999997</v>
      </c>
      <c r="AF1891">
        <v>4.4226739117216587</v>
      </c>
    </row>
    <row r="1892" spans="6:32" x14ac:dyDescent="0.25">
      <c r="F1892">
        <v>31.31666700000001</v>
      </c>
      <c r="G1892">
        <v>4.152389368654557</v>
      </c>
      <c r="AC1892">
        <v>14.100000000000009</v>
      </c>
      <c r="AD1892">
        <v>92.4</v>
      </c>
      <c r="AE1892">
        <v>8.6212549999999997</v>
      </c>
      <c r="AF1892">
        <v>4.4226739117216587</v>
      </c>
    </row>
    <row r="1893" spans="6:32" x14ac:dyDescent="0.25">
      <c r="F1893">
        <v>31.333332999999996</v>
      </c>
      <c r="G1893">
        <v>4.1356865954128113</v>
      </c>
      <c r="AC1893">
        <v>14.116667000000007</v>
      </c>
      <c r="AD1893">
        <v>92.416667000000004</v>
      </c>
      <c r="AE1893">
        <v>8.6212890000000009</v>
      </c>
      <c r="AF1893">
        <v>4.4230857277406859</v>
      </c>
    </row>
    <row r="1894" spans="6:32" x14ac:dyDescent="0.25">
      <c r="F1894">
        <v>31.350000000000009</v>
      </c>
      <c r="G1894">
        <v>4.1185598939161938</v>
      </c>
      <c r="AC1894">
        <v>14.133333000000007</v>
      </c>
      <c r="AD1894">
        <v>92.433333000000005</v>
      </c>
      <c r="AE1894">
        <v>8.6213219999999993</v>
      </c>
      <c r="AF1894">
        <v>4.4234854315238268</v>
      </c>
    </row>
    <row r="1895" spans="6:32" x14ac:dyDescent="0.25">
      <c r="F1895">
        <v>31.366667000000007</v>
      </c>
      <c r="G1895">
        <v>4.1010334886364141</v>
      </c>
      <c r="AC1895">
        <v>14.150000000000006</v>
      </c>
      <c r="AD1895">
        <v>92.45</v>
      </c>
      <c r="AE1895">
        <v>8.6213219999999993</v>
      </c>
      <c r="AF1895">
        <v>4.4234854315238268</v>
      </c>
    </row>
    <row r="1896" spans="6:32" x14ac:dyDescent="0.25">
      <c r="F1896">
        <v>31.383333000000007</v>
      </c>
      <c r="G1896">
        <v>4.0835070833566558</v>
      </c>
      <c r="AC1896">
        <v>14.166667000000004</v>
      </c>
      <c r="AD1896">
        <v>92.466667000000001</v>
      </c>
      <c r="AE1896">
        <v>8.6213560000000005</v>
      </c>
      <c r="AF1896">
        <v>4.4238972475428548</v>
      </c>
    </row>
    <row r="1897" spans="6:32" x14ac:dyDescent="0.25">
      <c r="F1897">
        <v>31.400000000000006</v>
      </c>
      <c r="G1897">
        <v>4.0659685658410316</v>
      </c>
      <c r="AC1897">
        <v>14.183333000000005</v>
      </c>
      <c r="AD1897">
        <v>92.483333000000002</v>
      </c>
      <c r="AE1897">
        <v>8.6213890000000006</v>
      </c>
      <c r="AF1897">
        <v>4.4242969513260171</v>
      </c>
    </row>
    <row r="1898" spans="6:32" x14ac:dyDescent="0.25">
      <c r="F1898">
        <v>31.416667000000004</v>
      </c>
      <c r="G1898">
        <v>4.047630640759083</v>
      </c>
      <c r="AC1898">
        <v>14.200000000000003</v>
      </c>
      <c r="AD1898">
        <v>92.5</v>
      </c>
      <c r="AE1898">
        <v>8.6213890000000006</v>
      </c>
      <c r="AF1898">
        <v>4.4242969513260171</v>
      </c>
    </row>
    <row r="1899" spans="6:32" x14ac:dyDescent="0.25">
      <c r="F1899">
        <v>31.433333000000005</v>
      </c>
      <c r="G1899">
        <v>4.0296924194602974</v>
      </c>
      <c r="AC1899">
        <v>14.216667000000001</v>
      </c>
      <c r="AD1899">
        <v>92.516666999999998</v>
      </c>
      <c r="AE1899">
        <v>8.6214230000000001</v>
      </c>
      <c r="AF1899">
        <v>4.4247087673450229</v>
      </c>
    </row>
    <row r="1900" spans="6:32" x14ac:dyDescent="0.25">
      <c r="F1900">
        <v>31.450000000000003</v>
      </c>
      <c r="G1900">
        <v>4.010942678359342</v>
      </c>
      <c r="AC1900">
        <v>14.233333000000002</v>
      </c>
      <c r="AD1900">
        <v>92.533332999999999</v>
      </c>
      <c r="AE1900">
        <v>8.6214569999999995</v>
      </c>
      <c r="AF1900">
        <v>4.4251205833640288</v>
      </c>
    </row>
    <row r="1901" spans="6:32" x14ac:dyDescent="0.25">
      <c r="F1901">
        <v>31.466667000000001</v>
      </c>
      <c r="G1901">
        <v>3.9925926410415284</v>
      </c>
      <c r="AC1901">
        <v>14.25</v>
      </c>
      <c r="AD1901">
        <v>92.55</v>
      </c>
      <c r="AE1901">
        <v>8.6214569999999995</v>
      </c>
      <c r="AF1901">
        <v>4.4251205833640288</v>
      </c>
    </row>
    <row r="1902" spans="6:32" x14ac:dyDescent="0.25">
      <c r="F1902">
        <v>31.483333000000002</v>
      </c>
      <c r="G1902">
        <v>3.9734310839215676</v>
      </c>
      <c r="AC1902">
        <v>14.266666999999998</v>
      </c>
      <c r="AD1902">
        <v>92.566666999999995</v>
      </c>
      <c r="AE1902">
        <v>8.6214899999999997</v>
      </c>
      <c r="AF1902">
        <v>4.4255202871471919</v>
      </c>
    </row>
    <row r="1903" spans="6:32" x14ac:dyDescent="0.25">
      <c r="F1903">
        <v>31.5</v>
      </c>
      <c r="G1903">
        <v>3.9546813428206131</v>
      </c>
      <c r="AC1903">
        <v>14.283332999999999</v>
      </c>
      <c r="AD1903">
        <v>92.583332999999996</v>
      </c>
      <c r="AE1903">
        <v>8.6215240000000009</v>
      </c>
      <c r="AF1903">
        <v>4.4259321031662191</v>
      </c>
    </row>
    <row r="1904" spans="6:32" x14ac:dyDescent="0.25">
      <c r="F1904">
        <v>31.516666999999998</v>
      </c>
      <c r="G1904">
        <v>3.9351079696816247</v>
      </c>
      <c r="AC1904">
        <v>14.299999999999997</v>
      </c>
      <c r="AD1904">
        <v>92.6</v>
      </c>
      <c r="AE1904">
        <v>8.6215240000000009</v>
      </c>
      <c r="AF1904">
        <v>4.4259321031662191</v>
      </c>
    </row>
    <row r="1905" spans="6:32" x14ac:dyDescent="0.25">
      <c r="F1905">
        <v>31.533332999999999</v>
      </c>
      <c r="G1905">
        <v>3.9159585247975084</v>
      </c>
      <c r="AC1905">
        <v>14.31666700000001</v>
      </c>
      <c r="AD1905">
        <v>92.616667000000007</v>
      </c>
      <c r="AE1905">
        <v>8.6215580000000003</v>
      </c>
      <c r="AF1905">
        <v>4.4263439191852259</v>
      </c>
    </row>
    <row r="1906" spans="6:32" x14ac:dyDescent="0.25">
      <c r="F1906">
        <v>31.549999999999997</v>
      </c>
      <c r="G1906">
        <v>3.8963851516585191</v>
      </c>
      <c r="AC1906">
        <v>14.333332999999996</v>
      </c>
      <c r="AD1906">
        <v>92.633332999999993</v>
      </c>
      <c r="AE1906">
        <v>8.6215910000000004</v>
      </c>
      <c r="AF1906">
        <v>4.4267436229683881</v>
      </c>
    </row>
    <row r="1907" spans="6:32" x14ac:dyDescent="0.25">
      <c r="F1907">
        <v>31.56666700000001</v>
      </c>
      <c r="G1907">
        <v>3.8768238907553751</v>
      </c>
      <c r="AC1907">
        <v>14.350000000000009</v>
      </c>
      <c r="AD1907">
        <v>92.65</v>
      </c>
      <c r="AE1907">
        <v>8.6215910000000004</v>
      </c>
      <c r="AF1907">
        <v>4.4267436229683881</v>
      </c>
    </row>
    <row r="1908" spans="6:32" x14ac:dyDescent="0.25">
      <c r="F1908">
        <v>31.583332999999996</v>
      </c>
      <c r="G1908">
        <v>3.85683870159738</v>
      </c>
      <c r="AC1908">
        <v>14.366667000000007</v>
      </c>
      <c r="AD1908">
        <v>92.666667000000004</v>
      </c>
      <c r="AE1908">
        <v>8.6216249999999999</v>
      </c>
      <c r="AF1908">
        <v>4.4271554389873939</v>
      </c>
    </row>
    <row r="1909" spans="6:32" x14ac:dyDescent="0.25">
      <c r="F1909">
        <v>31.600000000000009</v>
      </c>
      <c r="G1909">
        <v>3.8368656246752293</v>
      </c>
      <c r="AC1909">
        <v>14.383333000000007</v>
      </c>
      <c r="AD1909">
        <v>92.683333000000005</v>
      </c>
      <c r="AE1909">
        <v>8.6216589999999993</v>
      </c>
      <c r="AF1909">
        <v>4.4275672550064007</v>
      </c>
    </row>
    <row r="1910" spans="6:32" x14ac:dyDescent="0.25">
      <c r="F1910">
        <v>31.616667000000007</v>
      </c>
      <c r="G1910">
        <v>3.8168925477530999</v>
      </c>
      <c r="AC1910">
        <v>14.400000000000006</v>
      </c>
      <c r="AD1910">
        <v>92.7</v>
      </c>
      <c r="AE1910">
        <v>8.6216919999999995</v>
      </c>
      <c r="AF1910">
        <v>4.427966958789562</v>
      </c>
    </row>
    <row r="1911" spans="6:32" x14ac:dyDescent="0.25">
      <c r="F1911">
        <v>31.633333000000007</v>
      </c>
      <c r="G1911">
        <v>3.7969194708309493</v>
      </c>
      <c r="AC1911">
        <v>14.416667000000004</v>
      </c>
      <c r="AD1911">
        <v>92.716667000000001</v>
      </c>
      <c r="AE1911">
        <v>8.6216919999999995</v>
      </c>
      <c r="AF1911">
        <v>4.427966958789562</v>
      </c>
    </row>
    <row r="1912" spans="6:32" x14ac:dyDescent="0.25">
      <c r="F1912">
        <v>31.650000000000006</v>
      </c>
      <c r="G1912">
        <v>3.7765345778897923</v>
      </c>
      <c r="AC1912">
        <v>14.433333000000005</v>
      </c>
      <c r="AD1912">
        <v>92.733333000000002</v>
      </c>
      <c r="AE1912">
        <v>8.6217260000000007</v>
      </c>
      <c r="AF1912">
        <v>4.4283787748085901</v>
      </c>
    </row>
    <row r="1913" spans="6:32" x14ac:dyDescent="0.25">
      <c r="F1913">
        <v>31.666667000000004</v>
      </c>
      <c r="G1913">
        <v>3.7561496849486349</v>
      </c>
      <c r="AC1913">
        <v>14.450000000000003</v>
      </c>
      <c r="AD1913">
        <v>92.75</v>
      </c>
      <c r="AE1913">
        <v>8.6217600000000001</v>
      </c>
      <c r="AF1913">
        <v>4.428790590827596</v>
      </c>
    </row>
    <row r="1914" spans="6:32" x14ac:dyDescent="0.25">
      <c r="F1914">
        <v>31.683333000000005</v>
      </c>
      <c r="G1914">
        <v>3.7353650882243161</v>
      </c>
      <c r="AC1914">
        <v>14.466667000000001</v>
      </c>
      <c r="AD1914">
        <v>92.766666999999998</v>
      </c>
      <c r="AE1914">
        <v>8.6217600000000001</v>
      </c>
      <c r="AF1914">
        <v>4.428790590827596</v>
      </c>
    </row>
    <row r="1915" spans="6:32" x14ac:dyDescent="0.25">
      <c r="F1915">
        <v>31.700000000000003</v>
      </c>
      <c r="G1915">
        <v>3.7145683792641311</v>
      </c>
      <c r="AC1915">
        <v>14.483333000000002</v>
      </c>
      <c r="AD1915">
        <v>92.783332999999999</v>
      </c>
      <c r="AE1915">
        <v>8.6217930000000003</v>
      </c>
      <c r="AF1915">
        <v>4.4291902946107582</v>
      </c>
    </row>
    <row r="1916" spans="6:32" x14ac:dyDescent="0.25">
      <c r="F1916">
        <v>31.716667000000001</v>
      </c>
      <c r="G1916">
        <v>3.6941834863229746</v>
      </c>
      <c r="AC1916">
        <v>14.5</v>
      </c>
      <c r="AD1916">
        <v>92.8</v>
      </c>
      <c r="AE1916">
        <v>8.6218269999999997</v>
      </c>
      <c r="AF1916">
        <v>4.4296021106297649</v>
      </c>
    </row>
    <row r="1917" spans="6:32" x14ac:dyDescent="0.25">
      <c r="F1917">
        <v>31.733333000000002</v>
      </c>
      <c r="G1917">
        <v>3.6729870735796486</v>
      </c>
      <c r="AC1917">
        <v>14.516666999999998</v>
      </c>
      <c r="AD1917">
        <v>92.816666999999995</v>
      </c>
      <c r="AE1917">
        <v>8.6218610000000009</v>
      </c>
      <c r="AF1917">
        <v>4.4300139266487921</v>
      </c>
    </row>
    <row r="1918" spans="6:32" x14ac:dyDescent="0.25">
      <c r="F1918">
        <v>31.75</v>
      </c>
      <c r="G1918">
        <v>3.6522024768553298</v>
      </c>
      <c r="AC1918">
        <v>14.533332999999999</v>
      </c>
      <c r="AD1918">
        <v>92.833332999999996</v>
      </c>
      <c r="AE1918">
        <v>8.6218610000000009</v>
      </c>
      <c r="AF1918">
        <v>4.4300139266487921</v>
      </c>
    </row>
    <row r="1919" spans="6:32" x14ac:dyDescent="0.25">
      <c r="F1919">
        <v>31.766666999999998</v>
      </c>
      <c r="G1919">
        <v>3.6310060641120043</v>
      </c>
      <c r="AC1919">
        <v>14.549999999999997</v>
      </c>
      <c r="AD1919">
        <v>92.85</v>
      </c>
      <c r="AE1919">
        <v>8.6218939999999993</v>
      </c>
      <c r="AF1919">
        <v>4.430413630431933</v>
      </c>
    </row>
    <row r="1920" spans="6:32" x14ac:dyDescent="0.25">
      <c r="F1920">
        <v>31.783332999999999</v>
      </c>
      <c r="G1920">
        <v>3.6102093551518193</v>
      </c>
      <c r="AC1920">
        <v>14.56666700000001</v>
      </c>
      <c r="AD1920">
        <v>92.866667000000007</v>
      </c>
      <c r="AE1920">
        <v>8.6219280000000005</v>
      </c>
      <c r="AF1920">
        <v>4.4308254464509611</v>
      </c>
    </row>
    <row r="1921" spans="6:32" x14ac:dyDescent="0.25">
      <c r="F1921">
        <v>31.799999999999997</v>
      </c>
      <c r="G1921">
        <v>3.5890129424084942</v>
      </c>
      <c r="AC1921">
        <v>14.583332999999996</v>
      </c>
      <c r="AD1921">
        <v>92.883332999999993</v>
      </c>
      <c r="AE1921">
        <v>8.6219619999999999</v>
      </c>
      <c r="AF1921">
        <v>4.4312372624699679</v>
      </c>
    </row>
    <row r="1922" spans="6:32" x14ac:dyDescent="0.25">
      <c r="F1922">
        <v>31.81666700000001</v>
      </c>
      <c r="G1922">
        <v>3.567404713646162</v>
      </c>
      <c r="AC1922">
        <v>14.600000000000009</v>
      </c>
      <c r="AD1922">
        <v>92.9</v>
      </c>
      <c r="AE1922">
        <v>8.6219619999999999</v>
      </c>
      <c r="AF1922">
        <v>4.4312372624699679</v>
      </c>
    </row>
    <row r="1923" spans="6:32" x14ac:dyDescent="0.25">
      <c r="F1923">
        <v>31.833332999999996</v>
      </c>
      <c r="G1923">
        <v>3.5462083009028151</v>
      </c>
      <c r="AC1923">
        <v>14.616667000000007</v>
      </c>
      <c r="AD1923">
        <v>92.916667000000004</v>
      </c>
      <c r="AE1923">
        <v>8.6219950000000001</v>
      </c>
      <c r="AF1923">
        <v>4.4316369662531292</v>
      </c>
    </row>
    <row r="1924" spans="6:32" x14ac:dyDescent="0.25">
      <c r="F1924">
        <v>31.850000000000009</v>
      </c>
      <c r="G1924">
        <v>3.5250118881594896</v>
      </c>
      <c r="AC1924">
        <v>14.633333000000007</v>
      </c>
      <c r="AD1924">
        <v>92.933333000000005</v>
      </c>
      <c r="AE1924">
        <v>8.6220289999999995</v>
      </c>
      <c r="AF1924">
        <v>4.4320487822721351</v>
      </c>
    </row>
    <row r="1925" spans="6:32" x14ac:dyDescent="0.25">
      <c r="F1925">
        <v>31.866667000000007</v>
      </c>
      <c r="G1925">
        <v>3.5034036593971365</v>
      </c>
      <c r="AC1925">
        <v>14.650000000000006</v>
      </c>
      <c r="AD1925">
        <v>92.95</v>
      </c>
      <c r="AE1925">
        <v>8.6220630000000007</v>
      </c>
      <c r="AF1925">
        <v>4.432460598291164</v>
      </c>
    </row>
    <row r="1926" spans="6:32" x14ac:dyDescent="0.25">
      <c r="F1926">
        <v>31.883333000000007</v>
      </c>
      <c r="G1926">
        <v>3.482207246653811</v>
      </c>
      <c r="AC1926">
        <v>14.666667000000004</v>
      </c>
      <c r="AD1926">
        <v>92.966667000000001</v>
      </c>
      <c r="AE1926">
        <v>8.6220630000000007</v>
      </c>
      <c r="AF1926">
        <v>4.432460598291164</v>
      </c>
    </row>
    <row r="1927" spans="6:32" x14ac:dyDescent="0.25">
      <c r="F1927">
        <v>31.900000000000006</v>
      </c>
      <c r="G1927">
        <v>3.4605990178914583</v>
      </c>
      <c r="AC1927">
        <v>14.683333000000005</v>
      </c>
      <c r="AD1927">
        <v>92.983333000000002</v>
      </c>
      <c r="AE1927">
        <v>8.6220960000000009</v>
      </c>
      <c r="AF1927">
        <v>4.4328603020743254</v>
      </c>
    </row>
    <row r="1928" spans="6:32" x14ac:dyDescent="0.25">
      <c r="F1928">
        <v>31.916667000000004</v>
      </c>
      <c r="G1928">
        <v>3.4394026051481328</v>
      </c>
      <c r="AC1928">
        <v>14.700000000000003</v>
      </c>
      <c r="AD1928">
        <v>93</v>
      </c>
      <c r="AE1928">
        <v>8.6221300000000003</v>
      </c>
      <c r="AF1928">
        <v>4.4332721180933321</v>
      </c>
    </row>
    <row r="1929" spans="6:32" x14ac:dyDescent="0.25">
      <c r="F1929">
        <v>31.933333000000005</v>
      </c>
      <c r="G1929">
        <v>3.4177943763857792</v>
      </c>
      <c r="AC1929">
        <v>14.716667000000001</v>
      </c>
      <c r="AD1929">
        <v>93.016666999999998</v>
      </c>
      <c r="AE1929">
        <v>8.6221300000000003</v>
      </c>
      <c r="AF1929">
        <v>4.4332721180933321</v>
      </c>
    </row>
    <row r="1930" spans="6:32" x14ac:dyDescent="0.25">
      <c r="F1930">
        <v>31.950000000000003</v>
      </c>
      <c r="G1930">
        <v>3.3961861476234469</v>
      </c>
      <c r="AC1930">
        <v>14.733333000000002</v>
      </c>
      <c r="AD1930">
        <v>93.033332999999999</v>
      </c>
      <c r="AE1930">
        <v>8.6221639999999997</v>
      </c>
      <c r="AF1930">
        <v>4.433683934112338</v>
      </c>
    </row>
    <row r="1931" spans="6:32" x14ac:dyDescent="0.25">
      <c r="F1931">
        <v>31.966667000000001</v>
      </c>
      <c r="G1931">
        <v>3.3745900310969601</v>
      </c>
      <c r="AC1931">
        <v>14.75</v>
      </c>
      <c r="AD1931">
        <v>93.05</v>
      </c>
      <c r="AE1931">
        <v>8.6221969999999999</v>
      </c>
      <c r="AF1931">
        <v>4.4340836378955002</v>
      </c>
    </row>
    <row r="1932" spans="6:32" x14ac:dyDescent="0.25">
      <c r="F1932">
        <v>31.983333000000002</v>
      </c>
      <c r="G1932">
        <v>3.3529818023346065</v>
      </c>
      <c r="AC1932">
        <v>14.766666999999998</v>
      </c>
      <c r="AD1932">
        <v>93.066666999999995</v>
      </c>
      <c r="AE1932">
        <v>8.6221969999999999</v>
      </c>
      <c r="AF1932">
        <v>4.4340836378955002</v>
      </c>
    </row>
    <row r="1933" spans="6:32" x14ac:dyDescent="0.25">
      <c r="F1933">
        <v>32</v>
      </c>
      <c r="G1933">
        <v>3.3313735735722534</v>
      </c>
      <c r="AC1933">
        <v>14.783332999999999</v>
      </c>
      <c r="AD1933">
        <v>93.083332999999996</v>
      </c>
      <c r="AE1933">
        <v>8.6222309999999993</v>
      </c>
      <c r="AF1933">
        <v>4.4344954539145069</v>
      </c>
    </row>
    <row r="1934" spans="6:32" x14ac:dyDescent="0.25">
      <c r="F1934">
        <v>32.016666999999998</v>
      </c>
      <c r="G1934">
        <v>3.3097653448099216</v>
      </c>
      <c r="AC1934">
        <v>14.799999999999997</v>
      </c>
      <c r="AD1934">
        <v>93.1</v>
      </c>
      <c r="AE1934">
        <v>8.6222650000000005</v>
      </c>
      <c r="AF1934">
        <v>4.4349072699335341</v>
      </c>
    </row>
    <row r="1935" spans="6:32" x14ac:dyDescent="0.25">
      <c r="F1935">
        <v>32.033332999999999</v>
      </c>
      <c r="G1935">
        <v>3.2881571160475689</v>
      </c>
      <c r="AC1935">
        <v>14.81666700000001</v>
      </c>
      <c r="AD1935">
        <v>93.116667000000007</v>
      </c>
      <c r="AE1935">
        <v>8.6222650000000005</v>
      </c>
      <c r="AF1935">
        <v>4.4349072699335341</v>
      </c>
    </row>
    <row r="1936" spans="6:32" x14ac:dyDescent="0.25">
      <c r="F1936">
        <v>32.049999999999997</v>
      </c>
      <c r="G1936">
        <v>3.2665609995210807</v>
      </c>
      <c r="AC1936">
        <v>14.833332999999996</v>
      </c>
      <c r="AD1936">
        <v>93.133332999999993</v>
      </c>
      <c r="AE1936">
        <v>8.6222980000000007</v>
      </c>
      <c r="AF1936">
        <v>4.4353069737166972</v>
      </c>
    </row>
    <row r="1937" spans="6:32" x14ac:dyDescent="0.25">
      <c r="F1937">
        <v>32.06666700000001</v>
      </c>
      <c r="G1937">
        <v>3.244952770758728</v>
      </c>
      <c r="AC1937">
        <v>14.850000000000009</v>
      </c>
      <c r="AD1937">
        <v>93.15</v>
      </c>
      <c r="AE1937">
        <v>8.6223320000000001</v>
      </c>
      <c r="AF1937">
        <v>4.4357187897357031</v>
      </c>
    </row>
    <row r="1938" spans="6:32" x14ac:dyDescent="0.25">
      <c r="F1938">
        <v>32.083332999999996</v>
      </c>
      <c r="G1938">
        <v>3.2233445419963958</v>
      </c>
      <c r="AC1938">
        <v>14.866667000000007</v>
      </c>
      <c r="AD1938">
        <v>93.166667000000004</v>
      </c>
      <c r="AE1938">
        <v>8.6223320000000001</v>
      </c>
      <c r="AF1938">
        <v>4.4357187897357031</v>
      </c>
    </row>
    <row r="1939" spans="6:32" x14ac:dyDescent="0.25">
      <c r="F1939">
        <v>32.100000000000009</v>
      </c>
      <c r="G1939">
        <v>3.2017363132340431</v>
      </c>
      <c r="AC1939">
        <v>14.883333000000007</v>
      </c>
      <c r="AD1939">
        <v>93.183333000000005</v>
      </c>
      <c r="AE1939">
        <v>8.6223659999999995</v>
      </c>
      <c r="AF1939">
        <v>4.436130605754709</v>
      </c>
    </row>
    <row r="1940" spans="6:32" x14ac:dyDescent="0.25">
      <c r="F1940">
        <v>32.116667000000007</v>
      </c>
      <c r="G1940">
        <v>3.1801280844716895</v>
      </c>
      <c r="AC1940">
        <v>14.900000000000006</v>
      </c>
      <c r="AD1940">
        <v>93.2</v>
      </c>
      <c r="AE1940">
        <v>8.6223989999999997</v>
      </c>
      <c r="AF1940">
        <v>4.4365303095378712</v>
      </c>
    </row>
    <row r="1941" spans="6:32" x14ac:dyDescent="0.25">
      <c r="F1941">
        <v>32.133333000000007</v>
      </c>
      <c r="G1941">
        <v>3.1585319679452022</v>
      </c>
      <c r="AC1941">
        <v>14.916667000000004</v>
      </c>
      <c r="AD1941">
        <v>93.216667000000001</v>
      </c>
      <c r="AE1941">
        <v>8.6223989999999997</v>
      </c>
      <c r="AF1941">
        <v>4.4365303095378712</v>
      </c>
    </row>
    <row r="1942" spans="6:32" x14ac:dyDescent="0.25">
      <c r="F1942">
        <v>32.150000000000006</v>
      </c>
      <c r="G1942">
        <v>3.1369237391828704</v>
      </c>
      <c r="AC1942">
        <v>14.933333000000005</v>
      </c>
      <c r="AD1942">
        <v>93.233333000000002</v>
      </c>
      <c r="AE1942">
        <v>8.6224329999999991</v>
      </c>
      <c r="AF1942">
        <v>4.4369421255568771</v>
      </c>
    </row>
    <row r="1943" spans="6:32" x14ac:dyDescent="0.25">
      <c r="F1943">
        <v>32.166667000000004</v>
      </c>
      <c r="G1943">
        <v>3.1153155104205172</v>
      </c>
      <c r="AC1943">
        <v>14.950000000000003</v>
      </c>
      <c r="AD1943">
        <v>93.25</v>
      </c>
      <c r="AE1943">
        <v>8.6224659999999993</v>
      </c>
      <c r="AF1943">
        <v>4.4373418293400402</v>
      </c>
    </row>
    <row r="1944" spans="6:32" x14ac:dyDescent="0.25">
      <c r="F1944">
        <v>32.183333000000005</v>
      </c>
      <c r="G1944">
        <v>3.0937072816581637</v>
      </c>
      <c r="AC1944">
        <v>14.966667000000001</v>
      </c>
      <c r="AD1944">
        <v>93.266666999999998</v>
      </c>
      <c r="AE1944">
        <v>8.6224659999999993</v>
      </c>
      <c r="AF1944">
        <v>4.4373418293400402</v>
      </c>
    </row>
    <row r="1945" spans="6:32" x14ac:dyDescent="0.25">
      <c r="F1945">
        <v>32.200000000000003</v>
      </c>
      <c r="G1945">
        <v>3.0720990528958318</v>
      </c>
      <c r="AC1945">
        <v>14.983333000000002</v>
      </c>
      <c r="AD1945">
        <v>93.283332999999999</v>
      </c>
      <c r="AE1945">
        <v>8.6225000000000005</v>
      </c>
      <c r="AF1945">
        <v>4.4377536453590674</v>
      </c>
    </row>
    <row r="1946" spans="6:32" x14ac:dyDescent="0.25">
      <c r="F1946">
        <v>32.216667000000001</v>
      </c>
      <c r="G1946">
        <v>3.0505029363693446</v>
      </c>
      <c r="AC1946">
        <v>15</v>
      </c>
      <c r="AD1946">
        <v>93.3</v>
      </c>
      <c r="AE1946">
        <v>8.6225339999999999</v>
      </c>
      <c r="AF1946">
        <v>4.4381654613780732</v>
      </c>
    </row>
    <row r="1947" spans="6:32" x14ac:dyDescent="0.25">
      <c r="F1947">
        <v>32.233333000000002</v>
      </c>
      <c r="G1947">
        <v>3.028894707606991</v>
      </c>
      <c r="AC1947">
        <v>15.016666999999998</v>
      </c>
      <c r="AD1947">
        <v>93.316666999999995</v>
      </c>
      <c r="AE1947">
        <v>8.6225339999999999</v>
      </c>
      <c r="AF1947">
        <v>4.4381654613780732</v>
      </c>
    </row>
    <row r="1948" spans="6:32" x14ac:dyDescent="0.25">
      <c r="F1948">
        <v>32.25</v>
      </c>
      <c r="G1948">
        <v>3.0072864788446378</v>
      </c>
      <c r="AC1948">
        <v>15.033332999999999</v>
      </c>
      <c r="AD1948">
        <v>93.333332999999996</v>
      </c>
      <c r="AE1948">
        <v>8.6225670000000001</v>
      </c>
      <c r="AF1948">
        <v>4.4385651651612363</v>
      </c>
    </row>
    <row r="1949" spans="6:32" x14ac:dyDescent="0.25">
      <c r="F1949">
        <v>32.266666999999998</v>
      </c>
      <c r="G1949">
        <v>2.985678250082306</v>
      </c>
      <c r="AC1949">
        <v>15.049999999999997</v>
      </c>
      <c r="AD1949">
        <v>93.35</v>
      </c>
      <c r="AE1949">
        <v>8.6226009999999995</v>
      </c>
      <c r="AF1949">
        <v>4.4389769811802422</v>
      </c>
    </row>
    <row r="1950" spans="6:32" x14ac:dyDescent="0.25">
      <c r="F1950">
        <v>32.283332999999999</v>
      </c>
      <c r="G1950">
        <v>2.9640700213199529</v>
      </c>
      <c r="AC1950">
        <v>15.06666700000001</v>
      </c>
      <c r="AD1950">
        <v>93.366667000000007</v>
      </c>
      <c r="AE1950">
        <v>8.6226009999999995</v>
      </c>
      <c r="AF1950">
        <v>4.4389769811802422</v>
      </c>
    </row>
    <row r="1951" spans="6:32" x14ac:dyDescent="0.25">
      <c r="F1951">
        <v>32.299999999999997</v>
      </c>
      <c r="G1951">
        <v>2.9424739047934656</v>
      </c>
      <c r="AC1951">
        <v>15.083332999999996</v>
      </c>
      <c r="AD1951">
        <v>93.383332999999993</v>
      </c>
      <c r="AE1951">
        <v>8.6226350000000007</v>
      </c>
      <c r="AF1951">
        <v>4.4393887971992703</v>
      </c>
    </row>
    <row r="1952" spans="6:32" x14ac:dyDescent="0.25">
      <c r="F1952">
        <v>32.31666700000001</v>
      </c>
      <c r="G1952">
        <v>2.9208656760311125</v>
      </c>
      <c r="AC1952">
        <v>15.100000000000009</v>
      </c>
      <c r="AD1952">
        <v>93.4</v>
      </c>
      <c r="AE1952">
        <v>8.6226680000000009</v>
      </c>
      <c r="AF1952">
        <v>4.4397885009824316</v>
      </c>
    </row>
    <row r="1953" spans="6:32" x14ac:dyDescent="0.25">
      <c r="F1953">
        <v>32.333332999999996</v>
      </c>
      <c r="G1953">
        <v>2.8992574472687807</v>
      </c>
      <c r="AC1953">
        <v>15.116667000000007</v>
      </c>
      <c r="AD1953">
        <v>93.416667000000004</v>
      </c>
      <c r="AE1953">
        <v>8.6227020000000003</v>
      </c>
      <c r="AF1953">
        <v>4.4402003170014384</v>
      </c>
    </row>
    <row r="1954" spans="6:32" x14ac:dyDescent="0.25">
      <c r="F1954">
        <v>32.350000000000009</v>
      </c>
      <c r="G1954">
        <v>2.8776492185064275</v>
      </c>
      <c r="AC1954">
        <v>15.133333000000007</v>
      </c>
      <c r="AD1954">
        <v>93.433333000000005</v>
      </c>
      <c r="AE1954">
        <v>8.6227020000000003</v>
      </c>
      <c r="AF1954">
        <v>4.4402003170014384</v>
      </c>
    </row>
    <row r="1955" spans="6:32" x14ac:dyDescent="0.25">
      <c r="F1955">
        <v>32.366667000000007</v>
      </c>
      <c r="G1955">
        <v>2.8564528057631016</v>
      </c>
      <c r="AC1955">
        <v>15.150000000000006</v>
      </c>
      <c r="AD1955">
        <v>93.45</v>
      </c>
      <c r="AE1955">
        <v>8.6227359999999997</v>
      </c>
      <c r="AF1955">
        <v>4.4406121330204451</v>
      </c>
    </row>
    <row r="1956" spans="6:32" x14ac:dyDescent="0.25">
      <c r="F1956">
        <v>32.383333000000007</v>
      </c>
      <c r="G1956">
        <v>2.8348445770007484</v>
      </c>
      <c r="AC1956">
        <v>15.166667000000004</v>
      </c>
      <c r="AD1956">
        <v>93.466667000000001</v>
      </c>
      <c r="AE1956">
        <v>8.6227689999999999</v>
      </c>
      <c r="AF1956">
        <v>4.4410118368036064</v>
      </c>
    </row>
    <row r="1957" spans="6:32" x14ac:dyDescent="0.25">
      <c r="F1957">
        <v>32.400000000000006</v>
      </c>
      <c r="G1957">
        <v>2.8132363482384166</v>
      </c>
      <c r="AC1957">
        <v>15.183333000000005</v>
      </c>
      <c r="AD1957">
        <v>93.483333000000002</v>
      </c>
      <c r="AE1957">
        <v>8.6228029999999993</v>
      </c>
      <c r="AF1957">
        <v>4.4414236528226132</v>
      </c>
    </row>
    <row r="1958" spans="6:32" x14ac:dyDescent="0.25">
      <c r="F1958">
        <v>32.416667000000004</v>
      </c>
      <c r="G1958">
        <v>2.7920399354950698</v>
      </c>
      <c r="AC1958">
        <v>15.200000000000003</v>
      </c>
      <c r="AD1958">
        <v>93.5</v>
      </c>
      <c r="AE1958">
        <v>8.6228029999999993</v>
      </c>
      <c r="AF1958">
        <v>4.4414236528226132</v>
      </c>
    </row>
    <row r="1959" spans="6:32" x14ac:dyDescent="0.25">
      <c r="F1959">
        <v>32.433333000000005</v>
      </c>
      <c r="G1959">
        <v>2.7704317067327384</v>
      </c>
      <c r="AC1959">
        <v>15.216667000000001</v>
      </c>
      <c r="AD1959">
        <v>93.516666999999998</v>
      </c>
      <c r="AE1959">
        <v>8.6228370000000005</v>
      </c>
      <c r="AF1959">
        <v>4.4418354688416404</v>
      </c>
    </row>
    <row r="1960" spans="6:32" x14ac:dyDescent="0.25">
      <c r="F1960">
        <v>32.450000000000003</v>
      </c>
      <c r="G1960">
        <v>2.7488355902062294</v>
      </c>
      <c r="AC1960">
        <v>15.233333000000002</v>
      </c>
      <c r="AD1960">
        <v>93.533332999999999</v>
      </c>
      <c r="AE1960">
        <v>8.6228700000000007</v>
      </c>
      <c r="AF1960">
        <v>4.4422351726248026</v>
      </c>
    </row>
    <row r="1961" spans="6:32" x14ac:dyDescent="0.25">
      <c r="F1961">
        <v>32.466667000000001</v>
      </c>
      <c r="G1961">
        <v>2.7272273614438975</v>
      </c>
      <c r="AC1961">
        <v>15.25</v>
      </c>
      <c r="AD1961">
        <v>93.55</v>
      </c>
      <c r="AE1961">
        <v>8.6228700000000007</v>
      </c>
      <c r="AF1961">
        <v>4.4422351726248026</v>
      </c>
    </row>
    <row r="1962" spans="6:32" x14ac:dyDescent="0.25">
      <c r="F1962">
        <v>32.483333000000002</v>
      </c>
      <c r="G1962">
        <v>2.7056191326815444</v>
      </c>
      <c r="AC1962">
        <v>15.266666999999998</v>
      </c>
      <c r="AD1962">
        <v>93.566666999999995</v>
      </c>
      <c r="AE1962">
        <v>8.6229040000000001</v>
      </c>
      <c r="AF1962">
        <v>4.4426469886438094</v>
      </c>
    </row>
    <row r="1963" spans="6:32" x14ac:dyDescent="0.25">
      <c r="F1963">
        <v>32.5</v>
      </c>
      <c r="G1963">
        <v>2.6844227199382185</v>
      </c>
      <c r="AC1963">
        <v>15.283332999999999</v>
      </c>
      <c r="AD1963">
        <v>93.583332999999996</v>
      </c>
      <c r="AE1963">
        <v>8.6229379999999995</v>
      </c>
      <c r="AF1963">
        <v>4.4430588046628152</v>
      </c>
    </row>
    <row r="1964" spans="6:32" x14ac:dyDescent="0.25">
      <c r="F1964">
        <v>32.516666999999998</v>
      </c>
      <c r="G1964">
        <v>2.6628144911758653</v>
      </c>
      <c r="AC1964">
        <v>15.299999999999997</v>
      </c>
      <c r="AD1964">
        <v>93.6</v>
      </c>
      <c r="AE1964">
        <v>8.6229709999999997</v>
      </c>
      <c r="AF1964">
        <v>4.4434585084459775</v>
      </c>
    </row>
    <row r="1965" spans="6:32" x14ac:dyDescent="0.25">
      <c r="F1965">
        <v>32.533332999999999</v>
      </c>
      <c r="G1965">
        <v>2.6412062624135335</v>
      </c>
      <c r="AC1965">
        <v>15.31666700000001</v>
      </c>
      <c r="AD1965">
        <v>93.616667000000007</v>
      </c>
      <c r="AE1965">
        <v>8.6229709999999997</v>
      </c>
      <c r="AF1965">
        <v>4.4434585084459775</v>
      </c>
    </row>
    <row r="1966" spans="6:32" x14ac:dyDescent="0.25">
      <c r="F1966">
        <v>32.549999999999997</v>
      </c>
      <c r="G1966">
        <v>2.6200098496701867</v>
      </c>
      <c r="AC1966">
        <v>15.333332999999996</v>
      </c>
      <c r="AD1966">
        <v>93.633332999999993</v>
      </c>
      <c r="AE1966">
        <v>8.6230049999999991</v>
      </c>
      <c r="AF1966">
        <v>4.4438703244649842</v>
      </c>
    </row>
    <row r="1967" spans="6:32" x14ac:dyDescent="0.25">
      <c r="F1967">
        <v>32.56666700000001</v>
      </c>
      <c r="G1967">
        <v>2.5984016209078553</v>
      </c>
      <c r="AC1967">
        <v>15.350000000000009</v>
      </c>
      <c r="AD1967">
        <v>93.65</v>
      </c>
      <c r="AE1967">
        <v>8.6230390000000003</v>
      </c>
      <c r="AF1967">
        <v>4.4442821404840123</v>
      </c>
    </row>
    <row r="1968" spans="6:32" x14ac:dyDescent="0.25">
      <c r="F1968">
        <v>32.583332999999996</v>
      </c>
      <c r="G1968">
        <v>2.5772052081645085</v>
      </c>
      <c r="AC1968">
        <v>15.366667000000007</v>
      </c>
      <c r="AD1968">
        <v>93.666667000000004</v>
      </c>
      <c r="AE1968">
        <v>8.6230390000000003</v>
      </c>
      <c r="AF1968">
        <v>4.4442821404840123</v>
      </c>
    </row>
    <row r="1969" spans="6:32" x14ac:dyDescent="0.25">
      <c r="F1969">
        <v>32.600000000000009</v>
      </c>
      <c r="G1969">
        <v>2.5555969794021762</v>
      </c>
      <c r="AC1969">
        <v>15.383333000000007</v>
      </c>
      <c r="AD1969">
        <v>93.683333000000005</v>
      </c>
      <c r="AE1969">
        <v>8.6230720000000005</v>
      </c>
      <c r="AF1969">
        <v>4.4446818442671736</v>
      </c>
    </row>
    <row r="1970" spans="6:32" x14ac:dyDescent="0.25">
      <c r="F1970">
        <v>32.616667000000007</v>
      </c>
      <c r="G1970">
        <v>2.5344005666588294</v>
      </c>
      <c r="AC1970">
        <v>15.400000000000006</v>
      </c>
      <c r="AD1970">
        <v>93.7</v>
      </c>
      <c r="AE1970">
        <v>8.6230720000000005</v>
      </c>
      <c r="AF1970">
        <v>4.4446818442671736</v>
      </c>
    </row>
    <row r="1971" spans="6:32" x14ac:dyDescent="0.25">
      <c r="F1971">
        <v>32.633333000000007</v>
      </c>
      <c r="G1971">
        <v>2.5127923378964976</v>
      </c>
      <c r="AC1971">
        <v>15.416667000000004</v>
      </c>
      <c r="AD1971">
        <v>93.716667000000001</v>
      </c>
      <c r="AE1971">
        <v>8.6231059999999999</v>
      </c>
      <c r="AF1971">
        <v>4.4450936602861795</v>
      </c>
    </row>
    <row r="1972" spans="6:32" x14ac:dyDescent="0.25">
      <c r="F1972">
        <v>32.650000000000006</v>
      </c>
      <c r="G1972">
        <v>2.4915959251531725</v>
      </c>
      <c r="AC1972">
        <v>15.433333000000005</v>
      </c>
      <c r="AD1972">
        <v>93.733333000000002</v>
      </c>
      <c r="AE1972">
        <v>8.6231399999999994</v>
      </c>
      <c r="AF1972">
        <v>4.4455054763051862</v>
      </c>
    </row>
    <row r="1973" spans="6:32" x14ac:dyDescent="0.25">
      <c r="F1973">
        <v>32.666667000000004</v>
      </c>
      <c r="G1973">
        <v>2.4703995124098257</v>
      </c>
      <c r="AC1973">
        <v>15.450000000000003</v>
      </c>
      <c r="AD1973">
        <v>93.75</v>
      </c>
      <c r="AE1973">
        <v>8.6231399999999994</v>
      </c>
      <c r="AF1973">
        <v>4.4455054763051862</v>
      </c>
    </row>
    <row r="1974" spans="6:32" x14ac:dyDescent="0.25">
      <c r="F1974">
        <v>32.683333000000005</v>
      </c>
      <c r="G1974">
        <v>2.4487912836474934</v>
      </c>
      <c r="AC1974">
        <v>15.466667000000001</v>
      </c>
      <c r="AD1974">
        <v>93.766666999999998</v>
      </c>
      <c r="AE1974">
        <v>8.6231729999999995</v>
      </c>
      <c r="AF1974">
        <v>4.4459051800883485</v>
      </c>
    </row>
    <row r="1975" spans="6:32" x14ac:dyDescent="0.25">
      <c r="F1975">
        <v>32.700000000000003</v>
      </c>
      <c r="G1975">
        <v>2.4275948709041466</v>
      </c>
      <c r="AC1975">
        <v>15.483333000000002</v>
      </c>
      <c r="AD1975">
        <v>93.783332999999999</v>
      </c>
      <c r="AE1975">
        <v>8.6231729999999995</v>
      </c>
      <c r="AF1975">
        <v>4.4459051800883485</v>
      </c>
    </row>
    <row r="1976" spans="6:32" x14ac:dyDescent="0.25">
      <c r="F1976">
        <v>32.716667000000001</v>
      </c>
      <c r="G1976">
        <v>2.4063984581608211</v>
      </c>
      <c r="AC1976">
        <v>15.5</v>
      </c>
      <c r="AD1976">
        <v>93.8</v>
      </c>
      <c r="AE1976">
        <v>8.6232070000000007</v>
      </c>
      <c r="AF1976">
        <v>4.4463169961073765</v>
      </c>
    </row>
    <row r="1977" spans="6:32" x14ac:dyDescent="0.25">
      <c r="F1977">
        <v>32.733333000000002</v>
      </c>
      <c r="G1977">
        <v>2.384790229398468</v>
      </c>
      <c r="AC1977">
        <v>15.516666999999998</v>
      </c>
      <c r="AD1977">
        <v>93.816666999999995</v>
      </c>
      <c r="AE1977">
        <v>8.6232410000000002</v>
      </c>
      <c r="AF1977">
        <v>4.4467288121263824</v>
      </c>
    </row>
    <row r="1978" spans="6:32" x14ac:dyDescent="0.25">
      <c r="F1978">
        <v>32.75</v>
      </c>
      <c r="G1978">
        <v>2.3635938166551429</v>
      </c>
      <c r="AC1978">
        <v>15.533332999999999</v>
      </c>
      <c r="AD1978">
        <v>93.833332999999996</v>
      </c>
      <c r="AE1978">
        <v>8.6232410000000002</v>
      </c>
      <c r="AF1978">
        <v>4.4467288121263824</v>
      </c>
    </row>
    <row r="1979" spans="6:32" x14ac:dyDescent="0.25">
      <c r="F1979">
        <v>32.766666999999998</v>
      </c>
      <c r="G1979">
        <v>2.3423974039118169</v>
      </c>
      <c r="AC1979">
        <v>15.549999999999997</v>
      </c>
      <c r="AD1979">
        <v>93.85</v>
      </c>
      <c r="AE1979">
        <v>8.6232740000000003</v>
      </c>
      <c r="AF1979">
        <v>4.4471285159095446</v>
      </c>
    </row>
    <row r="1980" spans="6:32" x14ac:dyDescent="0.25">
      <c r="F1980">
        <v>32.783332999999999</v>
      </c>
      <c r="G1980">
        <v>2.3212009911684919</v>
      </c>
      <c r="AC1980">
        <v>15.56666700000001</v>
      </c>
      <c r="AD1980">
        <v>93.866667000000007</v>
      </c>
      <c r="AE1980">
        <v>8.6233079999999998</v>
      </c>
      <c r="AF1980">
        <v>4.4475403319285514</v>
      </c>
    </row>
    <row r="1981" spans="6:32" x14ac:dyDescent="0.25">
      <c r="F1981">
        <v>32.799999999999997</v>
      </c>
      <c r="G1981">
        <v>2.3000045784251451</v>
      </c>
      <c r="AC1981">
        <v>15.583332999999996</v>
      </c>
      <c r="AD1981">
        <v>93.883332999999993</v>
      </c>
      <c r="AE1981">
        <v>8.6233079999999998</v>
      </c>
      <c r="AF1981">
        <v>4.4475403319285514</v>
      </c>
    </row>
    <row r="1982" spans="6:32" x14ac:dyDescent="0.25">
      <c r="F1982">
        <v>32.81666700000001</v>
      </c>
      <c r="G1982">
        <v>2.278796053445975</v>
      </c>
      <c r="AC1982">
        <v>15.600000000000009</v>
      </c>
      <c r="AD1982">
        <v>93.9</v>
      </c>
      <c r="AE1982">
        <v>8.6233419999999992</v>
      </c>
      <c r="AF1982">
        <v>4.4479521479475572</v>
      </c>
    </row>
    <row r="1983" spans="6:32" x14ac:dyDescent="0.25">
      <c r="F1983">
        <v>32.833332999999996</v>
      </c>
      <c r="G1983">
        <v>2.2575996407026282</v>
      </c>
      <c r="AC1983">
        <v>15.616667000000007</v>
      </c>
      <c r="AD1983">
        <v>93.916667000000004</v>
      </c>
      <c r="AE1983">
        <v>8.6233749999999993</v>
      </c>
      <c r="AF1983">
        <v>4.4483518517307195</v>
      </c>
    </row>
    <row r="1984" spans="6:32" x14ac:dyDescent="0.25">
      <c r="F1984">
        <v>32.850000000000009</v>
      </c>
      <c r="G1984">
        <v>2.2364032279593027</v>
      </c>
      <c r="AC1984">
        <v>15.633333000000007</v>
      </c>
      <c r="AD1984">
        <v>93.933333000000005</v>
      </c>
      <c r="AE1984">
        <v>8.6233749999999993</v>
      </c>
      <c r="AF1984">
        <v>4.4483518517307195</v>
      </c>
    </row>
    <row r="1985" spans="6:32" x14ac:dyDescent="0.25">
      <c r="F1985">
        <v>32.866667000000007</v>
      </c>
      <c r="G1985">
        <v>2.2152068152159776</v>
      </c>
      <c r="AC1985">
        <v>15.650000000000006</v>
      </c>
      <c r="AD1985">
        <v>93.95</v>
      </c>
      <c r="AE1985">
        <v>8.6234090000000005</v>
      </c>
      <c r="AF1985">
        <v>4.4487636677497475</v>
      </c>
    </row>
    <row r="1986" spans="6:32" x14ac:dyDescent="0.25">
      <c r="F1986">
        <v>32.883333000000007</v>
      </c>
      <c r="G1986">
        <v>2.1940104024726303</v>
      </c>
      <c r="AC1986">
        <v>15.666667000000004</v>
      </c>
      <c r="AD1986">
        <v>93.966667000000001</v>
      </c>
      <c r="AE1986">
        <v>8.6234090000000005</v>
      </c>
      <c r="AF1986">
        <v>4.4487636677497475</v>
      </c>
    </row>
    <row r="1987" spans="6:32" x14ac:dyDescent="0.25">
      <c r="F1987">
        <v>32.900000000000006</v>
      </c>
      <c r="G1987">
        <v>2.1728139897293048</v>
      </c>
      <c r="AC1987">
        <v>15.683333000000005</v>
      </c>
      <c r="AD1987">
        <v>93.983333000000002</v>
      </c>
      <c r="AE1987">
        <v>8.623443</v>
      </c>
      <c r="AF1987">
        <v>4.4491754837687534</v>
      </c>
    </row>
    <row r="1988" spans="6:32" x14ac:dyDescent="0.25">
      <c r="F1988">
        <v>32.916667000000004</v>
      </c>
      <c r="G1988">
        <v>2.1516175769859798</v>
      </c>
      <c r="AC1988">
        <v>15.700000000000003</v>
      </c>
      <c r="AD1988">
        <v>94</v>
      </c>
      <c r="AE1988">
        <v>8.623443</v>
      </c>
      <c r="AF1988">
        <v>4.4491754837687534</v>
      </c>
    </row>
    <row r="1989" spans="6:32" x14ac:dyDescent="0.25">
      <c r="F1989">
        <v>32.933333000000005</v>
      </c>
      <c r="G1989">
        <v>2.1304090520067884</v>
      </c>
      <c r="AC1989">
        <v>15.716667000000001</v>
      </c>
      <c r="AD1989">
        <v>94.016666999999998</v>
      </c>
      <c r="AE1989">
        <v>8.6234760000000001</v>
      </c>
      <c r="AF1989">
        <v>4.4495751875519156</v>
      </c>
    </row>
    <row r="1990" spans="6:32" x14ac:dyDescent="0.25">
      <c r="F1990">
        <v>32.950000000000003</v>
      </c>
      <c r="G1990">
        <v>2.1092126392634629</v>
      </c>
      <c r="AC1990">
        <v>15.733333000000002</v>
      </c>
      <c r="AD1990">
        <v>94.033332999999999</v>
      </c>
      <c r="AE1990">
        <v>8.6235099999999996</v>
      </c>
      <c r="AF1990">
        <v>4.4499870035709215</v>
      </c>
    </row>
    <row r="1991" spans="6:32" x14ac:dyDescent="0.25">
      <c r="F1991">
        <v>32.966667000000001</v>
      </c>
      <c r="G1991">
        <v>2.0880162265201161</v>
      </c>
      <c r="AC1991">
        <v>15.75</v>
      </c>
      <c r="AD1991">
        <v>94.05</v>
      </c>
      <c r="AE1991">
        <v>8.6235099999999996</v>
      </c>
      <c r="AF1991">
        <v>4.4499870035709215</v>
      </c>
    </row>
    <row r="1992" spans="6:32" x14ac:dyDescent="0.25">
      <c r="F1992">
        <v>32.983333000000002</v>
      </c>
      <c r="G1992">
        <v>2.0668198137767906</v>
      </c>
      <c r="AC1992">
        <v>15.766666999999998</v>
      </c>
      <c r="AD1992">
        <v>94.066666999999995</v>
      </c>
      <c r="AE1992">
        <v>8.6235440000000008</v>
      </c>
      <c r="AF1992">
        <v>4.4503988195899495</v>
      </c>
    </row>
    <row r="1993" spans="6:32" x14ac:dyDescent="0.25">
      <c r="F1993">
        <v>33</v>
      </c>
      <c r="G1993">
        <v>2.0456234010334655</v>
      </c>
      <c r="AC1993">
        <v>15.783332999999999</v>
      </c>
      <c r="AD1993">
        <v>94.083332999999996</v>
      </c>
      <c r="AE1993">
        <v>8.6235440000000008</v>
      </c>
      <c r="AF1993">
        <v>4.4503988195899495</v>
      </c>
    </row>
    <row r="1994" spans="6:32" x14ac:dyDescent="0.25">
      <c r="F1994">
        <v>33.016666999999998</v>
      </c>
      <c r="G1994">
        <v>2.0244269882901396</v>
      </c>
      <c r="AC1994">
        <v>15.799999999999997</v>
      </c>
      <c r="AD1994">
        <v>94.1</v>
      </c>
      <c r="AE1994">
        <v>8.6235769999999992</v>
      </c>
      <c r="AF1994">
        <v>4.4507985233730905</v>
      </c>
    </row>
    <row r="1995" spans="6:32" x14ac:dyDescent="0.25">
      <c r="F1995">
        <v>33.033332999999999</v>
      </c>
      <c r="G1995">
        <v>2.0032305755467927</v>
      </c>
      <c r="AC1995">
        <v>15.81666700000001</v>
      </c>
      <c r="AD1995">
        <v>94.116667000000007</v>
      </c>
      <c r="AE1995">
        <v>8.6236110000000004</v>
      </c>
      <c r="AF1995">
        <v>4.4512103393921176</v>
      </c>
    </row>
    <row r="1996" spans="6:32" x14ac:dyDescent="0.25">
      <c r="F1996">
        <v>33.049999999999997</v>
      </c>
      <c r="G1996">
        <v>1.9824338665866292</v>
      </c>
      <c r="AC1996">
        <v>15.833332999999996</v>
      </c>
      <c r="AD1996">
        <v>94.133332999999993</v>
      </c>
      <c r="AE1996">
        <v>8.6236440000000005</v>
      </c>
      <c r="AF1996">
        <v>4.4516100431752808</v>
      </c>
    </row>
    <row r="1997" spans="6:32" x14ac:dyDescent="0.25">
      <c r="F1997">
        <v>33.06666700000001</v>
      </c>
      <c r="G1997">
        <v>1.9612374538433039</v>
      </c>
      <c r="AC1997">
        <v>15.850000000000009</v>
      </c>
      <c r="AD1997">
        <v>94.15</v>
      </c>
      <c r="AE1997">
        <v>8.6236440000000005</v>
      </c>
      <c r="AF1997">
        <v>4.4516100431752808</v>
      </c>
    </row>
    <row r="1998" spans="6:32" x14ac:dyDescent="0.25">
      <c r="F1998">
        <v>33.083332999999996</v>
      </c>
      <c r="G1998">
        <v>1.9400410410999571</v>
      </c>
      <c r="AC1998">
        <v>15.866667000000007</v>
      </c>
      <c r="AD1998">
        <v>94.166667000000004</v>
      </c>
      <c r="AE1998">
        <v>8.623678</v>
      </c>
      <c r="AF1998">
        <v>4.4520218591942866</v>
      </c>
    </row>
    <row r="1999" spans="6:32" x14ac:dyDescent="0.25">
      <c r="F1999">
        <v>33.100000000000009</v>
      </c>
      <c r="G1999">
        <v>1.9192443321397936</v>
      </c>
      <c r="AC1999">
        <v>15.883333000000007</v>
      </c>
      <c r="AD1999">
        <v>94.183333000000005</v>
      </c>
      <c r="AE1999">
        <v>8.6237119999999994</v>
      </c>
      <c r="AF1999">
        <v>4.4524336752132934</v>
      </c>
    </row>
    <row r="2000" spans="6:32" x14ac:dyDescent="0.25">
      <c r="F2000">
        <v>33.116667000000007</v>
      </c>
      <c r="G2000">
        <v>1.8980479193964683</v>
      </c>
      <c r="AC2000">
        <v>15.900000000000006</v>
      </c>
      <c r="AD2000">
        <v>94.2</v>
      </c>
      <c r="AE2000">
        <v>8.6237119999999994</v>
      </c>
      <c r="AF2000">
        <v>4.4524336752132934</v>
      </c>
    </row>
    <row r="2001" spans="6:32" x14ac:dyDescent="0.25">
      <c r="F2001">
        <v>33.133333000000007</v>
      </c>
      <c r="G2001">
        <v>1.8772633226721493</v>
      </c>
      <c r="AC2001">
        <v>15.916667000000004</v>
      </c>
      <c r="AD2001">
        <v>94.216667000000001</v>
      </c>
      <c r="AE2001">
        <v>8.6237449999999995</v>
      </c>
      <c r="AF2001">
        <v>4.4528333789964547</v>
      </c>
    </row>
    <row r="2002" spans="6:32" x14ac:dyDescent="0.25">
      <c r="F2002">
        <v>33.150000000000006</v>
      </c>
      <c r="G2002">
        <v>1.8560669099288023</v>
      </c>
      <c r="AC2002">
        <v>15.933333000000005</v>
      </c>
      <c r="AD2002">
        <v>94.233333000000002</v>
      </c>
      <c r="AE2002">
        <v>8.6237449999999995</v>
      </c>
      <c r="AF2002">
        <v>4.4528333789964547</v>
      </c>
    </row>
    <row r="2003" spans="6:32" x14ac:dyDescent="0.25">
      <c r="F2003">
        <v>33.166667000000004</v>
      </c>
      <c r="G2003">
        <v>1.835270200968639</v>
      </c>
      <c r="AC2003">
        <v>15.950000000000003</v>
      </c>
      <c r="AD2003">
        <v>94.25</v>
      </c>
      <c r="AE2003">
        <v>8.6237790000000007</v>
      </c>
      <c r="AF2003">
        <v>4.4532451950154828</v>
      </c>
    </row>
    <row r="2004" spans="6:32" x14ac:dyDescent="0.25">
      <c r="F2004">
        <v>33.183333000000005</v>
      </c>
      <c r="G2004">
        <v>1.8140737882253135</v>
      </c>
      <c r="AC2004">
        <v>15.966667000000001</v>
      </c>
      <c r="AD2004">
        <v>94.266666999999998</v>
      </c>
      <c r="AE2004">
        <v>8.6238130000000002</v>
      </c>
      <c r="AF2004">
        <v>4.4536570110344886</v>
      </c>
    </row>
    <row r="2005" spans="6:32" x14ac:dyDescent="0.25">
      <c r="F2005">
        <v>33.200000000000003</v>
      </c>
      <c r="G2005">
        <v>1.7932770792651285</v>
      </c>
      <c r="AC2005">
        <v>15.983333000000002</v>
      </c>
      <c r="AD2005">
        <v>94.283332999999999</v>
      </c>
      <c r="AE2005">
        <v>8.6238130000000002</v>
      </c>
      <c r="AF2005">
        <v>4.4536570110344886</v>
      </c>
    </row>
    <row r="2006" spans="6:32" x14ac:dyDescent="0.25">
      <c r="F2006">
        <v>33.216667000000001</v>
      </c>
      <c r="G2006">
        <v>1.7724924825408095</v>
      </c>
      <c r="AC2006">
        <v>16</v>
      </c>
      <c r="AD2006">
        <v>94.3</v>
      </c>
      <c r="AE2006">
        <v>8.6238460000000003</v>
      </c>
      <c r="AF2006">
        <v>4.4540567148176509</v>
      </c>
    </row>
    <row r="2007" spans="6:32" x14ac:dyDescent="0.25">
      <c r="F2007">
        <v>33.233333000000002</v>
      </c>
      <c r="G2007">
        <v>1.751695773580646</v>
      </c>
      <c r="AC2007">
        <v>16.016666999999998</v>
      </c>
      <c r="AD2007">
        <v>94.316666999999995</v>
      </c>
      <c r="AE2007">
        <v>8.6238460000000003</v>
      </c>
      <c r="AF2007">
        <v>4.4540567148176509</v>
      </c>
    </row>
    <row r="2008" spans="6:32" x14ac:dyDescent="0.25">
      <c r="F2008">
        <v>33.25</v>
      </c>
      <c r="G2008">
        <v>1.730911176856327</v>
      </c>
      <c r="AC2008">
        <v>16.033332999999999</v>
      </c>
      <c r="AD2008">
        <v>94.333332999999996</v>
      </c>
      <c r="AE2008">
        <v>8.6238799999999998</v>
      </c>
      <c r="AF2008">
        <v>4.4544685308366576</v>
      </c>
    </row>
    <row r="2009" spans="6:32" x14ac:dyDescent="0.25">
      <c r="F2009">
        <v>33.266666999999998</v>
      </c>
      <c r="G2009">
        <v>1.7101144678961635</v>
      </c>
      <c r="AC2009">
        <v>16.049999999999997</v>
      </c>
      <c r="AD2009">
        <v>94.35</v>
      </c>
      <c r="AE2009">
        <v>8.6239139999999992</v>
      </c>
      <c r="AF2009">
        <v>4.4548803468556635</v>
      </c>
    </row>
    <row r="2010" spans="6:32" x14ac:dyDescent="0.25">
      <c r="F2010">
        <v>33.283332999999999</v>
      </c>
      <c r="G2010">
        <v>1.6893298711718445</v>
      </c>
      <c r="AC2010">
        <v>16.06666700000001</v>
      </c>
      <c r="AD2010">
        <v>94.366667000000007</v>
      </c>
      <c r="AE2010">
        <v>8.6239139999999992</v>
      </c>
      <c r="AF2010">
        <v>4.4548803468556635</v>
      </c>
    </row>
    <row r="2011" spans="6:32" x14ac:dyDescent="0.25">
      <c r="F2011">
        <v>33.299999999999997</v>
      </c>
      <c r="G2011">
        <v>1.6685331622116595</v>
      </c>
      <c r="AC2011">
        <v>16.083332999999996</v>
      </c>
      <c r="AD2011">
        <v>94.383332999999993</v>
      </c>
      <c r="AE2011">
        <v>8.6239469999999994</v>
      </c>
      <c r="AF2011">
        <v>4.4552800506388257</v>
      </c>
    </row>
    <row r="2012" spans="6:32" x14ac:dyDescent="0.25">
      <c r="F2012">
        <v>33.31666700000001</v>
      </c>
      <c r="G2012">
        <v>1.6477485654873405</v>
      </c>
      <c r="AC2012">
        <v>16.100000000000009</v>
      </c>
      <c r="AD2012">
        <v>94.4</v>
      </c>
      <c r="AE2012">
        <v>8.6239469999999994</v>
      </c>
      <c r="AF2012">
        <v>4.4552800506388257</v>
      </c>
    </row>
    <row r="2013" spans="6:32" x14ac:dyDescent="0.25">
      <c r="F2013">
        <v>33.333332999999996</v>
      </c>
      <c r="G2013">
        <v>1.626951856527177</v>
      </c>
      <c r="AC2013">
        <v>16.116667000000007</v>
      </c>
      <c r="AD2013">
        <v>94.416667000000004</v>
      </c>
      <c r="AE2013">
        <v>8.6239810000000006</v>
      </c>
      <c r="AF2013">
        <v>4.4556918666578538</v>
      </c>
    </row>
    <row r="2014" spans="6:32" x14ac:dyDescent="0.25">
      <c r="F2014">
        <v>33.350000000000009</v>
      </c>
      <c r="G2014">
        <v>1.6065790758218643</v>
      </c>
      <c r="AC2014">
        <v>16.133333000000007</v>
      </c>
      <c r="AD2014">
        <v>94.433333000000005</v>
      </c>
      <c r="AE2014">
        <v>8.6239810000000006</v>
      </c>
      <c r="AF2014">
        <v>4.4556918666578538</v>
      </c>
    </row>
    <row r="2015" spans="6:32" x14ac:dyDescent="0.25">
      <c r="F2015">
        <v>33.366667000000007</v>
      </c>
      <c r="G2015">
        <v>1.5857823668617008</v>
      </c>
      <c r="AC2015">
        <v>16.150000000000006</v>
      </c>
      <c r="AD2015">
        <v>94.45</v>
      </c>
      <c r="AE2015">
        <v>8.624015</v>
      </c>
      <c r="AF2015">
        <v>4.4561036826768596</v>
      </c>
    </row>
    <row r="2016" spans="6:32" x14ac:dyDescent="0.25">
      <c r="F2016">
        <v>33.383333000000007</v>
      </c>
      <c r="G2016">
        <v>1.5653974739205441</v>
      </c>
      <c r="AC2016">
        <v>16.166667000000004</v>
      </c>
      <c r="AD2016">
        <v>94.466667000000001</v>
      </c>
      <c r="AE2016">
        <v>8.6240480000000002</v>
      </c>
      <c r="AF2016">
        <v>4.4565033864600219</v>
      </c>
    </row>
    <row r="2017" spans="6:32" x14ac:dyDescent="0.25">
      <c r="F2017">
        <v>33.400000000000006</v>
      </c>
      <c r="G2017">
        <v>1.5450125809793869</v>
      </c>
      <c r="AC2017">
        <v>16.183333000000005</v>
      </c>
      <c r="AD2017">
        <v>94.483333000000002</v>
      </c>
      <c r="AE2017">
        <v>8.6240480000000002</v>
      </c>
      <c r="AF2017">
        <v>4.4565033864600219</v>
      </c>
    </row>
    <row r="2018" spans="6:32" x14ac:dyDescent="0.25">
      <c r="F2018">
        <v>33.416667000000004</v>
      </c>
      <c r="G2018">
        <v>1.5246398002740742</v>
      </c>
      <c r="AC2018">
        <v>16.200000000000003</v>
      </c>
      <c r="AD2018">
        <v>94.5</v>
      </c>
      <c r="AE2018">
        <v>8.6240819999999996</v>
      </c>
      <c r="AF2018">
        <v>4.4569152024790277</v>
      </c>
    </row>
    <row r="2019" spans="6:32" x14ac:dyDescent="0.25">
      <c r="F2019">
        <v>33.433333000000005</v>
      </c>
      <c r="G2019">
        <v>1.5046546111160792</v>
      </c>
      <c r="AC2019">
        <v>16.216667000000001</v>
      </c>
      <c r="AD2019">
        <v>94.516666999999998</v>
      </c>
      <c r="AE2019">
        <v>8.6240819999999996</v>
      </c>
      <c r="AF2019">
        <v>4.4569152024790277</v>
      </c>
    </row>
    <row r="2020" spans="6:32" x14ac:dyDescent="0.25">
      <c r="F2020">
        <v>33.450000000000003</v>
      </c>
      <c r="G2020">
        <v>1.4842818304107663</v>
      </c>
      <c r="AC2020">
        <v>16.233333000000002</v>
      </c>
      <c r="AD2020">
        <v>94.533332999999999</v>
      </c>
      <c r="AE2020">
        <v>8.6241160000000008</v>
      </c>
      <c r="AF2020">
        <v>4.4573270184980567</v>
      </c>
    </row>
    <row r="2021" spans="6:32" x14ac:dyDescent="0.25">
      <c r="F2021">
        <v>33.466667000000001</v>
      </c>
      <c r="G2021">
        <v>1.4642966412527714</v>
      </c>
      <c r="AC2021">
        <v>16.25</v>
      </c>
      <c r="AD2021">
        <v>94.55</v>
      </c>
      <c r="AE2021">
        <v>8.6241489999999992</v>
      </c>
      <c r="AF2021">
        <v>4.4577267222811967</v>
      </c>
    </row>
    <row r="2022" spans="6:32" x14ac:dyDescent="0.25">
      <c r="F2022">
        <v>33.483333000000002</v>
      </c>
      <c r="G2022">
        <v>1.4439238605474585</v>
      </c>
      <c r="AC2022">
        <v>16.266666999999998</v>
      </c>
      <c r="AD2022">
        <v>94.566666999999995</v>
      </c>
      <c r="AE2022">
        <v>8.6241489999999992</v>
      </c>
      <c r="AF2022">
        <v>4.4577267222811967</v>
      </c>
    </row>
    <row r="2023" spans="6:32" x14ac:dyDescent="0.25">
      <c r="F2023">
        <v>33.5</v>
      </c>
      <c r="G2023">
        <v>1.4239386713894635</v>
      </c>
      <c r="AC2023">
        <v>16.283332999999999</v>
      </c>
      <c r="AD2023">
        <v>94.583332999999996</v>
      </c>
      <c r="AE2023">
        <v>8.6241830000000004</v>
      </c>
      <c r="AF2023">
        <v>4.4581385383002239</v>
      </c>
    </row>
    <row r="2024" spans="6:32" x14ac:dyDescent="0.25">
      <c r="F2024">
        <v>33.516666999999998</v>
      </c>
      <c r="G2024">
        <v>1.4039655944673128</v>
      </c>
      <c r="AC2024">
        <v>16.299999999999997</v>
      </c>
      <c r="AD2024">
        <v>94.6</v>
      </c>
      <c r="AE2024">
        <v>8.6241830000000004</v>
      </c>
      <c r="AF2024">
        <v>4.4581385383002239</v>
      </c>
    </row>
    <row r="2025" spans="6:32" x14ac:dyDescent="0.25">
      <c r="F2025">
        <v>33.533332999999999</v>
      </c>
      <c r="G2025">
        <v>1.38440433356419</v>
      </c>
      <c r="AC2025">
        <v>16.31666700000001</v>
      </c>
      <c r="AD2025">
        <v>94.616667000000007</v>
      </c>
      <c r="AE2025">
        <v>8.6242169999999998</v>
      </c>
      <c r="AF2025">
        <v>4.4585503543192306</v>
      </c>
    </row>
    <row r="2026" spans="6:32" x14ac:dyDescent="0.25">
      <c r="F2026">
        <v>33.549999999999997</v>
      </c>
      <c r="G2026">
        <v>1.3644312566420391</v>
      </c>
      <c r="AC2026">
        <v>16.333332999999996</v>
      </c>
      <c r="AD2026">
        <v>94.633332999999993</v>
      </c>
      <c r="AE2026">
        <v>8.6242169999999998</v>
      </c>
      <c r="AF2026">
        <v>4.4585503543192306</v>
      </c>
    </row>
    <row r="2027" spans="6:32" x14ac:dyDescent="0.25">
      <c r="F2027">
        <v>33.56666700000001</v>
      </c>
      <c r="G2027">
        <v>1.3448578835030505</v>
      </c>
      <c r="AC2027">
        <v>16.350000000000009</v>
      </c>
      <c r="AD2027">
        <v>94.65</v>
      </c>
      <c r="AE2027">
        <v>8.62425</v>
      </c>
      <c r="AF2027">
        <v>4.4589500581023929</v>
      </c>
    </row>
    <row r="2028" spans="6:32" x14ac:dyDescent="0.25">
      <c r="F2028">
        <v>33.583332999999996</v>
      </c>
      <c r="G2028">
        <v>1.3252966225999276</v>
      </c>
      <c r="AC2028">
        <v>16.366667000000007</v>
      </c>
      <c r="AD2028">
        <v>94.666667000000004</v>
      </c>
      <c r="AE2028">
        <v>8.62425</v>
      </c>
      <c r="AF2028">
        <v>4.4589500581023929</v>
      </c>
    </row>
    <row r="2029" spans="6:32" x14ac:dyDescent="0.25">
      <c r="F2029">
        <v>33.600000000000009</v>
      </c>
      <c r="G2029">
        <v>1.305723249460939</v>
      </c>
      <c r="AC2029">
        <v>16.383333000000007</v>
      </c>
      <c r="AD2029">
        <v>94.683333000000005</v>
      </c>
      <c r="AE2029">
        <v>8.6242839999999994</v>
      </c>
      <c r="AF2029">
        <v>4.4593618741213996</v>
      </c>
    </row>
    <row r="2030" spans="6:32" x14ac:dyDescent="0.25">
      <c r="F2030">
        <v>33.616667000000007</v>
      </c>
      <c r="G2030">
        <v>1.2865616923409782</v>
      </c>
      <c r="AC2030">
        <v>16.400000000000006</v>
      </c>
      <c r="AD2030">
        <v>94.7</v>
      </c>
      <c r="AE2030">
        <v>8.6243180000000006</v>
      </c>
      <c r="AF2030">
        <v>4.4597736901404268</v>
      </c>
    </row>
    <row r="2031" spans="6:32" x14ac:dyDescent="0.25">
      <c r="F2031">
        <v>33.633333000000007</v>
      </c>
      <c r="G2031">
        <v>1.2670004314378338</v>
      </c>
      <c r="AC2031">
        <v>16.416667000000004</v>
      </c>
      <c r="AD2031">
        <v>94.716667000000001</v>
      </c>
      <c r="AE2031">
        <v>8.6243180000000006</v>
      </c>
      <c r="AF2031">
        <v>4.4597736901404268</v>
      </c>
    </row>
    <row r="2032" spans="6:32" x14ac:dyDescent="0.25">
      <c r="F2032">
        <v>33.650000000000006</v>
      </c>
      <c r="G2032">
        <v>1.2478388743178728</v>
      </c>
      <c r="AC2032">
        <v>16.433333000000005</v>
      </c>
      <c r="AD2032">
        <v>94.733333000000002</v>
      </c>
      <c r="AE2032">
        <v>8.6243510000000008</v>
      </c>
      <c r="AF2032">
        <v>4.460173393923589</v>
      </c>
    </row>
    <row r="2033" spans="6:32" x14ac:dyDescent="0.25">
      <c r="F2033">
        <v>33.666667000000004</v>
      </c>
      <c r="G2033">
        <v>1.2286773171978906</v>
      </c>
      <c r="AC2033">
        <v>16.450000000000003</v>
      </c>
      <c r="AD2033">
        <v>94.75</v>
      </c>
      <c r="AE2033">
        <v>8.6243510000000008</v>
      </c>
      <c r="AF2033">
        <v>4.460173393923589</v>
      </c>
    </row>
    <row r="2034" spans="6:32" x14ac:dyDescent="0.25">
      <c r="F2034">
        <v>33.683333000000005</v>
      </c>
      <c r="G2034">
        <v>1.2095157600779296</v>
      </c>
      <c r="AC2034">
        <v>16.466667000000001</v>
      </c>
      <c r="AD2034">
        <v>94.766666999999998</v>
      </c>
      <c r="AE2034">
        <v>8.6243850000000002</v>
      </c>
      <c r="AF2034">
        <v>4.4605852099425958</v>
      </c>
    </row>
    <row r="2035" spans="6:32" x14ac:dyDescent="0.25">
      <c r="F2035">
        <v>33.700000000000003</v>
      </c>
      <c r="G2035">
        <v>1.1903542029579475</v>
      </c>
      <c r="AC2035">
        <v>16.483333000000002</v>
      </c>
      <c r="AD2035">
        <v>94.783332999999999</v>
      </c>
      <c r="AE2035">
        <v>8.6243850000000002</v>
      </c>
      <c r="AF2035">
        <v>4.4605852099425958</v>
      </c>
    </row>
    <row r="2036" spans="6:32" x14ac:dyDescent="0.25">
      <c r="F2036">
        <v>33.716667000000001</v>
      </c>
      <c r="G2036">
        <v>1.1716044618569927</v>
      </c>
      <c r="AC2036">
        <v>16.5</v>
      </c>
      <c r="AD2036">
        <v>94.8</v>
      </c>
      <c r="AE2036">
        <v>8.6244189999999996</v>
      </c>
      <c r="AF2036">
        <v>4.4609970259616016</v>
      </c>
    </row>
    <row r="2037" spans="6:32" x14ac:dyDescent="0.25">
      <c r="F2037">
        <v>33.733333000000002</v>
      </c>
      <c r="G2037">
        <v>1.1524429047370104</v>
      </c>
      <c r="AC2037">
        <v>16.516666999999998</v>
      </c>
      <c r="AD2037">
        <v>94.816666999999995</v>
      </c>
      <c r="AE2037">
        <v>8.6244519999999998</v>
      </c>
      <c r="AF2037">
        <v>4.4613967297447639</v>
      </c>
    </row>
    <row r="2038" spans="6:32" x14ac:dyDescent="0.25">
      <c r="F2038">
        <v>33.75</v>
      </c>
      <c r="G2038">
        <v>1.1336931636360559</v>
      </c>
      <c r="AC2038">
        <v>16.533332999999999</v>
      </c>
      <c r="AD2038">
        <v>94.833332999999996</v>
      </c>
      <c r="AE2038">
        <v>8.6244519999999998</v>
      </c>
      <c r="AF2038">
        <v>4.4613967297447639</v>
      </c>
    </row>
    <row r="2039" spans="6:32" x14ac:dyDescent="0.25">
      <c r="F2039">
        <v>33.766666999999998</v>
      </c>
      <c r="G2039">
        <v>1.1149434225351014</v>
      </c>
      <c r="AC2039">
        <v>16.549999999999997</v>
      </c>
      <c r="AD2039">
        <v>94.85</v>
      </c>
      <c r="AE2039">
        <v>8.6244859999999992</v>
      </c>
      <c r="AF2039">
        <v>4.4618085457637697</v>
      </c>
    </row>
    <row r="2040" spans="6:32" x14ac:dyDescent="0.25">
      <c r="F2040">
        <v>33.783332999999999</v>
      </c>
      <c r="G2040">
        <v>1.0965933852173089</v>
      </c>
      <c r="AC2040">
        <v>16.56666700000001</v>
      </c>
      <c r="AD2040">
        <v>94.866667000000007</v>
      </c>
      <c r="AE2040">
        <v>8.6245200000000004</v>
      </c>
      <c r="AF2040">
        <v>4.4622203617827978</v>
      </c>
    </row>
    <row r="2041" spans="6:32" x14ac:dyDescent="0.25">
      <c r="F2041">
        <v>33.799999999999997</v>
      </c>
      <c r="G2041">
        <v>1.0778436441163544</v>
      </c>
      <c r="AC2041">
        <v>16.583332999999996</v>
      </c>
      <c r="AD2041">
        <v>94.883332999999993</v>
      </c>
      <c r="AE2041">
        <v>8.6245530000000006</v>
      </c>
      <c r="AF2041">
        <v>4.46262006556596</v>
      </c>
    </row>
    <row r="2042" spans="6:32" x14ac:dyDescent="0.25">
      <c r="F2042">
        <v>33.81666700000001</v>
      </c>
      <c r="G2042">
        <v>1.0594936067985403</v>
      </c>
      <c r="AC2042">
        <v>16.600000000000009</v>
      </c>
      <c r="AD2042">
        <v>94.9</v>
      </c>
      <c r="AE2042">
        <v>8.6245530000000006</v>
      </c>
      <c r="AF2042">
        <v>4.46262006556596</v>
      </c>
    </row>
    <row r="2043" spans="6:32" x14ac:dyDescent="0.25">
      <c r="F2043">
        <v>33.833332999999996</v>
      </c>
      <c r="G2043">
        <v>1.0411556817165923</v>
      </c>
      <c r="AC2043">
        <v>16.616667000000007</v>
      </c>
      <c r="AD2043">
        <v>94.916667000000004</v>
      </c>
      <c r="AE2043">
        <v>8.624587</v>
      </c>
      <c r="AF2043">
        <v>4.4630318815849659</v>
      </c>
    </row>
    <row r="2044" spans="6:32" x14ac:dyDescent="0.25">
      <c r="F2044">
        <v>33.850000000000009</v>
      </c>
      <c r="G2044">
        <v>1.0228056443987996</v>
      </c>
      <c r="AC2044">
        <v>16.633333000000007</v>
      </c>
      <c r="AD2044">
        <v>94.933333000000005</v>
      </c>
      <c r="AE2044">
        <v>8.6246209999999994</v>
      </c>
      <c r="AF2044">
        <v>4.4634436976039726</v>
      </c>
    </row>
    <row r="2045" spans="6:32" x14ac:dyDescent="0.25">
      <c r="F2045">
        <v>33.866667000000007</v>
      </c>
      <c r="G2045">
        <v>1.0048674231000136</v>
      </c>
      <c r="AC2045">
        <v>16.650000000000006</v>
      </c>
      <c r="AD2045">
        <v>94.95</v>
      </c>
      <c r="AE2045">
        <v>8.6246209999999994</v>
      </c>
      <c r="AF2045">
        <v>4.4634436976039726</v>
      </c>
    </row>
    <row r="2046" spans="6:32" x14ac:dyDescent="0.25">
      <c r="F2046">
        <v>33.883333000000007</v>
      </c>
      <c r="G2046">
        <v>0.98694131403709329</v>
      </c>
      <c r="AC2046">
        <v>16.666667000000004</v>
      </c>
      <c r="AD2046">
        <v>94.966667000000001</v>
      </c>
      <c r="AE2046">
        <v>8.6246539999999996</v>
      </c>
      <c r="AF2046">
        <v>4.4638434013871349</v>
      </c>
    </row>
    <row r="2047" spans="6:32" x14ac:dyDescent="0.25">
      <c r="F2047">
        <v>33.900000000000006</v>
      </c>
      <c r="G2047">
        <v>0.96859127671927914</v>
      </c>
      <c r="AC2047">
        <v>16.683333000000005</v>
      </c>
      <c r="AD2047">
        <v>94.983333000000002</v>
      </c>
      <c r="AE2047">
        <v>8.6246880000000008</v>
      </c>
      <c r="AF2047">
        <v>4.464255217406162</v>
      </c>
    </row>
    <row r="2048" spans="6:32" x14ac:dyDescent="0.25">
      <c r="F2048">
        <v>33.916667000000004</v>
      </c>
      <c r="G2048">
        <v>0.95065305542049305</v>
      </c>
      <c r="AC2048">
        <v>16.700000000000003</v>
      </c>
      <c r="AD2048">
        <v>95</v>
      </c>
      <c r="AE2048">
        <v>8.6246880000000008</v>
      </c>
      <c r="AF2048">
        <v>4.464255217406162</v>
      </c>
    </row>
    <row r="2049" spans="6:32" x14ac:dyDescent="0.25">
      <c r="F2049">
        <v>33.933333000000005</v>
      </c>
      <c r="G2049">
        <v>0.9331266501407347</v>
      </c>
      <c r="AC2049">
        <v>16.716667000000001</v>
      </c>
      <c r="AD2049">
        <v>95.016666999999998</v>
      </c>
      <c r="AE2049">
        <v>8.6247209999999992</v>
      </c>
      <c r="AF2049">
        <v>4.464654921189303</v>
      </c>
    </row>
    <row r="2050" spans="6:32" x14ac:dyDescent="0.25">
      <c r="F2050">
        <v>33.950000000000003</v>
      </c>
      <c r="G2050">
        <v>0.91518842884194851</v>
      </c>
      <c r="AC2050">
        <v>16.733333000000002</v>
      </c>
      <c r="AD2050">
        <v>95.033332999999999</v>
      </c>
      <c r="AE2050">
        <v>8.6247550000000004</v>
      </c>
      <c r="AF2050">
        <v>4.465066737208331</v>
      </c>
    </row>
    <row r="2051" spans="6:32" x14ac:dyDescent="0.25">
      <c r="F2051">
        <v>33.966667000000001</v>
      </c>
      <c r="G2051">
        <v>0.89766202356216862</v>
      </c>
      <c r="AC2051">
        <v>16.75</v>
      </c>
      <c r="AD2051">
        <v>95.05</v>
      </c>
      <c r="AE2051">
        <v>8.6247550000000004</v>
      </c>
      <c r="AF2051">
        <v>4.465066737208331</v>
      </c>
    </row>
    <row r="2052" spans="6:32" x14ac:dyDescent="0.25">
      <c r="F2052">
        <v>33.983333000000002</v>
      </c>
      <c r="G2052">
        <v>0.88012350604654466</v>
      </c>
      <c r="AC2052">
        <v>16.766666999999998</v>
      </c>
      <c r="AD2052">
        <v>95.066666999999995</v>
      </c>
      <c r="AE2052">
        <v>8.6247889999999998</v>
      </c>
      <c r="AF2052">
        <v>4.4654785532273378</v>
      </c>
    </row>
    <row r="2053" spans="6:32" x14ac:dyDescent="0.25">
      <c r="F2053">
        <v>34</v>
      </c>
      <c r="G2053">
        <v>0.86259710076676477</v>
      </c>
      <c r="AC2053">
        <v>16.783332999999999</v>
      </c>
      <c r="AD2053">
        <v>95.083332999999996</v>
      </c>
      <c r="AE2053">
        <v>8.624822</v>
      </c>
      <c r="AF2053">
        <v>4.4658782570104991</v>
      </c>
    </row>
    <row r="2054" spans="6:32" x14ac:dyDescent="0.25">
      <c r="F2054">
        <v>34.016666999999998</v>
      </c>
      <c r="G2054">
        <v>0.84507069548700642</v>
      </c>
      <c r="AC2054">
        <v>16.799999999999997</v>
      </c>
      <c r="AD2054">
        <v>95.1</v>
      </c>
      <c r="AE2054">
        <v>8.624822</v>
      </c>
      <c r="AF2054">
        <v>4.4658782570104991</v>
      </c>
    </row>
    <row r="2055" spans="6:32" x14ac:dyDescent="0.25">
      <c r="F2055">
        <v>34.033332999999999</v>
      </c>
      <c r="G2055">
        <v>0.82794399399038865</v>
      </c>
      <c r="AC2055">
        <v>16.81666700000001</v>
      </c>
      <c r="AD2055">
        <v>95.116667000000007</v>
      </c>
      <c r="AE2055">
        <v>8.6248559999999994</v>
      </c>
      <c r="AF2055">
        <v>4.466290073029505</v>
      </c>
    </row>
    <row r="2056" spans="6:32" x14ac:dyDescent="0.25">
      <c r="F2056">
        <v>34.049999999999997</v>
      </c>
      <c r="G2056">
        <v>0.81041758871060887</v>
      </c>
      <c r="AC2056">
        <v>16.833332999999996</v>
      </c>
      <c r="AD2056">
        <v>95.133332999999993</v>
      </c>
      <c r="AE2056">
        <v>8.6248900000000006</v>
      </c>
      <c r="AF2056">
        <v>4.466701889048533</v>
      </c>
    </row>
    <row r="2057" spans="6:32" x14ac:dyDescent="0.25">
      <c r="F2057">
        <v>34.06666700000001</v>
      </c>
      <c r="G2057">
        <v>0.79330299944985683</v>
      </c>
      <c r="AC2057">
        <v>16.850000000000009</v>
      </c>
      <c r="AD2057">
        <v>95.15</v>
      </c>
      <c r="AE2057">
        <v>8.6248900000000006</v>
      </c>
      <c r="AF2057">
        <v>4.466701889048533</v>
      </c>
    </row>
    <row r="2058" spans="6:32" x14ac:dyDescent="0.25">
      <c r="F2058">
        <v>34.083332999999996</v>
      </c>
      <c r="G2058">
        <v>0.77617629795323906</v>
      </c>
      <c r="AC2058">
        <v>16.866667000000007</v>
      </c>
      <c r="AD2058">
        <v>95.166667000000004</v>
      </c>
      <c r="AE2058">
        <v>8.6249230000000008</v>
      </c>
      <c r="AF2058">
        <v>4.4671015928316953</v>
      </c>
    </row>
    <row r="2059" spans="6:32" x14ac:dyDescent="0.25">
      <c r="F2059">
        <v>34.100000000000009</v>
      </c>
      <c r="G2059">
        <v>0.75904959645664272</v>
      </c>
      <c r="AC2059">
        <v>16.883333000000007</v>
      </c>
      <c r="AD2059">
        <v>95.183333000000005</v>
      </c>
      <c r="AE2059">
        <v>8.6249230000000008</v>
      </c>
      <c r="AF2059">
        <v>4.4671015928316953</v>
      </c>
    </row>
    <row r="2060" spans="6:32" x14ac:dyDescent="0.25">
      <c r="F2060">
        <v>34.116667000000007</v>
      </c>
      <c r="G2060">
        <v>0.74234682321489709</v>
      </c>
      <c r="AC2060">
        <v>16.900000000000006</v>
      </c>
      <c r="AD2060">
        <v>95.2</v>
      </c>
      <c r="AE2060">
        <v>8.6249570000000002</v>
      </c>
      <c r="AF2060">
        <v>4.467513408850702</v>
      </c>
    </row>
    <row r="2061" spans="6:32" x14ac:dyDescent="0.25">
      <c r="F2061">
        <v>34.133333000000007</v>
      </c>
      <c r="G2061">
        <v>0.72522012171827932</v>
      </c>
      <c r="AC2061">
        <v>16.916667000000004</v>
      </c>
      <c r="AD2061">
        <v>95.216667000000001</v>
      </c>
      <c r="AE2061">
        <v>8.6249909999999996</v>
      </c>
      <c r="AF2061">
        <v>4.4679252248697079</v>
      </c>
    </row>
    <row r="2062" spans="6:32" x14ac:dyDescent="0.25">
      <c r="F2062">
        <v>34.150000000000006</v>
      </c>
      <c r="G2062">
        <v>0.7085052362406894</v>
      </c>
      <c r="AC2062">
        <v>16.933333000000005</v>
      </c>
      <c r="AD2062">
        <v>95.233333000000002</v>
      </c>
      <c r="AE2062">
        <v>8.6249909999999996</v>
      </c>
      <c r="AF2062">
        <v>4.4679252248697079</v>
      </c>
    </row>
    <row r="2063" spans="6:32" x14ac:dyDescent="0.25">
      <c r="F2063">
        <v>34.166667000000004</v>
      </c>
      <c r="G2063">
        <v>0.69179035076307793</v>
      </c>
      <c r="AC2063">
        <v>16.950000000000003</v>
      </c>
      <c r="AD2063">
        <v>95.25</v>
      </c>
      <c r="AE2063">
        <v>8.6250239999999998</v>
      </c>
      <c r="AF2063">
        <v>4.4683249286528701</v>
      </c>
    </row>
    <row r="2064" spans="6:32" x14ac:dyDescent="0.25">
      <c r="F2064">
        <v>34.183333000000005</v>
      </c>
      <c r="G2064">
        <v>0.67507546528548801</v>
      </c>
      <c r="AC2064">
        <v>16.966667000000001</v>
      </c>
      <c r="AD2064">
        <v>95.266666999999998</v>
      </c>
      <c r="AE2064">
        <v>8.6250239999999998</v>
      </c>
      <c r="AF2064">
        <v>4.4683249286528701</v>
      </c>
    </row>
    <row r="2065" spans="6:32" x14ac:dyDescent="0.25">
      <c r="F2065">
        <v>34.200000000000003</v>
      </c>
      <c r="G2065">
        <v>0.65877239582690428</v>
      </c>
      <c r="AC2065">
        <v>16.983333000000002</v>
      </c>
      <c r="AD2065">
        <v>95.283332999999999</v>
      </c>
      <c r="AE2065">
        <v>8.6250579999999992</v>
      </c>
      <c r="AF2065">
        <v>4.4687367446718769</v>
      </c>
    </row>
    <row r="2066" spans="6:32" x14ac:dyDescent="0.25">
      <c r="F2066">
        <v>34.216667000000001</v>
      </c>
      <c r="G2066">
        <v>0.64205751034929281</v>
      </c>
      <c r="AC2066">
        <v>17</v>
      </c>
      <c r="AD2066">
        <v>95.3</v>
      </c>
      <c r="AE2066">
        <v>8.6250579999999992</v>
      </c>
      <c r="AF2066">
        <v>4.4687367446718769</v>
      </c>
    </row>
    <row r="2067" spans="6:32" x14ac:dyDescent="0.25">
      <c r="F2067">
        <v>34.233333000000002</v>
      </c>
      <c r="G2067">
        <v>0.6257544408907092</v>
      </c>
      <c r="AC2067">
        <v>17.016666999999998</v>
      </c>
      <c r="AD2067">
        <v>95.316666999999995</v>
      </c>
      <c r="AE2067">
        <v>8.6250920000000004</v>
      </c>
      <c r="AF2067">
        <v>4.469148560690904</v>
      </c>
    </row>
    <row r="2068" spans="6:32" x14ac:dyDescent="0.25">
      <c r="F2068">
        <v>34.25</v>
      </c>
      <c r="G2068">
        <v>0.60943925919628139</v>
      </c>
      <c r="AC2068">
        <v>17.033332999999999</v>
      </c>
      <c r="AD2068">
        <v>95.333332999999996</v>
      </c>
      <c r="AE2068">
        <v>8.6250920000000004</v>
      </c>
      <c r="AF2068">
        <v>4.469148560690904</v>
      </c>
    </row>
    <row r="2069" spans="6:32" x14ac:dyDescent="0.25">
      <c r="F2069">
        <v>34.266666999999998</v>
      </c>
      <c r="G2069">
        <v>0.59313618973769766</v>
      </c>
      <c r="AC2069">
        <v>17.049999999999997</v>
      </c>
      <c r="AD2069">
        <v>95.35</v>
      </c>
      <c r="AE2069">
        <v>8.6251250000000006</v>
      </c>
      <c r="AF2069">
        <v>4.4695482644740663</v>
      </c>
    </row>
    <row r="2070" spans="6:32" x14ac:dyDescent="0.25">
      <c r="F2070">
        <v>34.283332999999999</v>
      </c>
      <c r="G2070">
        <v>0.5768331202790925</v>
      </c>
      <c r="AC2070">
        <v>17.06666700000001</v>
      </c>
      <c r="AD2070">
        <v>95.366667000000007</v>
      </c>
      <c r="AE2070">
        <v>8.6251250000000006</v>
      </c>
      <c r="AF2070">
        <v>4.4695482644740663</v>
      </c>
    </row>
    <row r="2071" spans="6:32" x14ac:dyDescent="0.25">
      <c r="F2071">
        <v>34.299999999999997</v>
      </c>
      <c r="G2071">
        <v>0.560929754603671</v>
      </c>
      <c r="AC2071">
        <v>17.083332999999996</v>
      </c>
      <c r="AD2071">
        <v>95.383332999999993</v>
      </c>
      <c r="AE2071">
        <v>8.6251250000000006</v>
      </c>
      <c r="AF2071">
        <v>4.4695482644740663</v>
      </c>
    </row>
    <row r="2072" spans="6:32" x14ac:dyDescent="0.25">
      <c r="F2072">
        <v>34.31666700000001</v>
      </c>
      <c r="G2072">
        <v>0.54503850116411523</v>
      </c>
      <c r="AC2072">
        <v>17.100000000000009</v>
      </c>
      <c r="AD2072">
        <v>95.4</v>
      </c>
      <c r="AE2072">
        <v>8.625159</v>
      </c>
      <c r="AF2072">
        <v>4.4699600804930721</v>
      </c>
    </row>
    <row r="2073" spans="6:32" x14ac:dyDescent="0.25">
      <c r="F2073">
        <v>34.333332999999996</v>
      </c>
      <c r="G2073">
        <v>0.52913513548867208</v>
      </c>
      <c r="AC2073">
        <v>17.116667000000007</v>
      </c>
      <c r="AD2073">
        <v>95.416667000000004</v>
      </c>
      <c r="AE2073">
        <v>8.625159</v>
      </c>
      <c r="AF2073">
        <v>4.4699600804930721</v>
      </c>
    </row>
    <row r="2074" spans="6:32" x14ac:dyDescent="0.25">
      <c r="F2074">
        <v>34.350000000000009</v>
      </c>
      <c r="G2074">
        <v>0.51323176981325047</v>
      </c>
      <c r="AC2074">
        <v>17.133333000000007</v>
      </c>
      <c r="AD2074">
        <v>95.433333000000005</v>
      </c>
      <c r="AE2074">
        <v>8.6251929999999994</v>
      </c>
      <c r="AF2074">
        <v>4.4703718965120789</v>
      </c>
    </row>
    <row r="2075" spans="6:32" x14ac:dyDescent="0.25">
      <c r="F2075">
        <v>34.366667000000007</v>
      </c>
      <c r="G2075">
        <v>0.49734051637367316</v>
      </c>
      <c r="AC2075">
        <v>17.150000000000006</v>
      </c>
      <c r="AD2075">
        <v>95.45</v>
      </c>
      <c r="AE2075">
        <v>8.6252259999999996</v>
      </c>
      <c r="AF2075">
        <v>4.4707716002952411</v>
      </c>
    </row>
    <row r="2076" spans="6:32" x14ac:dyDescent="0.25">
      <c r="F2076">
        <v>34.383333000000007</v>
      </c>
      <c r="G2076">
        <v>0.48143715069825166</v>
      </c>
      <c r="AC2076">
        <v>17.166667000000004</v>
      </c>
      <c r="AD2076">
        <v>95.466667000000001</v>
      </c>
      <c r="AE2076">
        <v>8.6252259999999996</v>
      </c>
      <c r="AF2076">
        <v>4.4707716002952411</v>
      </c>
    </row>
    <row r="2077" spans="6:32" x14ac:dyDescent="0.25">
      <c r="F2077">
        <v>34.400000000000006</v>
      </c>
      <c r="G2077">
        <v>0.46554589725867435</v>
      </c>
      <c r="AC2077">
        <v>17.183333000000005</v>
      </c>
      <c r="AD2077">
        <v>95.483333000000002</v>
      </c>
      <c r="AE2077">
        <v>8.6252600000000008</v>
      </c>
      <c r="AF2077">
        <v>4.4711834163142683</v>
      </c>
    </row>
    <row r="2078" spans="6:32" x14ac:dyDescent="0.25">
      <c r="F2078">
        <v>34.416667000000004</v>
      </c>
      <c r="G2078">
        <v>0.45005434760228052</v>
      </c>
      <c r="AC2078">
        <v>17.200000000000003</v>
      </c>
      <c r="AD2078">
        <v>95.5</v>
      </c>
      <c r="AE2078">
        <v>8.6252600000000008</v>
      </c>
      <c r="AF2078">
        <v>4.4711834163142683</v>
      </c>
    </row>
    <row r="2079" spans="6:32" x14ac:dyDescent="0.25">
      <c r="F2079">
        <v>34.433333000000005</v>
      </c>
      <c r="G2079">
        <v>0.43456279794586533</v>
      </c>
      <c r="AC2079">
        <v>17.216667000000001</v>
      </c>
      <c r="AD2079">
        <v>95.516666999999998</v>
      </c>
      <c r="AE2079">
        <v>8.6252940000000002</v>
      </c>
      <c r="AF2079">
        <v>4.471595232333275</v>
      </c>
    </row>
    <row r="2080" spans="6:32" x14ac:dyDescent="0.25">
      <c r="F2080">
        <v>34.450000000000003</v>
      </c>
      <c r="G2080">
        <v>0.41947095207261209</v>
      </c>
      <c r="AC2080">
        <v>17.233333000000002</v>
      </c>
      <c r="AD2080">
        <v>95.533332999999999</v>
      </c>
      <c r="AE2080">
        <v>8.6252940000000002</v>
      </c>
      <c r="AF2080">
        <v>4.471595232333275</v>
      </c>
    </row>
    <row r="2081" spans="6:32" x14ac:dyDescent="0.25">
      <c r="F2081">
        <v>34.466667000000001</v>
      </c>
      <c r="G2081">
        <v>0.40397940241619684</v>
      </c>
      <c r="AC2081">
        <v>17.25</v>
      </c>
      <c r="AD2081">
        <v>95.55</v>
      </c>
      <c r="AE2081">
        <v>8.6253270000000004</v>
      </c>
      <c r="AF2081">
        <v>4.4719949361164373</v>
      </c>
    </row>
    <row r="2082" spans="6:32" x14ac:dyDescent="0.25">
      <c r="F2082">
        <v>34.483333000000002</v>
      </c>
      <c r="G2082">
        <v>0.38849996499562583</v>
      </c>
      <c r="AC2082">
        <v>17.266666999999998</v>
      </c>
      <c r="AD2082">
        <v>95.566666999999995</v>
      </c>
      <c r="AE2082">
        <v>8.6253609999999998</v>
      </c>
      <c r="AF2082">
        <v>4.472406752135444</v>
      </c>
    </row>
    <row r="2083" spans="6:32" x14ac:dyDescent="0.25">
      <c r="F2083">
        <v>34.5</v>
      </c>
      <c r="G2083">
        <v>0.37300841533923207</v>
      </c>
      <c r="AC2083">
        <v>17.283332999999999</v>
      </c>
      <c r="AD2083">
        <v>95.583332999999996</v>
      </c>
      <c r="AE2083">
        <v>8.6253609999999998</v>
      </c>
      <c r="AF2083">
        <v>4.472406752135444</v>
      </c>
    </row>
    <row r="2084" spans="6:32" x14ac:dyDescent="0.25">
      <c r="F2084">
        <v>34.516666999999998</v>
      </c>
      <c r="G2084">
        <v>0.35791656946597888</v>
      </c>
      <c r="AC2084">
        <v>17.299999999999997</v>
      </c>
      <c r="AD2084">
        <v>95.6</v>
      </c>
      <c r="AE2084">
        <v>8.6253949999999993</v>
      </c>
      <c r="AF2084">
        <v>4.4728185681544499</v>
      </c>
    </row>
    <row r="2085" spans="6:32" x14ac:dyDescent="0.25">
      <c r="F2085">
        <v>34.533332999999999</v>
      </c>
      <c r="G2085">
        <v>0.34242501980956364</v>
      </c>
      <c r="AC2085">
        <v>17.31666700000001</v>
      </c>
      <c r="AD2085">
        <v>95.616667000000007</v>
      </c>
      <c r="AE2085">
        <v>8.6253949999999993</v>
      </c>
      <c r="AF2085">
        <v>4.4728185681544499</v>
      </c>
    </row>
    <row r="2086" spans="6:32" x14ac:dyDescent="0.25">
      <c r="F2086">
        <v>34.549999999999997</v>
      </c>
      <c r="G2086">
        <v>0.32693347015314833</v>
      </c>
      <c r="AC2086">
        <v>17.333332999999996</v>
      </c>
      <c r="AD2086">
        <v>95.633332999999993</v>
      </c>
      <c r="AE2086">
        <v>8.6254279999999994</v>
      </c>
      <c r="AF2086">
        <v>4.4732182719376112</v>
      </c>
    </row>
    <row r="2087" spans="6:32" x14ac:dyDescent="0.25">
      <c r="F2087">
        <v>34.56666700000001</v>
      </c>
      <c r="G2087">
        <v>0.31185373651573944</v>
      </c>
      <c r="AC2087">
        <v>17.350000000000009</v>
      </c>
      <c r="AD2087">
        <v>95.65</v>
      </c>
      <c r="AE2087">
        <v>8.6254279999999994</v>
      </c>
      <c r="AF2087">
        <v>4.4732182719376112</v>
      </c>
    </row>
    <row r="2088" spans="6:32" x14ac:dyDescent="0.25">
      <c r="F2088">
        <v>34.583332999999996</v>
      </c>
      <c r="G2088">
        <v>0.29636218685934568</v>
      </c>
      <c r="AC2088">
        <v>17.366667000000007</v>
      </c>
      <c r="AD2088">
        <v>95.666667000000004</v>
      </c>
      <c r="AE2088">
        <v>8.6254620000000006</v>
      </c>
      <c r="AF2088">
        <v>4.4736300879566402</v>
      </c>
    </row>
    <row r="2089" spans="6:32" x14ac:dyDescent="0.25">
      <c r="F2089">
        <v>34.600000000000009</v>
      </c>
      <c r="G2089">
        <v>0.28128245322193673</v>
      </c>
      <c r="AC2089">
        <v>17.383333000000007</v>
      </c>
      <c r="AD2089">
        <v>95.683333000000005</v>
      </c>
      <c r="AE2089">
        <v>8.6254960000000001</v>
      </c>
      <c r="AF2089">
        <v>4.4740419039756461</v>
      </c>
    </row>
    <row r="2090" spans="6:32" x14ac:dyDescent="0.25">
      <c r="F2090">
        <v>34.616667000000007</v>
      </c>
      <c r="G2090">
        <v>0.26579090356552149</v>
      </c>
      <c r="AC2090">
        <v>17.400000000000006</v>
      </c>
      <c r="AD2090">
        <v>95.7</v>
      </c>
      <c r="AE2090">
        <v>8.6254960000000001</v>
      </c>
      <c r="AF2090">
        <v>4.4740419039756461</v>
      </c>
    </row>
    <row r="2091" spans="6:32" x14ac:dyDescent="0.25">
      <c r="F2091">
        <v>34.633333000000007</v>
      </c>
      <c r="G2091">
        <v>0.25071116992813403</v>
      </c>
      <c r="AC2091">
        <v>17.416667000000004</v>
      </c>
      <c r="AD2091">
        <v>95.716667000000001</v>
      </c>
      <c r="AE2091">
        <v>8.6255290000000002</v>
      </c>
      <c r="AF2091">
        <v>4.4744416077588083</v>
      </c>
    </row>
    <row r="2092" spans="6:32" x14ac:dyDescent="0.25">
      <c r="F2092">
        <v>34.650000000000006</v>
      </c>
      <c r="G2092">
        <v>0.2352196202717188</v>
      </c>
      <c r="AC2092">
        <v>17.433333000000005</v>
      </c>
      <c r="AD2092">
        <v>95.733333000000002</v>
      </c>
      <c r="AE2092">
        <v>8.6255290000000002</v>
      </c>
      <c r="AF2092">
        <v>4.4744416077588083</v>
      </c>
    </row>
    <row r="2093" spans="6:32" x14ac:dyDescent="0.25">
      <c r="F2093">
        <v>34.666667000000004</v>
      </c>
      <c r="G2093">
        <v>0.22012777439846562</v>
      </c>
      <c r="AC2093">
        <v>17.450000000000003</v>
      </c>
      <c r="AD2093">
        <v>95.75</v>
      </c>
      <c r="AE2093">
        <v>8.6255629999999996</v>
      </c>
      <c r="AF2093">
        <v>4.4748534237778141</v>
      </c>
    </row>
    <row r="2094" spans="6:32" x14ac:dyDescent="0.25">
      <c r="F2094">
        <v>34.683333000000005</v>
      </c>
      <c r="G2094">
        <v>0.20504804076105668</v>
      </c>
      <c r="AC2094">
        <v>17.466667000000001</v>
      </c>
      <c r="AD2094">
        <v>95.766666999999998</v>
      </c>
      <c r="AE2094">
        <v>8.6255970000000008</v>
      </c>
      <c r="AF2094">
        <v>4.4752652397968422</v>
      </c>
    </row>
    <row r="2095" spans="6:32" x14ac:dyDescent="0.25">
      <c r="F2095">
        <v>34.700000000000003</v>
      </c>
      <c r="G2095">
        <v>0.19036801090683128</v>
      </c>
      <c r="AC2095">
        <v>17.483333000000002</v>
      </c>
      <c r="AD2095">
        <v>95.783332999999999</v>
      </c>
      <c r="AE2095">
        <v>8.6255970000000008</v>
      </c>
      <c r="AF2095">
        <v>4.4752652397968422</v>
      </c>
    </row>
    <row r="2096" spans="6:32" x14ac:dyDescent="0.25">
      <c r="F2096">
        <v>34.716667000000001</v>
      </c>
      <c r="G2096">
        <v>0.17570009328842867</v>
      </c>
      <c r="AC2096">
        <v>17.5</v>
      </c>
      <c r="AD2096">
        <v>95.8</v>
      </c>
      <c r="AE2096">
        <v>8.6256299999999992</v>
      </c>
      <c r="AF2096">
        <v>4.4756649435799831</v>
      </c>
    </row>
    <row r="2097" spans="6:32" x14ac:dyDescent="0.25">
      <c r="F2097">
        <v>34.733333000000002</v>
      </c>
      <c r="G2097">
        <v>0.16143187945320961</v>
      </c>
      <c r="AC2097">
        <v>17.516666999999998</v>
      </c>
      <c r="AD2097">
        <v>95.816666999999995</v>
      </c>
      <c r="AE2097">
        <v>8.6256299999999992</v>
      </c>
      <c r="AF2097">
        <v>4.4756649435799831</v>
      </c>
    </row>
    <row r="2098" spans="6:32" x14ac:dyDescent="0.25">
      <c r="F2098">
        <v>34.75</v>
      </c>
      <c r="G2098">
        <v>0.14716366561799057</v>
      </c>
      <c r="AC2098">
        <v>17.533332999999999</v>
      </c>
      <c r="AD2098">
        <v>95.833332999999996</v>
      </c>
      <c r="AE2098">
        <v>8.6256640000000004</v>
      </c>
      <c r="AF2098">
        <v>4.4760767595990103</v>
      </c>
    </row>
    <row r="2099" spans="6:32" x14ac:dyDescent="0.25">
      <c r="F2099">
        <v>34.766666999999998</v>
      </c>
      <c r="G2099">
        <v>0.13329515556591204</v>
      </c>
      <c r="AC2099">
        <v>17.549999999999997</v>
      </c>
      <c r="AD2099">
        <v>95.85</v>
      </c>
      <c r="AE2099">
        <v>8.6256979999999999</v>
      </c>
      <c r="AF2099">
        <v>4.4764885756180171</v>
      </c>
    </row>
    <row r="2100" spans="6:32" x14ac:dyDescent="0.25">
      <c r="F2100">
        <v>34.783332999999999</v>
      </c>
      <c r="G2100">
        <v>0.11943875774969931</v>
      </c>
      <c r="AC2100">
        <v>17.56666700000001</v>
      </c>
      <c r="AD2100">
        <v>95.866667000000007</v>
      </c>
      <c r="AE2100">
        <v>8.6256979999999999</v>
      </c>
      <c r="AF2100">
        <v>4.4764885756180171</v>
      </c>
    </row>
    <row r="2101" spans="6:32" x14ac:dyDescent="0.25">
      <c r="F2101">
        <v>34.799999999999997</v>
      </c>
      <c r="G2101">
        <v>0.10598206371664862</v>
      </c>
      <c r="AC2101">
        <v>17.583332999999996</v>
      </c>
      <c r="AD2101">
        <v>95.883332999999993</v>
      </c>
      <c r="AE2101">
        <v>8.625731</v>
      </c>
      <c r="AF2101">
        <v>4.4768882794011793</v>
      </c>
    </row>
    <row r="2102" spans="6:32" x14ac:dyDescent="0.25">
      <c r="F2102">
        <v>34.81666700000001</v>
      </c>
      <c r="G2102">
        <v>9.2937185702625769E-2</v>
      </c>
      <c r="AC2102">
        <v>17.600000000000009</v>
      </c>
      <c r="AD2102">
        <v>95.9</v>
      </c>
      <c r="AE2102">
        <v>8.625731</v>
      </c>
      <c r="AF2102">
        <v>4.4768882794011793</v>
      </c>
    </row>
    <row r="2103" spans="6:32" x14ac:dyDescent="0.25">
      <c r="F2103">
        <v>34.833332999999996</v>
      </c>
      <c r="G2103">
        <v>7.989230768858141E-2</v>
      </c>
      <c r="AC2103">
        <v>17.616667000000007</v>
      </c>
      <c r="AD2103">
        <v>95.916667000000004</v>
      </c>
      <c r="AE2103">
        <v>8.6257649999999995</v>
      </c>
      <c r="AF2103">
        <v>4.4773000954201851</v>
      </c>
    </row>
    <row r="2104" spans="6:32" x14ac:dyDescent="0.25">
      <c r="F2104">
        <v>34.850000000000009</v>
      </c>
      <c r="G2104">
        <v>6.7259245693543371E-2</v>
      </c>
      <c r="AC2104">
        <v>17.633333000000007</v>
      </c>
      <c r="AD2104">
        <v>95.933333000000005</v>
      </c>
      <c r="AE2104">
        <v>8.6257990000000007</v>
      </c>
      <c r="AF2104">
        <v>4.4777119114392132</v>
      </c>
    </row>
    <row r="2105" spans="6:32" x14ac:dyDescent="0.25">
      <c r="F2105">
        <v>34.866667000000007</v>
      </c>
      <c r="G2105">
        <v>5.5025887481688886E-2</v>
      </c>
      <c r="AC2105">
        <v>17.650000000000006</v>
      </c>
      <c r="AD2105">
        <v>95.95</v>
      </c>
      <c r="AE2105">
        <v>8.6257990000000007</v>
      </c>
      <c r="AF2105">
        <v>4.4777119114392132</v>
      </c>
    </row>
    <row r="2106" spans="6:32" x14ac:dyDescent="0.25">
      <c r="F2106">
        <v>34.883333000000007</v>
      </c>
      <c r="G2106">
        <v>4.2804641505678677E-2</v>
      </c>
      <c r="AC2106">
        <v>17.666667000000004</v>
      </c>
      <c r="AD2106">
        <v>95.966667000000001</v>
      </c>
      <c r="AE2106">
        <v>8.6258320000000008</v>
      </c>
      <c r="AF2106">
        <v>4.4781116152223754</v>
      </c>
    </row>
    <row r="2107" spans="6:32" x14ac:dyDescent="0.25">
      <c r="F2107">
        <v>34.900000000000006</v>
      </c>
      <c r="G2107">
        <v>3.1382803095992569E-2</v>
      </c>
      <c r="AC2107">
        <v>17.683333000000005</v>
      </c>
      <c r="AD2107">
        <v>95.983333000000002</v>
      </c>
      <c r="AE2107">
        <v>8.6258320000000008</v>
      </c>
      <c r="AF2107">
        <v>4.4781116152223754</v>
      </c>
    </row>
    <row r="2108" spans="6:32" x14ac:dyDescent="0.25">
      <c r="F2108">
        <v>34.916667000000004</v>
      </c>
      <c r="G2108">
        <v>1.9561260903122896E-2</v>
      </c>
      <c r="AC2108">
        <v>17.700000000000003</v>
      </c>
      <c r="AD2108">
        <v>96</v>
      </c>
      <c r="AE2108">
        <v>8.6258660000000003</v>
      </c>
      <c r="AF2108">
        <v>4.4785234312413813</v>
      </c>
    </row>
    <row r="2109" spans="6:32" x14ac:dyDescent="0.25">
      <c r="F2109">
        <v>34.933333000000005</v>
      </c>
      <c r="G2109">
        <v>8.5633507483088914E-3</v>
      </c>
      <c r="AC2109">
        <v>17.716667000000001</v>
      </c>
      <c r="AD2109">
        <v>96.016666999999998</v>
      </c>
      <c r="AE2109">
        <v>8.6258990000000004</v>
      </c>
      <c r="AF2109">
        <v>4.4789231350245435</v>
      </c>
    </row>
    <row r="2110" spans="6:32" x14ac:dyDescent="0.25">
      <c r="F2110">
        <v>34.950000000000003</v>
      </c>
      <c r="G2110">
        <v>-2.4466716423708953E-3</v>
      </c>
      <c r="AC2110">
        <v>17.733333000000002</v>
      </c>
      <c r="AD2110">
        <v>96.033332999999999</v>
      </c>
      <c r="AE2110">
        <v>8.6258990000000004</v>
      </c>
      <c r="AF2110">
        <v>4.4789231350245435</v>
      </c>
    </row>
    <row r="2111" spans="6:32" x14ac:dyDescent="0.25">
      <c r="F2111">
        <v>34.966667000000001</v>
      </c>
      <c r="G2111">
        <v>-1.3044878014044364E-2</v>
      </c>
      <c r="AC2111">
        <v>17.75</v>
      </c>
      <c r="AD2111">
        <v>96.05</v>
      </c>
      <c r="AE2111">
        <v>8.6259329999999999</v>
      </c>
      <c r="AF2111">
        <v>4.4793349510435494</v>
      </c>
    </row>
    <row r="2112" spans="6:32" x14ac:dyDescent="0.25">
      <c r="F2112">
        <v>34.983333000000002</v>
      </c>
      <c r="G2112">
        <v>-2.3243380602555781E-2</v>
      </c>
      <c r="AC2112">
        <v>17.766666999999998</v>
      </c>
      <c r="AD2112">
        <v>96.066666999999995</v>
      </c>
      <c r="AE2112">
        <v>8.6259329999999999</v>
      </c>
      <c r="AF2112">
        <v>4.4793349510435494</v>
      </c>
    </row>
    <row r="2113" spans="6:32" x14ac:dyDescent="0.25">
      <c r="F2113">
        <v>35</v>
      </c>
      <c r="G2113">
        <v>-3.3017954936195096E-2</v>
      </c>
      <c r="AC2113">
        <v>17.783332999999999</v>
      </c>
      <c r="AD2113">
        <v>96.083332999999996</v>
      </c>
      <c r="AE2113">
        <v>8.6259669999999993</v>
      </c>
      <c r="AF2113">
        <v>4.4797467670625561</v>
      </c>
    </row>
    <row r="2114" spans="6:32" x14ac:dyDescent="0.25">
      <c r="F2114">
        <v>35.016666999999998</v>
      </c>
      <c r="G2114">
        <v>-4.2804641505678677E-2</v>
      </c>
      <c r="AC2114">
        <v>17.799999999999997</v>
      </c>
      <c r="AD2114">
        <v>96.1</v>
      </c>
      <c r="AE2114">
        <v>8.6259669999999993</v>
      </c>
      <c r="AF2114">
        <v>4.4797467670625561</v>
      </c>
    </row>
    <row r="2115" spans="6:32" x14ac:dyDescent="0.25">
      <c r="F2115">
        <v>35.033332999999999</v>
      </c>
      <c r="G2115">
        <v>-5.2179512056155938E-2</v>
      </c>
      <c r="AC2115">
        <v>17.81666700000001</v>
      </c>
      <c r="AD2115">
        <v>96.116667000000007</v>
      </c>
      <c r="AE2115">
        <v>8.6259999999999994</v>
      </c>
      <c r="AF2115">
        <v>4.4801464708457184</v>
      </c>
    </row>
    <row r="2116" spans="6:32" x14ac:dyDescent="0.25">
      <c r="F2116">
        <v>35.049999999999997</v>
      </c>
      <c r="G2116">
        <v>-6.1154678823471149E-2</v>
      </c>
      <c r="AC2116">
        <v>17.833332999999996</v>
      </c>
      <c r="AD2116">
        <v>96.133332999999993</v>
      </c>
      <c r="AE2116">
        <v>8.6259999999999994</v>
      </c>
      <c r="AF2116">
        <v>4.4801464708457184</v>
      </c>
    </row>
    <row r="2117" spans="6:32" x14ac:dyDescent="0.25">
      <c r="F2117">
        <v>35.06666700000001</v>
      </c>
      <c r="G2117">
        <v>-6.9718029571780041E-2</v>
      </c>
      <c r="AC2117">
        <v>17.850000000000009</v>
      </c>
      <c r="AD2117">
        <v>96.15</v>
      </c>
      <c r="AE2117">
        <v>8.6260340000000006</v>
      </c>
      <c r="AF2117">
        <v>4.4805582868647464</v>
      </c>
    </row>
    <row r="2118" spans="6:32" x14ac:dyDescent="0.25">
      <c r="F2118">
        <v>35.083332999999996</v>
      </c>
      <c r="G2118">
        <v>-7.826926808424467E-2</v>
      </c>
      <c r="AC2118">
        <v>17.866667000000007</v>
      </c>
      <c r="AD2118">
        <v>96.166667000000004</v>
      </c>
      <c r="AE2118">
        <v>8.6260680000000001</v>
      </c>
      <c r="AF2118">
        <v>4.4809701028837523</v>
      </c>
    </row>
    <row r="2119" spans="6:32" x14ac:dyDescent="0.25">
      <c r="F2119">
        <v>35.100000000000009</v>
      </c>
      <c r="G2119">
        <v>-8.6420802813525724E-2</v>
      </c>
      <c r="AC2119">
        <v>17.883333000000007</v>
      </c>
      <c r="AD2119">
        <v>96.183333000000005</v>
      </c>
      <c r="AE2119">
        <v>8.6260680000000001</v>
      </c>
      <c r="AF2119">
        <v>4.4809701028837523</v>
      </c>
    </row>
    <row r="2120" spans="6:32" x14ac:dyDescent="0.25">
      <c r="F2120">
        <v>35.116667000000007</v>
      </c>
      <c r="G2120">
        <v>-9.4584449778672558E-2</v>
      </c>
      <c r="AC2120">
        <v>17.900000000000006</v>
      </c>
      <c r="AD2120">
        <v>96.2</v>
      </c>
      <c r="AE2120">
        <v>8.6261010000000002</v>
      </c>
      <c r="AF2120">
        <v>4.4813698066669145</v>
      </c>
    </row>
    <row r="2121" spans="6:32" x14ac:dyDescent="0.25">
      <c r="F2121">
        <v>35.133333000000007</v>
      </c>
      <c r="G2121">
        <v>-0.10232416848894731</v>
      </c>
      <c r="AC2121">
        <v>17.916667000000004</v>
      </c>
      <c r="AD2121">
        <v>96.216667000000001</v>
      </c>
      <c r="AE2121">
        <v>8.6261010000000002</v>
      </c>
      <c r="AF2121">
        <v>4.4813698066669145</v>
      </c>
    </row>
    <row r="2122" spans="6:32" x14ac:dyDescent="0.25">
      <c r="F2122">
        <v>35.150000000000006</v>
      </c>
      <c r="G2122">
        <v>-0.1096641834160815</v>
      </c>
      <c r="AC2122">
        <v>17.933333000000005</v>
      </c>
      <c r="AD2122">
        <v>96.233333000000002</v>
      </c>
      <c r="AE2122">
        <v>8.6261349999999997</v>
      </c>
      <c r="AF2122">
        <v>4.4817816226859204</v>
      </c>
    </row>
    <row r="2123" spans="6:32" x14ac:dyDescent="0.25">
      <c r="F2123">
        <v>35.166667000000004</v>
      </c>
      <c r="G2123">
        <v>-0.1170041983431942</v>
      </c>
      <c r="AC2123">
        <v>17.950000000000003</v>
      </c>
      <c r="AD2123">
        <v>96.25</v>
      </c>
      <c r="AE2123">
        <v>8.6261690000000009</v>
      </c>
      <c r="AF2123">
        <v>4.4821934387049485</v>
      </c>
    </row>
    <row r="2124" spans="6:32" x14ac:dyDescent="0.25">
      <c r="F2124">
        <v>35.183333000000005</v>
      </c>
      <c r="G2124">
        <v>-0.12393239725130055</v>
      </c>
      <c r="AC2124">
        <v>17.966667000000001</v>
      </c>
      <c r="AD2124">
        <v>96.266666999999998</v>
      </c>
      <c r="AE2124">
        <v>8.6261690000000009</v>
      </c>
      <c r="AF2124">
        <v>4.4821934387049485</v>
      </c>
    </row>
    <row r="2125" spans="6:32" x14ac:dyDescent="0.25">
      <c r="F2125">
        <v>35.200000000000003</v>
      </c>
      <c r="G2125">
        <v>-0.13086059615940693</v>
      </c>
      <c r="AC2125">
        <v>17.983333000000002</v>
      </c>
      <c r="AD2125">
        <v>96.283332999999999</v>
      </c>
      <c r="AE2125">
        <v>8.6262019999999993</v>
      </c>
      <c r="AF2125">
        <v>4.4825931424880894</v>
      </c>
    </row>
    <row r="2126" spans="6:32" x14ac:dyDescent="0.25">
      <c r="F2126">
        <v>35.216667000000001</v>
      </c>
      <c r="G2126">
        <v>-0.13778879506751329</v>
      </c>
      <c r="AC2126">
        <v>18</v>
      </c>
      <c r="AD2126">
        <v>96.3</v>
      </c>
      <c r="AE2126">
        <v>8.6262019999999993</v>
      </c>
      <c r="AF2126">
        <v>4.4825931424880894</v>
      </c>
    </row>
    <row r="2127" spans="6:32" x14ac:dyDescent="0.25">
      <c r="F2127">
        <v>35.233333000000002</v>
      </c>
      <c r="G2127">
        <v>-0.14431729019245762</v>
      </c>
      <c r="AC2127">
        <v>18.016666999999998</v>
      </c>
      <c r="AD2127">
        <v>96.316666999999995</v>
      </c>
      <c r="AE2127">
        <v>8.6262360000000005</v>
      </c>
      <c r="AF2127">
        <v>4.4830049585071166</v>
      </c>
    </row>
    <row r="2128" spans="6:32" x14ac:dyDescent="0.25">
      <c r="F2128">
        <v>35.25</v>
      </c>
      <c r="G2128">
        <v>-0.15043396929839559</v>
      </c>
      <c r="AC2128">
        <v>18.033332999999999</v>
      </c>
      <c r="AD2128">
        <v>96.333332999999996</v>
      </c>
      <c r="AE2128">
        <v>8.6262360000000005</v>
      </c>
      <c r="AF2128">
        <v>4.4830049585071166</v>
      </c>
    </row>
    <row r="2129" spans="6:32" x14ac:dyDescent="0.25">
      <c r="F2129">
        <v>35.266666999999998</v>
      </c>
      <c r="G2129">
        <v>-0.15653853616846783</v>
      </c>
      <c r="AC2129">
        <v>18.049999999999997</v>
      </c>
      <c r="AD2129">
        <v>96.35</v>
      </c>
      <c r="AE2129">
        <v>8.6262699999999999</v>
      </c>
      <c r="AF2129">
        <v>4.4834167745261233</v>
      </c>
    </row>
    <row r="2130" spans="6:32" x14ac:dyDescent="0.25">
      <c r="F2130">
        <v>35.283332999999999</v>
      </c>
      <c r="G2130">
        <v>-0.16265521527440582</v>
      </c>
      <c r="AC2130">
        <v>18.06666700000001</v>
      </c>
      <c r="AD2130">
        <v>96.366667000000007</v>
      </c>
      <c r="AE2130">
        <v>8.6262699999999999</v>
      </c>
      <c r="AF2130">
        <v>4.4834167745261233</v>
      </c>
    </row>
    <row r="2131" spans="6:32" x14ac:dyDescent="0.25">
      <c r="F2131">
        <v>35.299999999999997</v>
      </c>
      <c r="G2131">
        <v>-0.16836007836131597</v>
      </c>
      <c r="AC2131">
        <v>18.083332999999996</v>
      </c>
      <c r="AD2131">
        <v>96.383332999999993</v>
      </c>
      <c r="AE2131">
        <v>8.6262699999999999</v>
      </c>
      <c r="AF2131">
        <v>4.4834167745261233</v>
      </c>
    </row>
    <row r="2132" spans="6:32" x14ac:dyDescent="0.25">
      <c r="F2132">
        <v>35.31666700000001</v>
      </c>
      <c r="G2132">
        <v>-0.1736652376650856</v>
      </c>
      <c r="AC2132">
        <v>18.100000000000009</v>
      </c>
      <c r="AD2132">
        <v>96.4</v>
      </c>
      <c r="AE2132">
        <v>8.6263030000000001</v>
      </c>
      <c r="AF2132">
        <v>4.4838164783092855</v>
      </c>
    </row>
    <row r="2133" spans="6:32" x14ac:dyDescent="0.25">
      <c r="F2133">
        <v>35.333332999999996</v>
      </c>
      <c r="G2133">
        <v>-0.17937010075199578</v>
      </c>
      <c r="AC2133">
        <v>18.116667000000007</v>
      </c>
      <c r="AD2133">
        <v>96.416667000000004</v>
      </c>
      <c r="AE2133">
        <v>8.6263030000000001</v>
      </c>
      <c r="AF2133">
        <v>4.4838164783092855</v>
      </c>
    </row>
    <row r="2134" spans="6:32" x14ac:dyDescent="0.25">
      <c r="F2134">
        <v>35.350000000000009</v>
      </c>
      <c r="G2134">
        <v>-0.18467526005576537</v>
      </c>
      <c r="AC2134">
        <v>18.133333000000007</v>
      </c>
      <c r="AD2134">
        <v>96.433333000000005</v>
      </c>
      <c r="AE2134">
        <v>8.6263369999999995</v>
      </c>
      <c r="AF2134">
        <v>4.4842282943282914</v>
      </c>
    </row>
    <row r="2135" spans="6:32" x14ac:dyDescent="0.25">
      <c r="F2135">
        <v>35.366667000000007</v>
      </c>
      <c r="G2135">
        <v>-0.18956860334050718</v>
      </c>
      <c r="AC2135">
        <v>18.150000000000006</v>
      </c>
      <c r="AD2135">
        <v>96.45</v>
      </c>
      <c r="AE2135">
        <v>8.6263369999999995</v>
      </c>
      <c r="AF2135">
        <v>4.4842282943282914</v>
      </c>
    </row>
    <row r="2136" spans="6:32" x14ac:dyDescent="0.25">
      <c r="F2136">
        <v>35.383333000000007</v>
      </c>
      <c r="G2136">
        <v>-0.19444983438940472</v>
      </c>
      <c r="AC2136">
        <v>18.166667000000004</v>
      </c>
      <c r="AD2136">
        <v>96.466667000000001</v>
      </c>
      <c r="AE2136">
        <v>8.6263710000000007</v>
      </c>
      <c r="AF2136">
        <v>4.4846401103473195</v>
      </c>
    </row>
    <row r="2137" spans="6:32" x14ac:dyDescent="0.25">
      <c r="F2137">
        <v>35.400000000000006</v>
      </c>
      <c r="G2137">
        <v>-0.1993431776741465</v>
      </c>
      <c r="AC2137">
        <v>18.183333000000005</v>
      </c>
      <c r="AD2137">
        <v>96.483333000000002</v>
      </c>
      <c r="AE2137">
        <v>8.6263710000000007</v>
      </c>
      <c r="AF2137">
        <v>4.4846401103473195</v>
      </c>
    </row>
    <row r="2138" spans="6:32" x14ac:dyDescent="0.25">
      <c r="F2138">
        <v>35.416667000000004</v>
      </c>
      <c r="G2138">
        <v>-0.20423652095888828</v>
      </c>
      <c r="AC2138">
        <v>18.200000000000003</v>
      </c>
      <c r="AD2138">
        <v>96.5</v>
      </c>
      <c r="AE2138">
        <v>8.6264040000000008</v>
      </c>
      <c r="AF2138">
        <v>4.4850398141304817</v>
      </c>
    </row>
    <row r="2139" spans="6:32" x14ac:dyDescent="0.25">
      <c r="F2139">
        <v>35.433333000000005</v>
      </c>
      <c r="G2139">
        <v>-0.20871804822462375</v>
      </c>
      <c r="AC2139">
        <v>18.216667000000001</v>
      </c>
      <c r="AD2139">
        <v>96.516666999999998</v>
      </c>
      <c r="AE2139">
        <v>8.6264040000000008</v>
      </c>
      <c r="AF2139">
        <v>4.4850398141304817</v>
      </c>
    </row>
    <row r="2140" spans="6:32" x14ac:dyDescent="0.25">
      <c r="F2140">
        <v>35.450000000000003</v>
      </c>
      <c r="G2140">
        <v>-0.2132116877262035</v>
      </c>
      <c r="AC2140">
        <v>18.233333000000002</v>
      </c>
      <c r="AD2140">
        <v>96.533332999999999</v>
      </c>
      <c r="AE2140">
        <v>8.6264380000000003</v>
      </c>
      <c r="AF2140">
        <v>4.4854516301494884</v>
      </c>
    </row>
    <row r="2141" spans="6:32" x14ac:dyDescent="0.25">
      <c r="F2141">
        <v>35.466667000000001</v>
      </c>
      <c r="G2141">
        <v>-0.21728139897293267</v>
      </c>
      <c r="AC2141">
        <v>18.25</v>
      </c>
      <c r="AD2141">
        <v>96.55</v>
      </c>
      <c r="AE2141">
        <v>8.6264380000000003</v>
      </c>
      <c r="AF2141">
        <v>4.4854516301494884</v>
      </c>
    </row>
    <row r="2142" spans="6:32" x14ac:dyDescent="0.25">
      <c r="F2142">
        <v>35.483333000000002</v>
      </c>
      <c r="G2142">
        <v>-0.22176292623866814</v>
      </c>
      <c r="AC2142">
        <v>18.266666999999998</v>
      </c>
      <c r="AD2142">
        <v>96.566666999999995</v>
      </c>
      <c r="AE2142">
        <v>8.6264719999999997</v>
      </c>
      <c r="AF2142">
        <v>4.4858634461684943</v>
      </c>
    </row>
    <row r="2143" spans="6:32" x14ac:dyDescent="0.25">
      <c r="F2143">
        <v>35.5</v>
      </c>
      <c r="G2143">
        <v>-0.22584474972124155</v>
      </c>
      <c r="AC2143">
        <v>18.283332999999999</v>
      </c>
      <c r="AD2143">
        <v>96.583332999999996</v>
      </c>
      <c r="AE2143">
        <v>8.6265049999999999</v>
      </c>
      <c r="AF2143">
        <v>4.4862631499516556</v>
      </c>
    </row>
    <row r="2144" spans="6:32" x14ac:dyDescent="0.25">
      <c r="F2144">
        <v>35.516666999999998</v>
      </c>
      <c r="G2144">
        <v>-0.22951475718480865</v>
      </c>
      <c r="AC2144">
        <v>18.299999999999997</v>
      </c>
      <c r="AD2144">
        <v>96.6</v>
      </c>
      <c r="AE2144">
        <v>8.6265049999999999</v>
      </c>
      <c r="AF2144">
        <v>4.4862631499516556</v>
      </c>
    </row>
    <row r="2145" spans="6:32" x14ac:dyDescent="0.25">
      <c r="F2145">
        <v>35.533332999999999</v>
      </c>
      <c r="G2145">
        <v>-0.23359658066738209</v>
      </c>
      <c r="AC2145">
        <v>18.31666700000001</v>
      </c>
      <c r="AD2145">
        <v>96.616667000000007</v>
      </c>
      <c r="AE2145">
        <v>8.6265389999999993</v>
      </c>
      <c r="AF2145">
        <v>4.4866749659706624</v>
      </c>
    </row>
    <row r="2146" spans="6:32" x14ac:dyDescent="0.25">
      <c r="F2146">
        <v>35.549999999999997</v>
      </c>
      <c r="G2146">
        <v>-0.23725447589508339</v>
      </c>
      <c r="AC2146">
        <v>18.333332999999996</v>
      </c>
      <c r="AD2146">
        <v>96.633332999999993</v>
      </c>
      <c r="AE2146">
        <v>8.6265389999999993</v>
      </c>
      <c r="AF2146">
        <v>4.4866749659706624</v>
      </c>
    </row>
    <row r="2147" spans="6:32" x14ac:dyDescent="0.25">
      <c r="F2147">
        <v>35.56666700000001</v>
      </c>
      <c r="G2147">
        <v>-0.24092448335862898</v>
      </c>
      <c r="AC2147">
        <v>18.350000000000009</v>
      </c>
      <c r="AD2147">
        <v>96.65</v>
      </c>
      <c r="AE2147">
        <v>8.6265730000000005</v>
      </c>
      <c r="AF2147">
        <v>4.4870867819896905</v>
      </c>
    </row>
    <row r="2148" spans="6:32" x14ac:dyDescent="0.25">
      <c r="F2148">
        <v>35.583332999999996</v>
      </c>
      <c r="G2148">
        <v>-0.24459449082219606</v>
      </c>
      <c r="AC2148">
        <v>18.366667000000007</v>
      </c>
      <c r="AD2148">
        <v>96.666667000000004</v>
      </c>
      <c r="AE2148">
        <v>8.6265730000000005</v>
      </c>
      <c r="AF2148">
        <v>4.4870867819896905</v>
      </c>
    </row>
    <row r="2149" spans="6:32" x14ac:dyDescent="0.25">
      <c r="F2149">
        <v>35.600000000000009</v>
      </c>
      <c r="G2149">
        <v>-0.24826449828576316</v>
      </c>
      <c r="AC2149">
        <v>18.383333000000007</v>
      </c>
      <c r="AD2149">
        <v>96.683333000000005</v>
      </c>
      <c r="AE2149">
        <v>8.6266060000000007</v>
      </c>
      <c r="AF2149">
        <v>4.4874864857728527</v>
      </c>
    </row>
    <row r="2150" spans="6:32" x14ac:dyDescent="0.25">
      <c r="F2150">
        <v>35.616667000000007</v>
      </c>
      <c r="G2150">
        <v>-0.2515226897303024</v>
      </c>
      <c r="AC2150">
        <v>18.400000000000006</v>
      </c>
      <c r="AD2150">
        <v>96.7</v>
      </c>
      <c r="AE2150">
        <v>8.6266400000000001</v>
      </c>
      <c r="AF2150">
        <v>4.4878983017918586</v>
      </c>
    </row>
    <row r="2151" spans="6:32" x14ac:dyDescent="0.25">
      <c r="F2151">
        <v>35.633333000000007</v>
      </c>
      <c r="G2151">
        <v>-0.2551926971938695</v>
      </c>
      <c r="AC2151">
        <v>18.416667000000004</v>
      </c>
      <c r="AD2151">
        <v>96.716667000000001</v>
      </c>
      <c r="AE2151">
        <v>8.6266400000000001</v>
      </c>
      <c r="AF2151">
        <v>4.4878983017918586</v>
      </c>
    </row>
    <row r="2152" spans="6:32" x14ac:dyDescent="0.25">
      <c r="F2152">
        <v>35.650000000000006</v>
      </c>
      <c r="G2152">
        <v>-0.25846300087425306</v>
      </c>
      <c r="AC2152">
        <v>18.433333000000005</v>
      </c>
      <c r="AD2152">
        <v>96.733333000000002</v>
      </c>
      <c r="AE2152">
        <v>8.6266739999999995</v>
      </c>
      <c r="AF2152">
        <v>4.4883101178108644</v>
      </c>
    </row>
    <row r="2153" spans="6:32" x14ac:dyDescent="0.25">
      <c r="F2153">
        <v>35.666667000000004</v>
      </c>
      <c r="G2153">
        <v>-0.26172119231881386</v>
      </c>
      <c r="AC2153">
        <v>18.450000000000003</v>
      </c>
      <c r="AD2153">
        <v>96.75</v>
      </c>
      <c r="AE2153">
        <v>8.6266739999999995</v>
      </c>
      <c r="AF2153">
        <v>4.4883101178108644</v>
      </c>
    </row>
    <row r="2154" spans="6:32" x14ac:dyDescent="0.25">
      <c r="F2154">
        <v>35.683333000000005</v>
      </c>
      <c r="G2154">
        <v>-0.26456756774434681</v>
      </c>
      <c r="AC2154">
        <v>18.466667000000001</v>
      </c>
      <c r="AD2154">
        <v>96.766666999999998</v>
      </c>
      <c r="AE2154">
        <v>8.6267069999999997</v>
      </c>
      <c r="AF2154">
        <v>4.4887098215940275</v>
      </c>
    </row>
    <row r="2155" spans="6:32" x14ac:dyDescent="0.25">
      <c r="F2155">
        <v>35.700000000000003</v>
      </c>
      <c r="G2155">
        <v>-0.26783787142475185</v>
      </c>
      <c r="AC2155">
        <v>18.483333000000002</v>
      </c>
      <c r="AD2155">
        <v>96.783332999999999</v>
      </c>
      <c r="AE2155">
        <v>8.6267410000000009</v>
      </c>
      <c r="AF2155">
        <v>4.4891216376130547</v>
      </c>
    </row>
    <row r="2156" spans="6:32" x14ac:dyDescent="0.25">
      <c r="F2156">
        <v>35.716667000000001</v>
      </c>
      <c r="G2156">
        <v>-0.2706842468502848</v>
      </c>
      <c r="AC2156">
        <v>18.5</v>
      </c>
      <c r="AD2156">
        <v>96.8</v>
      </c>
      <c r="AE2156">
        <v>8.6267410000000009</v>
      </c>
      <c r="AF2156">
        <v>4.4891216376130547</v>
      </c>
    </row>
    <row r="2157" spans="6:32" x14ac:dyDescent="0.25">
      <c r="F2157">
        <v>35.733333000000002</v>
      </c>
      <c r="G2157">
        <v>-0.273542734511662</v>
      </c>
      <c r="AC2157">
        <v>18.516666999999998</v>
      </c>
      <c r="AD2157">
        <v>96.816666999999995</v>
      </c>
      <c r="AE2157">
        <v>8.6267750000000003</v>
      </c>
      <c r="AF2157">
        <v>4.4895334536320615</v>
      </c>
    </row>
    <row r="2158" spans="6:32" x14ac:dyDescent="0.25">
      <c r="F2158">
        <v>35.75</v>
      </c>
      <c r="G2158">
        <v>-0.27557759013502658</v>
      </c>
      <c r="AC2158">
        <v>18.533332999999999</v>
      </c>
      <c r="AD2158">
        <v>96.833332999999996</v>
      </c>
      <c r="AE2158">
        <v>8.6267750000000003</v>
      </c>
      <c r="AF2158">
        <v>4.4895334536320615</v>
      </c>
    </row>
    <row r="2159" spans="6:32" x14ac:dyDescent="0.25">
      <c r="F2159">
        <v>35.766666999999998</v>
      </c>
      <c r="G2159">
        <v>-0.27761244575839117</v>
      </c>
      <c r="AC2159">
        <v>18.549999999999997</v>
      </c>
      <c r="AD2159">
        <v>96.85</v>
      </c>
      <c r="AE2159">
        <v>8.6268080000000005</v>
      </c>
      <c r="AF2159">
        <v>4.4899331574152237</v>
      </c>
    </row>
    <row r="2160" spans="6:32" x14ac:dyDescent="0.25">
      <c r="F2160">
        <v>35.783332999999999</v>
      </c>
      <c r="G2160">
        <v>-0.27924759759857221</v>
      </c>
      <c r="AC2160">
        <v>18.56666700000001</v>
      </c>
      <c r="AD2160">
        <v>96.866667000000007</v>
      </c>
      <c r="AE2160">
        <v>8.6268080000000005</v>
      </c>
      <c r="AF2160">
        <v>4.4899331574152237</v>
      </c>
    </row>
    <row r="2161" spans="6:32" x14ac:dyDescent="0.25">
      <c r="F2161">
        <v>35.799999999999997</v>
      </c>
      <c r="G2161">
        <v>-0.28128245322193673</v>
      </c>
      <c r="AC2161">
        <v>18.583332999999996</v>
      </c>
      <c r="AD2161">
        <v>96.883332999999993</v>
      </c>
      <c r="AE2161">
        <v>8.6268419999999999</v>
      </c>
      <c r="AF2161">
        <v>4.4903449734342296</v>
      </c>
    </row>
    <row r="2162" spans="6:32" x14ac:dyDescent="0.25">
      <c r="F2162">
        <v>35.81666700000001</v>
      </c>
      <c r="G2162">
        <v>-0.28332942108114562</v>
      </c>
      <c r="AC2162">
        <v>18.600000000000009</v>
      </c>
      <c r="AD2162">
        <v>96.9</v>
      </c>
      <c r="AE2162">
        <v>8.6268419999999999</v>
      </c>
      <c r="AF2162">
        <v>4.4903449734342296</v>
      </c>
    </row>
    <row r="2163" spans="6:32" x14ac:dyDescent="0.25">
      <c r="F2163">
        <v>35.833332999999996</v>
      </c>
      <c r="G2163">
        <v>-0.2853642767045102</v>
      </c>
      <c r="AC2163">
        <v>18.616667000000007</v>
      </c>
      <c r="AD2163">
        <v>96.916667000000004</v>
      </c>
      <c r="AE2163">
        <v>8.6268759999999993</v>
      </c>
      <c r="AF2163">
        <v>4.4907567894532363</v>
      </c>
    </row>
    <row r="2164" spans="6:32" x14ac:dyDescent="0.25">
      <c r="F2164">
        <v>35.850000000000009</v>
      </c>
      <c r="G2164">
        <v>-0.28739913232787473</v>
      </c>
      <c r="AC2164">
        <v>18.633333000000007</v>
      </c>
      <c r="AD2164">
        <v>96.933333000000005</v>
      </c>
      <c r="AE2164">
        <v>8.6268759999999993</v>
      </c>
      <c r="AF2164">
        <v>4.4907567894532363</v>
      </c>
    </row>
    <row r="2165" spans="6:32" x14ac:dyDescent="0.25">
      <c r="F2165">
        <v>35.866667000000007</v>
      </c>
      <c r="G2165">
        <v>-0.28903428416807725</v>
      </c>
      <c r="AC2165">
        <v>18.650000000000006</v>
      </c>
      <c r="AD2165">
        <v>96.95</v>
      </c>
      <c r="AE2165">
        <v>8.6269089999999995</v>
      </c>
      <c r="AF2165">
        <v>4.4911564932363977</v>
      </c>
    </row>
    <row r="2166" spans="6:32" x14ac:dyDescent="0.25">
      <c r="F2166">
        <v>35.883333000000007</v>
      </c>
      <c r="G2166">
        <v>-0.29106913979144183</v>
      </c>
      <c r="AC2166">
        <v>18.666667000000004</v>
      </c>
      <c r="AD2166">
        <v>96.966667000000001</v>
      </c>
      <c r="AE2166">
        <v>8.6269089999999995</v>
      </c>
      <c r="AF2166">
        <v>4.4911564932363977</v>
      </c>
    </row>
    <row r="2167" spans="6:32" x14ac:dyDescent="0.25">
      <c r="F2167">
        <v>35.900000000000006</v>
      </c>
      <c r="G2167">
        <v>-0.29310399541478493</v>
      </c>
      <c r="AC2167">
        <v>18.683333000000005</v>
      </c>
      <c r="AD2167">
        <v>96.983333000000002</v>
      </c>
      <c r="AE2167">
        <v>8.6269430000000007</v>
      </c>
      <c r="AF2167">
        <v>4.4915683092554257</v>
      </c>
    </row>
    <row r="2168" spans="6:32" x14ac:dyDescent="0.25">
      <c r="F2168">
        <v>35.916667000000004</v>
      </c>
      <c r="G2168">
        <v>-0.29555066705717731</v>
      </c>
      <c r="AC2168">
        <v>18.700000000000003</v>
      </c>
      <c r="AD2168">
        <v>97</v>
      </c>
      <c r="AE2168">
        <v>8.6269430000000007</v>
      </c>
      <c r="AF2168">
        <v>4.4915683092554257</v>
      </c>
    </row>
    <row r="2169" spans="6:32" x14ac:dyDescent="0.25">
      <c r="F2169">
        <v>35.933333000000005</v>
      </c>
      <c r="G2169">
        <v>-0.29759763491638613</v>
      </c>
      <c r="AC2169">
        <v>18.716667000000001</v>
      </c>
      <c r="AD2169">
        <v>97.016666999999998</v>
      </c>
      <c r="AE2169">
        <v>8.6269760000000009</v>
      </c>
      <c r="AF2169">
        <v>4.4919680130385879</v>
      </c>
    </row>
    <row r="2170" spans="6:32" x14ac:dyDescent="0.25">
      <c r="F2170">
        <v>35.950000000000003</v>
      </c>
      <c r="G2170">
        <v>-0.29963249053975072</v>
      </c>
      <c r="AC2170">
        <v>18.733333000000002</v>
      </c>
      <c r="AD2170">
        <v>97.033332999999999</v>
      </c>
      <c r="AE2170">
        <v>8.6269760000000009</v>
      </c>
      <c r="AF2170">
        <v>4.4919680130385879</v>
      </c>
    </row>
    <row r="2171" spans="6:32" x14ac:dyDescent="0.25">
      <c r="F2171">
        <v>35.966667000000001</v>
      </c>
      <c r="G2171">
        <v>-0.30166734616309382</v>
      </c>
      <c r="AC2171">
        <v>18.75</v>
      </c>
      <c r="AD2171">
        <v>97.05</v>
      </c>
      <c r="AE2171">
        <v>8.6270100000000003</v>
      </c>
      <c r="AF2171">
        <v>4.4923798290575938</v>
      </c>
    </row>
    <row r="2172" spans="6:32" x14ac:dyDescent="0.25">
      <c r="F2172">
        <v>35.983333000000002</v>
      </c>
      <c r="G2172">
        <v>-0.3037022017864584</v>
      </c>
      <c r="AC2172">
        <v>18.766666999999998</v>
      </c>
      <c r="AD2172">
        <v>97.066666999999995</v>
      </c>
      <c r="AE2172">
        <v>8.6270100000000003</v>
      </c>
      <c r="AF2172">
        <v>4.4923798290575938</v>
      </c>
    </row>
    <row r="2173" spans="6:32" x14ac:dyDescent="0.25">
      <c r="F2173">
        <v>36</v>
      </c>
      <c r="G2173">
        <v>-0.30574916964566723</v>
      </c>
      <c r="AC2173">
        <v>18.783332999999999</v>
      </c>
      <c r="AD2173">
        <v>97.083332999999996</v>
      </c>
      <c r="AE2173">
        <v>8.6270439999999997</v>
      </c>
      <c r="AF2173">
        <v>4.4927916450766006</v>
      </c>
    </row>
    <row r="2174" spans="6:32" x14ac:dyDescent="0.25">
      <c r="F2174">
        <v>36.016666999999998</v>
      </c>
      <c r="G2174">
        <v>-0.30737220925002551</v>
      </c>
      <c r="AC2174">
        <v>18.799999999999997</v>
      </c>
      <c r="AD2174">
        <v>97.1</v>
      </c>
      <c r="AE2174">
        <v>8.6270439999999997</v>
      </c>
      <c r="AF2174">
        <v>4.4927916450766006</v>
      </c>
    </row>
    <row r="2175" spans="6:32" x14ac:dyDescent="0.25">
      <c r="F2175">
        <v>36.033332999999999</v>
      </c>
      <c r="G2175">
        <v>-0.30941917710923433</v>
      </c>
      <c r="AC2175">
        <v>18.81666700000001</v>
      </c>
      <c r="AD2175">
        <v>97.116667000000007</v>
      </c>
      <c r="AE2175">
        <v>8.6270769999999999</v>
      </c>
      <c r="AF2175">
        <v>4.4931913488597628</v>
      </c>
    </row>
    <row r="2176" spans="6:32" x14ac:dyDescent="0.25">
      <c r="F2176">
        <v>36.049999999999997</v>
      </c>
      <c r="G2176">
        <v>-0.31145403273259892</v>
      </c>
      <c r="AC2176">
        <v>18.833332999999996</v>
      </c>
      <c r="AD2176">
        <v>97.133332999999993</v>
      </c>
      <c r="AE2176">
        <v>8.6270769999999999</v>
      </c>
      <c r="AF2176">
        <v>4.4931913488597628</v>
      </c>
    </row>
    <row r="2177" spans="6:32" x14ac:dyDescent="0.25">
      <c r="F2177">
        <v>36.06666700000001</v>
      </c>
      <c r="G2177">
        <v>-0.31308918457280144</v>
      </c>
      <c r="AC2177">
        <v>18.850000000000009</v>
      </c>
      <c r="AD2177">
        <v>97.15</v>
      </c>
      <c r="AE2177">
        <v>8.6271109999999993</v>
      </c>
      <c r="AF2177">
        <v>4.4936031648787695</v>
      </c>
    </row>
    <row r="2178" spans="6:32" x14ac:dyDescent="0.25">
      <c r="F2178">
        <v>36.083332999999996</v>
      </c>
      <c r="G2178">
        <v>-0.31512404019614448</v>
      </c>
      <c r="AC2178">
        <v>18.866667000000007</v>
      </c>
      <c r="AD2178">
        <v>97.166667000000004</v>
      </c>
      <c r="AE2178">
        <v>8.6271109999999993</v>
      </c>
      <c r="AF2178">
        <v>4.4936031648787695</v>
      </c>
    </row>
    <row r="2179" spans="6:32" x14ac:dyDescent="0.25">
      <c r="F2179">
        <v>36.100000000000009</v>
      </c>
      <c r="G2179">
        <v>-0.31674707980050276</v>
      </c>
      <c r="AC2179">
        <v>18.883333000000007</v>
      </c>
      <c r="AD2179">
        <v>97.183333000000005</v>
      </c>
      <c r="AE2179">
        <v>8.6271450000000005</v>
      </c>
      <c r="AF2179">
        <v>4.4940149808977967</v>
      </c>
    </row>
    <row r="2180" spans="6:32" x14ac:dyDescent="0.25">
      <c r="F2180">
        <v>36.116667000000007</v>
      </c>
      <c r="G2180">
        <v>-0.31838223164070528</v>
      </c>
      <c r="AC2180">
        <v>18.900000000000006</v>
      </c>
      <c r="AD2180">
        <v>97.2</v>
      </c>
      <c r="AE2180">
        <v>8.6271450000000005</v>
      </c>
      <c r="AF2180">
        <v>4.4940149808977967</v>
      </c>
    </row>
    <row r="2181" spans="6:32" x14ac:dyDescent="0.25">
      <c r="F2181">
        <v>36.133333000000007</v>
      </c>
      <c r="G2181">
        <v>-0.32041708726404833</v>
      </c>
      <c r="AC2181">
        <v>18.916667000000004</v>
      </c>
      <c r="AD2181">
        <v>97.216667000000001</v>
      </c>
      <c r="AE2181">
        <v>8.6271780000000007</v>
      </c>
      <c r="AF2181">
        <v>4.4944146846809581</v>
      </c>
    </row>
    <row r="2182" spans="6:32" x14ac:dyDescent="0.25">
      <c r="F2182">
        <v>36.150000000000006</v>
      </c>
      <c r="G2182">
        <v>-0.32205223910425085</v>
      </c>
      <c r="AC2182">
        <v>18.933333000000005</v>
      </c>
      <c r="AD2182">
        <v>97.233333000000002</v>
      </c>
      <c r="AE2182">
        <v>8.6271780000000007</v>
      </c>
      <c r="AF2182">
        <v>4.4944146846809581</v>
      </c>
    </row>
    <row r="2183" spans="6:32" x14ac:dyDescent="0.25">
      <c r="F2183">
        <v>36.166667000000004</v>
      </c>
      <c r="G2183">
        <v>-0.32368739094445337</v>
      </c>
      <c r="AC2183">
        <v>18.950000000000003</v>
      </c>
      <c r="AD2183">
        <v>97.25</v>
      </c>
      <c r="AE2183">
        <v>8.6272120000000001</v>
      </c>
      <c r="AF2183">
        <v>4.4948265006999648</v>
      </c>
    </row>
    <row r="2184" spans="6:32" x14ac:dyDescent="0.25">
      <c r="F2184">
        <v>36.183333000000005</v>
      </c>
      <c r="G2184">
        <v>-0.32531043054881165</v>
      </c>
      <c r="AC2184">
        <v>18.966667000000001</v>
      </c>
      <c r="AD2184">
        <v>97.266666999999998</v>
      </c>
      <c r="AE2184">
        <v>8.6272120000000001</v>
      </c>
      <c r="AF2184">
        <v>4.4948265006999648</v>
      </c>
    </row>
    <row r="2185" spans="6:32" x14ac:dyDescent="0.25">
      <c r="F2185">
        <v>36.200000000000003</v>
      </c>
      <c r="G2185">
        <v>-0.32694558238901417</v>
      </c>
      <c r="AC2185">
        <v>18.983333000000002</v>
      </c>
      <c r="AD2185">
        <v>97.283332999999999</v>
      </c>
      <c r="AE2185">
        <v>8.6272459999999995</v>
      </c>
      <c r="AF2185">
        <v>4.4952383167189716</v>
      </c>
    </row>
    <row r="2186" spans="6:32" x14ac:dyDescent="0.25">
      <c r="F2186">
        <v>36.216667000000001</v>
      </c>
      <c r="G2186">
        <v>-0.32858073422919515</v>
      </c>
      <c r="AC2186">
        <v>19</v>
      </c>
      <c r="AD2186">
        <v>97.3</v>
      </c>
      <c r="AE2186">
        <v>8.6272459999999995</v>
      </c>
      <c r="AF2186">
        <v>4.4952383167189716</v>
      </c>
    </row>
    <row r="2187" spans="6:32" x14ac:dyDescent="0.25">
      <c r="F2187">
        <v>36.233333000000002</v>
      </c>
      <c r="G2187">
        <v>-0.33020377383355343</v>
      </c>
      <c r="AC2187">
        <v>19.016666999999998</v>
      </c>
      <c r="AD2187">
        <v>97.316666999999995</v>
      </c>
      <c r="AE2187">
        <v>8.6272789999999997</v>
      </c>
      <c r="AF2187">
        <v>4.4956380205021338</v>
      </c>
    </row>
    <row r="2188" spans="6:32" x14ac:dyDescent="0.25">
      <c r="F2188">
        <v>36.25</v>
      </c>
      <c r="G2188">
        <v>-0.3314271096547281</v>
      </c>
      <c r="AC2188">
        <v>19.033332999999999</v>
      </c>
      <c r="AD2188">
        <v>97.333332999999996</v>
      </c>
      <c r="AE2188">
        <v>8.6272789999999997</v>
      </c>
      <c r="AF2188">
        <v>4.4956380205021338</v>
      </c>
    </row>
    <row r="2189" spans="6:32" x14ac:dyDescent="0.25">
      <c r="F2189">
        <v>36.266666999999998</v>
      </c>
      <c r="G2189">
        <v>-0.33306226149493062</v>
      </c>
      <c r="AC2189">
        <v>19.049999999999997</v>
      </c>
      <c r="AD2189">
        <v>97.35</v>
      </c>
      <c r="AE2189">
        <v>8.6273129999999991</v>
      </c>
      <c r="AF2189">
        <v>4.4960498365211397</v>
      </c>
    </row>
    <row r="2190" spans="6:32" x14ac:dyDescent="0.25">
      <c r="F2190">
        <v>36.283332999999999</v>
      </c>
      <c r="G2190">
        <v>-0.3346853010992889</v>
      </c>
      <c r="AC2190">
        <v>19.06666700000001</v>
      </c>
      <c r="AD2190">
        <v>97.366667000000007</v>
      </c>
      <c r="AE2190">
        <v>8.6273129999999991</v>
      </c>
      <c r="AF2190">
        <v>4.4960498365211397</v>
      </c>
    </row>
    <row r="2191" spans="6:32" x14ac:dyDescent="0.25">
      <c r="F2191">
        <v>36.299999999999997</v>
      </c>
      <c r="G2191">
        <v>-0.33590863692046358</v>
      </c>
      <c r="AC2191">
        <v>19.083332999999996</v>
      </c>
      <c r="AD2191">
        <v>97.383332999999993</v>
      </c>
      <c r="AE2191">
        <v>8.6273470000000003</v>
      </c>
      <c r="AF2191">
        <v>4.4964616525401677</v>
      </c>
    </row>
    <row r="2192" spans="6:32" x14ac:dyDescent="0.25">
      <c r="F2192">
        <v>36.31666700000001</v>
      </c>
      <c r="G2192">
        <v>-0.3375437887606661</v>
      </c>
      <c r="AC2192">
        <v>19.100000000000009</v>
      </c>
      <c r="AD2192">
        <v>97.4</v>
      </c>
      <c r="AE2192">
        <v>8.6273470000000003</v>
      </c>
      <c r="AF2192">
        <v>4.4964616525401677</v>
      </c>
    </row>
    <row r="2193" spans="6:32" x14ac:dyDescent="0.25">
      <c r="F2193">
        <v>36.333332999999996</v>
      </c>
      <c r="G2193">
        <v>-0.33876712458186231</v>
      </c>
      <c r="AC2193">
        <v>19.116667000000007</v>
      </c>
      <c r="AD2193">
        <v>97.416667000000004</v>
      </c>
      <c r="AE2193">
        <v>8.6273800000000005</v>
      </c>
      <c r="AF2193">
        <v>4.49686135632333</v>
      </c>
    </row>
    <row r="2194" spans="6:32" x14ac:dyDescent="0.25">
      <c r="F2194">
        <v>36.350000000000009</v>
      </c>
      <c r="G2194">
        <v>-0.33999046040303699</v>
      </c>
      <c r="AC2194">
        <v>19.133333000000007</v>
      </c>
      <c r="AD2194">
        <v>97.433333000000005</v>
      </c>
      <c r="AE2194">
        <v>8.6273800000000005</v>
      </c>
      <c r="AF2194">
        <v>4.49686135632333</v>
      </c>
    </row>
    <row r="2195" spans="6:32" x14ac:dyDescent="0.25">
      <c r="F2195">
        <v>36.366667000000007</v>
      </c>
      <c r="G2195">
        <v>-0.3412137962242332</v>
      </c>
      <c r="AC2195">
        <v>19.150000000000006</v>
      </c>
      <c r="AD2195">
        <v>97.45</v>
      </c>
      <c r="AE2195">
        <v>8.6273800000000005</v>
      </c>
      <c r="AF2195">
        <v>4.49686135632333</v>
      </c>
    </row>
    <row r="2196" spans="6:32" x14ac:dyDescent="0.25">
      <c r="F2196">
        <v>36.383333000000007</v>
      </c>
      <c r="G2196">
        <v>-0.34243713204540788</v>
      </c>
      <c r="AC2196">
        <v>19.166667000000004</v>
      </c>
      <c r="AD2196">
        <v>97.466667000000001</v>
      </c>
      <c r="AE2196">
        <v>8.6274139999999999</v>
      </c>
      <c r="AF2196">
        <v>4.4972731723423358</v>
      </c>
    </row>
    <row r="2197" spans="6:32" x14ac:dyDescent="0.25">
      <c r="F2197">
        <v>36.400000000000006</v>
      </c>
      <c r="G2197">
        <v>-0.34366046786660409</v>
      </c>
      <c r="AC2197">
        <v>19.183333000000005</v>
      </c>
      <c r="AD2197">
        <v>97.483333000000002</v>
      </c>
      <c r="AE2197">
        <v>8.6274139999999999</v>
      </c>
      <c r="AF2197">
        <v>4.4972731723423358</v>
      </c>
    </row>
    <row r="2198" spans="6:32" x14ac:dyDescent="0.25">
      <c r="F2198">
        <v>36.416667000000004</v>
      </c>
      <c r="G2198">
        <v>-0.34488380368780036</v>
      </c>
      <c r="AC2198">
        <v>19.200000000000003</v>
      </c>
      <c r="AD2198">
        <v>97.5</v>
      </c>
      <c r="AE2198">
        <v>8.6274479999999993</v>
      </c>
      <c r="AF2198">
        <v>4.4976849883613426</v>
      </c>
    </row>
    <row r="2199" spans="6:32" x14ac:dyDescent="0.25">
      <c r="F2199">
        <v>36.433333000000005</v>
      </c>
      <c r="G2199">
        <v>-0.34610713950897498</v>
      </c>
      <c r="AC2199">
        <v>19.216667000000001</v>
      </c>
      <c r="AD2199">
        <v>97.516666999999998</v>
      </c>
      <c r="AE2199">
        <v>8.6274479999999993</v>
      </c>
      <c r="AF2199">
        <v>4.4976849883613426</v>
      </c>
    </row>
    <row r="2200" spans="6:32" x14ac:dyDescent="0.25">
      <c r="F2200">
        <v>36.450000000000003</v>
      </c>
      <c r="G2200">
        <v>-0.3473304753301712</v>
      </c>
      <c r="AC2200">
        <v>19.233333000000002</v>
      </c>
      <c r="AD2200">
        <v>97.533332999999999</v>
      </c>
      <c r="AE2200">
        <v>8.6274809999999995</v>
      </c>
      <c r="AF2200">
        <v>4.4980846921445039</v>
      </c>
    </row>
    <row r="2201" spans="6:32" x14ac:dyDescent="0.25">
      <c r="F2201">
        <v>36.466667000000001</v>
      </c>
      <c r="G2201">
        <v>-0.34855381115134587</v>
      </c>
      <c r="AC2201">
        <v>19.25</v>
      </c>
      <c r="AD2201">
        <v>97.55</v>
      </c>
      <c r="AE2201">
        <v>8.6274809999999995</v>
      </c>
      <c r="AF2201">
        <v>4.4980846921445039</v>
      </c>
    </row>
    <row r="2202" spans="6:32" x14ac:dyDescent="0.25">
      <c r="F2202">
        <v>36.483333000000002</v>
      </c>
      <c r="G2202">
        <v>-0.34936533095351424</v>
      </c>
      <c r="AC2202">
        <v>19.266666999999998</v>
      </c>
      <c r="AD2202">
        <v>97.566666999999995</v>
      </c>
      <c r="AE2202">
        <v>8.6275150000000007</v>
      </c>
      <c r="AF2202">
        <v>4.4984965081635329</v>
      </c>
    </row>
    <row r="2203" spans="6:32" x14ac:dyDescent="0.25">
      <c r="F2203">
        <v>36.5</v>
      </c>
      <c r="G2203">
        <v>-0.35058866677471046</v>
      </c>
      <c r="AC2203">
        <v>19.283332999999999</v>
      </c>
      <c r="AD2203">
        <v>97.583332999999996</v>
      </c>
      <c r="AE2203">
        <v>8.6275150000000007</v>
      </c>
      <c r="AF2203">
        <v>4.4984965081635329</v>
      </c>
    </row>
    <row r="2204" spans="6:32" x14ac:dyDescent="0.25">
      <c r="F2204">
        <v>36.516666999999998</v>
      </c>
      <c r="G2204">
        <v>-0.35140018657687883</v>
      </c>
      <c r="AC2204">
        <v>19.299999999999997</v>
      </c>
      <c r="AD2204">
        <v>97.6</v>
      </c>
      <c r="AE2204">
        <v>8.6275490000000001</v>
      </c>
      <c r="AF2204">
        <v>4.4989083241825387</v>
      </c>
    </row>
    <row r="2205" spans="6:32" x14ac:dyDescent="0.25">
      <c r="F2205">
        <v>36.533332999999999</v>
      </c>
      <c r="G2205">
        <v>-0.35262352239807504</v>
      </c>
      <c r="AC2205">
        <v>19.31666700000001</v>
      </c>
      <c r="AD2205">
        <v>97.616667000000007</v>
      </c>
      <c r="AE2205">
        <v>8.6275490000000001</v>
      </c>
      <c r="AF2205">
        <v>4.4989083241825387</v>
      </c>
    </row>
    <row r="2206" spans="6:32" x14ac:dyDescent="0.25">
      <c r="F2206">
        <v>36.549999999999997</v>
      </c>
      <c r="G2206">
        <v>-0.35344715443608771</v>
      </c>
      <c r="AC2206">
        <v>19.333332999999996</v>
      </c>
      <c r="AD2206">
        <v>97.633332999999993</v>
      </c>
      <c r="AE2206">
        <v>8.6275820000000003</v>
      </c>
      <c r="AF2206">
        <v>4.4993080279657001</v>
      </c>
    </row>
    <row r="2207" spans="6:32" x14ac:dyDescent="0.25">
      <c r="F2207">
        <v>36.56666700000001</v>
      </c>
      <c r="G2207">
        <v>-0.35467049025728387</v>
      </c>
      <c r="AC2207">
        <v>19.350000000000009</v>
      </c>
      <c r="AD2207">
        <v>97.65</v>
      </c>
      <c r="AE2207">
        <v>8.6275820000000003</v>
      </c>
      <c r="AF2207">
        <v>4.4993080279657001</v>
      </c>
    </row>
    <row r="2208" spans="6:32" x14ac:dyDescent="0.25">
      <c r="F2208">
        <v>36.583332999999996</v>
      </c>
      <c r="G2208">
        <v>-0.35548201005945224</v>
      </c>
      <c r="AC2208">
        <v>19.366667000000007</v>
      </c>
      <c r="AD2208">
        <v>97.666667000000004</v>
      </c>
      <c r="AE2208">
        <v>8.6276159999999997</v>
      </c>
      <c r="AF2208">
        <v>4.4997198439847068</v>
      </c>
    </row>
    <row r="2209" spans="6:32" x14ac:dyDescent="0.25">
      <c r="F2209">
        <v>36.600000000000009</v>
      </c>
      <c r="G2209">
        <v>-0.35629352986162066</v>
      </c>
      <c r="AC2209">
        <v>19.383333000000007</v>
      </c>
      <c r="AD2209">
        <v>97.683333000000005</v>
      </c>
      <c r="AE2209">
        <v>8.6276159999999997</v>
      </c>
      <c r="AF2209">
        <v>4.4997198439847068</v>
      </c>
    </row>
    <row r="2210" spans="6:32" x14ac:dyDescent="0.25">
      <c r="F2210">
        <v>36.616667000000007</v>
      </c>
      <c r="G2210">
        <v>-0.35711716189965476</v>
      </c>
      <c r="AC2210">
        <v>19.400000000000006</v>
      </c>
      <c r="AD2210">
        <v>97.7</v>
      </c>
      <c r="AE2210">
        <v>8.6276499999999992</v>
      </c>
      <c r="AF2210">
        <v>4.5001316600037127</v>
      </c>
    </row>
    <row r="2211" spans="6:32" x14ac:dyDescent="0.25">
      <c r="F2211">
        <v>36.633333000000007</v>
      </c>
      <c r="G2211">
        <v>-0.35792868170182318</v>
      </c>
      <c r="AC2211">
        <v>19.416667000000004</v>
      </c>
      <c r="AD2211">
        <v>97.716667000000001</v>
      </c>
      <c r="AE2211">
        <v>8.6276499999999992</v>
      </c>
      <c r="AF2211">
        <v>4.5001316600037127</v>
      </c>
    </row>
    <row r="2212" spans="6:32" x14ac:dyDescent="0.25">
      <c r="F2212">
        <v>36.650000000000006</v>
      </c>
      <c r="G2212">
        <v>-0.35874020150401303</v>
      </c>
      <c r="AC2212">
        <v>19.433333000000005</v>
      </c>
      <c r="AD2212">
        <v>97.733333000000002</v>
      </c>
      <c r="AE2212">
        <v>8.6276829999999993</v>
      </c>
      <c r="AF2212">
        <v>4.5005313637868758</v>
      </c>
    </row>
    <row r="2213" spans="6:32" x14ac:dyDescent="0.25">
      <c r="F2213">
        <v>36.666667000000004</v>
      </c>
      <c r="G2213">
        <v>-0.3595517213061814</v>
      </c>
      <c r="AC2213">
        <v>19.450000000000003</v>
      </c>
      <c r="AD2213">
        <v>97.75</v>
      </c>
      <c r="AE2213">
        <v>8.6276829999999993</v>
      </c>
      <c r="AF2213">
        <v>4.5005313637868758</v>
      </c>
    </row>
    <row r="2214" spans="6:32" x14ac:dyDescent="0.25">
      <c r="F2214">
        <v>36.683333000000005</v>
      </c>
      <c r="G2214">
        <v>-0.36037535334419407</v>
      </c>
      <c r="AC2214">
        <v>19.466667000000001</v>
      </c>
      <c r="AD2214">
        <v>97.766666999999998</v>
      </c>
      <c r="AE2214">
        <v>8.6277170000000005</v>
      </c>
      <c r="AF2214">
        <v>4.500943179805903</v>
      </c>
    </row>
    <row r="2215" spans="6:32" x14ac:dyDescent="0.25">
      <c r="F2215">
        <v>36.700000000000003</v>
      </c>
      <c r="G2215">
        <v>-0.36118687314638392</v>
      </c>
      <c r="AC2215">
        <v>19.483333000000002</v>
      </c>
      <c r="AD2215">
        <v>97.783332999999999</v>
      </c>
      <c r="AE2215">
        <v>8.6277170000000005</v>
      </c>
      <c r="AF2215">
        <v>4.500943179805903</v>
      </c>
    </row>
    <row r="2216" spans="6:32" x14ac:dyDescent="0.25">
      <c r="F2216">
        <v>36.716667000000001</v>
      </c>
      <c r="G2216">
        <v>-0.36199839294855229</v>
      </c>
      <c r="AC2216">
        <v>19.5</v>
      </c>
      <c r="AD2216">
        <v>97.8</v>
      </c>
      <c r="AE2216">
        <v>8.6277509999999999</v>
      </c>
      <c r="AF2216">
        <v>4.5013549958249088</v>
      </c>
    </row>
    <row r="2217" spans="6:32" x14ac:dyDescent="0.25">
      <c r="F2217">
        <v>36.733333000000002</v>
      </c>
      <c r="G2217">
        <v>-0.36282202498656496</v>
      </c>
      <c r="AC2217">
        <v>19.516666999999998</v>
      </c>
      <c r="AD2217">
        <v>97.816666999999995</v>
      </c>
      <c r="AE2217">
        <v>8.6277840000000001</v>
      </c>
      <c r="AF2217">
        <v>4.501754699608072</v>
      </c>
    </row>
    <row r="2218" spans="6:32" x14ac:dyDescent="0.25">
      <c r="F2218">
        <v>36.75</v>
      </c>
      <c r="G2218">
        <v>-0.36363354478875481</v>
      </c>
      <c r="AC2218">
        <v>19.533332999999999</v>
      </c>
      <c r="AD2218">
        <v>97.833332999999996</v>
      </c>
      <c r="AE2218">
        <v>8.6277840000000001</v>
      </c>
      <c r="AF2218">
        <v>4.501754699608072</v>
      </c>
    </row>
    <row r="2219" spans="6:32" x14ac:dyDescent="0.25">
      <c r="F2219">
        <v>36.766666999999998</v>
      </c>
      <c r="G2219">
        <v>-0.36444506459092318</v>
      </c>
      <c r="AC2219">
        <v>19.549999999999997</v>
      </c>
      <c r="AD2219">
        <v>97.85</v>
      </c>
      <c r="AE2219">
        <v>8.6278179999999995</v>
      </c>
      <c r="AF2219">
        <v>4.5021665156270778</v>
      </c>
    </row>
    <row r="2220" spans="6:32" x14ac:dyDescent="0.25">
      <c r="F2220">
        <v>36.783332999999999</v>
      </c>
      <c r="G2220">
        <v>-0.36526869662895733</v>
      </c>
      <c r="AC2220">
        <v>19.56666700000001</v>
      </c>
      <c r="AD2220">
        <v>97.866667000000007</v>
      </c>
      <c r="AE2220">
        <v>8.6278179999999995</v>
      </c>
      <c r="AF2220">
        <v>4.5021665156270778</v>
      </c>
    </row>
    <row r="2221" spans="6:32" x14ac:dyDescent="0.25">
      <c r="F2221">
        <v>36.799999999999997</v>
      </c>
      <c r="G2221">
        <v>-0.3660802164311257</v>
      </c>
      <c r="AC2221">
        <v>19.583332999999996</v>
      </c>
      <c r="AD2221">
        <v>97.883332999999993</v>
      </c>
      <c r="AE2221">
        <v>8.6278520000000007</v>
      </c>
      <c r="AF2221">
        <v>4.5025783316461059</v>
      </c>
    </row>
    <row r="2222" spans="6:32" x14ac:dyDescent="0.25">
      <c r="F2222">
        <v>36.81666700000001</v>
      </c>
      <c r="G2222">
        <v>-0.36689173623329407</v>
      </c>
      <c r="AC2222">
        <v>19.600000000000009</v>
      </c>
      <c r="AD2222">
        <v>97.9</v>
      </c>
      <c r="AE2222">
        <v>8.6278849999999991</v>
      </c>
      <c r="AF2222">
        <v>4.5029780354292459</v>
      </c>
    </row>
    <row r="2223" spans="6:32" x14ac:dyDescent="0.25">
      <c r="F2223">
        <v>36.833332999999996</v>
      </c>
      <c r="G2223">
        <v>-0.36771536827132822</v>
      </c>
      <c r="AC2223">
        <v>19.616667000000007</v>
      </c>
      <c r="AD2223">
        <v>97.916667000000004</v>
      </c>
      <c r="AE2223">
        <v>8.6278849999999991</v>
      </c>
      <c r="AF2223">
        <v>4.5029780354292459</v>
      </c>
    </row>
    <row r="2224" spans="6:32" x14ac:dyDescent="0.25">
      <c r="F2224">
        <v>36.850000000000009</v>
      </c>
      <c r="G2224">
        <v>-0.36811507205449029</v>
      </c>
      <c r="AC2224">
        <v>19.633333000000007</v>
      </c>
      <c r="AD2224">
        <v>97.933333000000005</v>
      </c>
      <c r="AE2224">
        <v>8.6279190000000003</v>
      </c>
      <c r="AF2224">
        <v>4.503389851448274</v>
      </c>
    </row>
    <row r="2225" spans="6:32" x14ac:dyDescent="0.25">
      <c r="F2225">
        <v>36.866667000000007</v>
      </c>
      <c r="G2225">
        <v>-0.36893870409250296</v>
      </c>
      <c r="AC2225">
        <v>19.650000000000006</v>
      </c>
      <c r="AD2225">
        <v>97.95</v>
      </c>
      <c r="AE2225">
        <v>8.6279190000000003</v>
      </c>
      <c r="AF2225">
        <v>4.503389851448274</v>
      </c>
    </row>
    <row r="2226" spans="6:32" x14ac:dyDescent="0.25">
      <c r="F2226">
        <v>36.883333000000007</v>
      </c>
      <c r="G2226">
        <v>-0.36975022389467133</v>
      </c>
      <c r="AC2226">
        <v>19.666667000000004</v>
      </c>
      <c r="AD2226">
        <v>97.966667000000001</v>
      </c>
      <c r="AE2226">
        <v>8.6279529999999998</v>
      </c>
      <c r="AF2226">
        <v>4.5038016674672807</v>
      </c>
    </row>
    <row r="2227" spans="6:32" x14ac:dyDescent="0.25">
      <c r="F2227">
        <v>36.900000000000006</v>
      </c>
      <c r="G2227">
        <v>-0.37056174369686118</v>
      </c>
      <c r="AC2227">
        <v>19.683333000000005</v>
      </c>
      <c r="AD2227">
        <v>97.983333000000002</v>
      </c>
      <c r="AE2227">
        <v>8.6279529999999998</v>
      </c>
      <c r="AF2227">
        <v>4.5038016674672807</v>
      </c>
    </row>
    <row r="2228" spans="6:32" x14ac:dyDescent="0.25">
      <c r="F2228">
        <v>36.916667000000004</v>
      </c>
      <c r="G2228">
        <v>-0.37097355971586754</v>
      </c>
      <c r="AC2228">
        <v>19.700000000000003</v>
      </c>
      <c r="AD2228">
        <v>98</v>
      </c>
      <c r="AE2228">
        <v>8.6279859999999999</v>
      </c>
      <c r="AF2228">
        <v>4.5042013712504421</v>
      </c>
    </row>
    <row r="2229" spans="6:32" x14ac:dyDescent="0.25">
      <c r="F2229">
        <v>36.933333000000005</v>
      </c>
      <c r="G2229">
        <v>-0.37178507951803591</v>
      </c>
      <c r="AC2229">
        <v>19.716667000000001</v>
      </c>
      <c r="AD2229">
        <v>98.016666999999998</v>
      </c>
      <c r="AE2229">
        <v>8.6279859999999999</v>
      </c>
      <c r="AF2229">
        <v>4.5042013712504421</v>
      </c>
    </row>
    <row r="2230" spans="6:32" x14ac:dyDescent="0.25">
      <c r="F2230">
        <v>36.950000000000003</v>
      </c>
      <c r="G2230">
        <v>-0.37259659932020428</v>
      </c>
      <c r="AC2230">
        <v>19.733333000000002</v>
      </c>
      <c r="AD2230">
        <v>98.033332999999999</v>
      </c>
      <c r="AE2230">
        <v>8.6280199999999994</v>
      </c>
      <c r="AF2230">
        <v>4.5046131872694488</v>
      </c>
    </row>
    <row r="2231" spans="6:32" x14ac:dyDescent="0.25">
      <c r="F2231">
        <v>36.966667000000001</v>
      </c>
      <c r="G2231">
        <v>-0.37300841533923207</v>
      </c>
      <c r="AC2231">
        <v>19.75</v>
      </c>
      <c r="AD2231">
        <v>98.05</v>
      </c>
      <c r="AE2231">
        <v>8.6280199999999994</v>
      </c>
      <c r="AF2231">
        <v>4.5046131872694488</v>
      </c>
    </row>
    <row r="2232" spans="6:32" x14ac:dyDescent="0.25">
      <c r="F2232">
        <v>36.983333000000002</v>
      </c>
      <c r="G2232">
        <v>-0.37381993514140049</v>
      </c>
      <c r="AC2232">
        <v>19.766666999999998</v>
      </c>
      <c r="AD2232">
        <v>98.066666999999995</v>
      </c>
      <c r="AE2232">
        <v>8.6280540000000006</v>
      </c>
      <c r="AF2232">
        <v>4.5050250032884769</v>
      </c>
    </row>
    <row r="2233" spans="6:32" x14ac:dyDescent="0.25">
      <c r="F2233">
        <v>37</v>
      </c>
      <c r="G2233">
        <v>-0.37464356717943459</v>
      </c>
      <c r="AC2233">
        <v>19.783332999999999</v>
      </c>
      <c r="AD2233">
        <v>98.083332999999996</v>
      </c>
      <c r="AE2233">
        <v>8.6280540000000006</v>
      </c>
      <c r="AF2233">
        <v>4.5050250032884769</v>
      </c>
    </row>
    <row r="2234" spans="6:32" x14ac:dyDescent="0.25">
      <c r="F2234">
        <v>37.016666999999998</v>
      </c>
      <c r="G2234">
        <v>-0.37504327096259665</v>
      </c>
      <c r="AC2234">
        <v>19.799999999999997</v>
      </c>
      <c r="AD2234">
        <v>98.1</v>
      </c>
      <c r="AE2234">
        <v>8.6280540000000006</v>
      </c>
      <c r="AF2234">
        <v>4.5050250032884769</v>
      </c>
    </row>
    <row r="2235" spans="6:32" x14ac:dyDescent="0.25">
      <c r="F2235">
        <v>37.033332999999999</v>
      </c>
      <c r="G2235">
        <v>-0.37586690300060932</v>
      </c>
      <c r="AC2235">
        <v>19.81666700000001</v>
      </c>
      <c r="AD2235">
        <v>98.116667000000007</v>
      </c>
      <c r="AE2235">
        <v>8.6280870000000007</v>
      </c>
      <c r="AF2235">
        <v>4.5054247070716382</v>
      </c>
    </row>
    <row r="2236" spans="6:32" x14ac:dyDescent="0.25">
      <c r="F2236">
        <v>37.049999999999997</v>
      </c>
      <c r="G2236">
        <v>-0.37667842280277769</v>
      </c>
      <c r="AC2236">
        <v>19.833332999999996</v>
      </c>
      <c r="AD2236">
        <v>98.133332999999993</v>
      </c>
      <c r="AE2236">
        <v>8.6280870000000007</v>
      </c>
      <c r="AF2236">
        <v>4.5054247070716382</v>
      </c>
    </row>
    <row r="2237" spans="6:32" x14ac:dyDescent="0.25">
      <c r="F2237">
        <v>37.06666700000001</v>
      </c>
      <c r="G2237">
        <v>-0.37748994260496754</v>
      </c>
      <c r="AC2237">
        <v>19.850000000000009</v>
      </c>
      <c r="AD2237">
        <v>98.15</v>
      </c>
      <c r="AE2237">
        <v>8.6281210000000002</v>
      </c>
      <c r="AF2237">
        <v>4.505836523090645</v>
      </c>
    </row>
    <row r="2238" spans="6:32" x14ac:dyDescent="0.25">
      <c r="F2238">
        <v>37.083332999999996</v>
      </c>
      <c r="G2238">
        <v>-0.3779017586239739</v>
      </c>
      <c r="AC2238">
        <v>19.866667000000007</v>
      </c>
      <c r="AD2238">
        <v>98.166667000000004</v>
      </c>
      <c r="AE2238">
        <v>8.6281210000000002</v>
      </c>
      <c r="AF2238">
        <v>4.505836523090645</v>
      </c>
    </row>
    <row r="2239" spans="6:32" x14ac:dyDescent="0.25">
      <c r="F2239">
        <v>37.100000000000009</v>
      </c>
      <c r="G2239">
        <v>-0.37871327842614227</v>
      </c>
      <c r="AC2239">
        <v>19.883333000000007</v>
      </c>
      <c r="AD2239">
        <v>98.183333000000005</v>
      </c>
      <c r="AE2239">
        <v>8.6281540000000003</v>
      </c>
      <c r="AF2239">
        <v>4.5062362268738072</v>
      </c>
    </row>
    <row r="2240" spans="6:32" x14ac:dyDescent="0.25">
      <c r="F2240">
        <v>37.116667000000007</v>
      </c>
      <c r="G2240">
        <v>-0.37912509444517006</v>
      </c>
      <c r="AC2240">
        <v>19.900000000000006</v>
      </c>
      <c r="AD2240">
        <v>98.2</v>
      </c>
      <c r="AE2240">
        <v>8.6281540000000003</v>
      </c>
      <c r="AF2240">
        <v>4.5062362268738072</v>
      </c>
    </row>
    <row r="2241" spans="6:32" x14ac:dyDescent="0.25">
      <c r="F2241">
        <v>37.133333000000007</v>
      </c>
      <c r="G2241">
        <v>-0.37993661424733849</v>
      </c>
      <c r="AC2241">
        <v>19.916667000000004</v>
      </c>
      <c r="AD2241">
        <v>98.216667000000001</v>
      </c>
      <c r="AE2241">
        <v>8.6281540000000003</v>
      </c>
      <c r="AF2241">
        <v>4.5062362268738072</v>
      </c>
    </row>
    <row r="2242" spans="6:32" x14ac:dyDescent="0.25">
      <c r="F2242">
        <v>37.150000000000006</v>
      </c>
      <c r="G2242">
        <v>-0.38034843026634479</v>
      </c>
      <c r="AC2242">
        <v>19.933333000000005</v>
      </c>
      <c r="AD2242">
        <v>98.233333000000002</v>
      </c>
      <c r="AE2242">
        <v>8.6281879999999997</v>
      </c>
      <c r="AF2242">
        <v>4.5066480428928131</v>
      </c>
    </row>
    <row r="2243" spans="6:32" x14ac:dyDescent="0.25">
      <c r="F2243">
        <v>37.166667000000004</v>
      </c>
      <c r="G2243">
        <v>-0.3807602462853511</v>
      </c>
      <c r="AC2243">
        <v>19.950000000000003</v>
      </c>
      <c r="AD2243">
        <v>98.25</v>
      </c>
      <c r="AE2243">
        <v>8.6281879999999997</v>
      </c>
      <c r="AF2243">
        <v>4.5066480428928131</v>
      </c>
    </row>
    <row r="2244" spans="6:32" x14ac:dyDescent="0.25">
      <c r="F2244">
        <v>37.183333000000005</v>
      </c>
      <c r="G2244">
        <v>-0.38157176608754101</v>
      </c>
      <c r="AC2244">
        <v>19.966667000000001</v>
      </c>
      <c r="AD2244">
        <v>98.266666999999998</v>
      </c>
      <c r="AE2244">
        <v>8.6282219999999992</v>
      </c>
      <c r="AF2244">
        <v>4.5070598589118198</v>
      </c>
    </row>
    <row r="2245" spans="6:32" x14ac:dyDescent="0.25">
      <c r="F2245">
        <v>37.200000000000003</v>
      </c>
      <c r="G2245">
        <v>-0.38198358210654731</v>
      </c>
      <c r="AC2245">
        <v>19.983333000000002</v>
      </c>
      <c r="AD2245">
        <v>98.283332999999999</v>
      </c>
      <c r="AE2245">
        <v>8.6282219999999992</v>
      </c>
      <c r="AF2245">
        <v>4.5070598589118198</v>
      </c>
    </row>
    <row r="2246" spans="6:32" x14ac:dyDescent="0.25">
      <c r="F2246">
        <v>37.216667000000001</v>
      </c>
      <c r="G2246">
        <v>-0.38238328588970938</v>
      </c>
      <c r="AC2246">
        <v>20</v>
      </c>
      <c r="AD2246">
        <v>98.3</v>
      </c>
      <c r="AE2246">
        <v>8.6282549999999993</v>
      </c>
      <c r="AF2246">
        <v>4.5074595626949812</v>
      </c>
    </row>
    <row r="2247" spans="6:32" x14ac:dyDescent="0.25">
      <c r="F2247">
        <v>37.233333000000002</v>
      </c>
      <c r="G2247">
        <v>-0.38320691792774353</v>
      </c>
      <c r="AC2247">
        <v>20.016666999999998</v>
      </c>
      <c r="AD2247">
        <v>98.316666999999995</v>
      </c>
      <c r="AE2247">
        <v>8.6282549999999993</v>
      </c>
      <c r="AF2247">
        <v>4.5074595626949812</v>
      </c>
    </row>
    <row r="2248" spans="6:32" x14ac:dyDescent="0.25">
      <c r="F2248">
        <v>37.25</v>
      </c>
      <c r="G2248">
        <v>-0.38360662171088405</v>
      </c>
      <c r="AC2248">
        <v>20.033332999999999</v>
      </c>
      <c r="AD2248">
        <v>98.333332999999996</v>
      </c>
      <c r="AE2248">
        <v>8.6282549999999993</v>
      </c>
      <c r="AF2248">
        <v>4.5074595626949812</v>
      </c>
    </row>
    <row r="2249" spans="6:32" x14ac:dyDescent="0.25">
      <c r="F2249">
        <v>37.266666999999998</v>
      </c>
      <c r="G2249">
        <v>-0.3840184377299119</v>
      </c>
      <c r="AC2249">
        <v>20.049999999999997</v>
      </c>
      <c r="AD2249">
        <v>98.35</v>
      </c>
      <c r="AE2249">
        <v>8.6282890000000005</v>
      </c>
      <c r="AF2249">
        <v>4.5078713787140092</v>
      </c>
    </row>
    <row r="2250" spans="6:32" x14ac:dyDescent="0.25">
      <c r="F2250">
        <v>37.283332999999999</v>
      </c>
      <c r="G2250">
        <v>-0.38441814151307396</v>
      </c>
      <c r="AC2250">
        <v>20.06666700000001</v>
      </c>
      <c r="AD2250">
        <v>98.366667000000007</v>
      </c>
      <c r="AE2250">
        <v>8.6282890000000005</v>
      </c>
      <c r="AF2250">
        <v>4.5078713787140092</v>
      </c>
    </row>
    <row r="2251" spans="6:32" x14ac:dyDescent="0.25">
      <c r="F2251">
        <v>37.299999999999997</v>
      </c>
      <c r="G2251">
        <v>-0.38482995753208027</v>
      </c>
      <c r="AC2251">
        <v>20.083332999999996</v>
      </c>
      <c r="AD2251">
        <v>98.383332999999993</v>
      </c>
      <c r="AE2251">
        <v>8.628323</v>
      </c>
      <c r="AF2251">
        <v>4.508283194733016</v>
      </c>
    </row>
    <row r="2252" spans="6:32" x14ac:dyDescent="0.25">
      <c r="F2252">
        <v>37.31666700000001</v>
      </c>
      <c r="G2252">
        <v>-0.38524177355108657</v>
      </c>
      <c r="AC2252">
        <v>20.100000000000009</v>
      </c>
      <c r="AD2252">
        <v>98.4</v>
      </c>
      <c r="AE2252">
        <v>8.628323</v>
      </c>
      <c r="AF2252">
        <v>4.508283194733016</v>
      </c>
    </row>
    <row r="2253" spans="6:32" x14ac:dyDescent="0.25">
      <c r="F2253">
        <v>37.333332999999996</v>
      </c>
      <c r="G2253">
        <v>-0.38605329335327648</v>
      </c>
      <c r="AC2253">
        <v>20.116667000000007</v>
      </c>
      <c r="AD2253">
        <v>98.416667000000004</v>
      </c>
      <c r="AE2253">
        <v>8.6283560000000001</v>
      </c>
      <c r="AF2253">
        <v>4.5086828985161782</v>
      </c>
    </row>
    <row r="2254" spans="6:32" x14ac:dyDescent="0.25">
      <c r="F2254">
        <v>37.350000000000009</v>
      </c>
      <c r="G2254">
        <v>-0.38646510937228279</v>
      </c>
      <c r="AC2254">
        <v>20.133333000000007</v>
      </c>
      <c r="AD2254">
        <v>98.433333000000005</v>
      </c>
      <c r="AE2254">
        <v>8.6283560000000001</v>
      </c>
      <c r="AF2254">
        <v>4.5086828985161782</v>
      </c>
    </row>
    <row r="2255" spans="6:32" x14ac:dyDescent="0.25">
      <c r="F2255">
        <v>37.366667000000007</v>
      </c>
      <c r="G2255">
        <v>-0.38686481315544485</v>
      </c>
      <c r="AC2255">
        <v>20.150000000000006</v>
      </c>
      <c r="AD2255">
        <v>98.45</v>
      </c>
      <c r="AE2255">
        <v>8.6283560000000001</v>
      </c>
      <c r="AF2255">
        <v>4.5086828985161782</v>
      </c>
    </row>
    <row r="2256" spans="6:32" x14ac:dyDescent="0.25">
      <c r="F2256">
        <v>37.383333000000007</v>
      </c>
      <c r="G2256">
        <v>-0.38727662917445116</v>
      </c>
      <c r="AC2256">
        <v>20.166667000000004</v>
      </c>
      <c r="AD2256">
        <v>98.466667000000001</v>
      </c>
      <c r="AE2256">
        <v>8.6283899999999996</v>
      </c>
      <c r="AF2256">
        <v>4.5090947145351841</v>
      </c>
    </row>
    <row r="2257" spans="6:32" x14ac:dyDescent="0.25">
      <c r="F2257">
        <v>37.400000000000006</v>
      </c>
      <c r="G2257">
        <v>-0.38768844519345746</v>
      </c>
      <c r="AC2257">
        <v>20.183333000000005</v>
      </c>
      <c r="AD2257">
        <v>98.483333000000002</v>
      </c>
      <c r="AE2257">
        <v>8.6283899999999996</v>
      </c>
      <c r="AF2257">
        <v>4.5090947145351841</v>
      </c>
    </row>
    <row r="2258" spans="6:32" x14ac:dyDescent="0.25">
      <c r="F2258">
        <v>37.416667000000004</v>
      </c>
      <c r="G2258">
        <v>-0.38808814897661953</v>
      </c>
      <c r="AC2258">
        <v>20.200000000000003</v>
      </c>
      <c r="AD2258">
        <v>98.5</v>
      </c>
      <c r="AE2258">
        <v>8.6284240000000008</v>
      </c>
      <c r="AF2258">
        <v>4.5095065305542121</v>
      </c>
    </row>
    <row r="2259" spans="6:32" x14ac:dyDescent="0.25">
      <c r="F2259">
        <v>37.433333000000005</v>
      </c>
      <c r="G2259">
        <v>-0.38849996499564737</v>
      </c>
      <c r="AC2259">
        <v>20.216667000000001</v>
      </c>
      <c r="AD2259">
        <v>98.516666999999998</v>
      </c>
      <c r="AE2259">
        <v>8.6284240000000008</v>
      </c>
      <c r="AF2259">
        <v>4.5095065305542121</v>
      </c>
    </row>
    <row r="2260" spans="6:32" x14ac:dyDescent="0.25">
      <c r="F2260">
        <v>37.450000000000003</v>
      </c>
      <c r="G2260">
        <v>-0.38891178101465368</v>
      </c>
      <c r="AC2260">
        <v>20.233333000000002</v>
      </c>
      <c r="AD2260">
        <v>98.533332999999999</v>
      </c>
      <c r="AE2260">
        <v>8.6284569999999992</v>
      </c>
      <c r="AF2260">
        <v>4.509906234337353</v>
      </c>
    </row>
    <row r="2261" spans="6:32" x14ac:dyDescent="0.25">
      <c r="F2261">
        <v>37.466667000000001</v>
      </c>
      <c r="G2261">
        <v>-0.38931148479781574</v>
      </c>
      <c r="AC2261">
        <v>20.25</v>
      </c>
      <c r="AD2261">
        <v>98.55</v>
      </c>
      <c r="AE2261">
        <v>8.6284569999999992</v>
      </c>
      <c r="AF2261">
        <v>4.509906234337353</v>
      </c>
    </row>
    <row r="2262" spans="6:32" x14ac:dyDescent="0.25">
      <c r="F2262">
        <v>37.483333000000002</v>
      </c>
      <c r="G2262">
        <v>-0.38972330081682205</v>
      </c>
      <c r="AC2262">
        <v>20.266666999999998</v>
      </c>
      <c r="AD2262">
        <v>98.566666999999995</v>
      </c>
      <c r="AE2262">
        <v>8.6284910000000004</v>
      </c>
      <c r="AF2262">
        <v>4.5103180503563802</v>
      </c>
    </row>
    <row r="2263" spans="6:32" x14ac:dyDescent="0.25">
      <c r="F2263">
        <v>37.5</v>
      </c>
      <c r="G2263">
        <v>-0.39013511683584989</v>
      </c>
      <c r="AC2263">
        <v>20.283332999999999</v>
      </c>
      <c r="AD2263">
        <v>98.583332999999996</v>
      </c>
      <c r="AE2263">
        <v>8.6284910000000004</v>
      </c>
      <c r="AF2263">
        <v>4.5103180503563802</v>
      </c>
    </row>
    <row r="2264" spans="6:32" x14ac:dyDescent="0.25">
      <c r="F2264">
        <v>37.516666999999998</v>
      </c>
      <c r="G2264">
        <v>-0.39053482061899042</v>
      </c>
      <c r="AC2264">
        <v>20.299999999999997</v>
      </c>
      <c r="AD2264">
        <v>98.6</v>
      </c>
      <c r="AE2264">
        <v>8.6285249999999998</v>
      </c>
      <c r="AF2264">
        <v>4.510729866375387</v>
      </c>
    </row>
    <row r="2265" spans="6:32" x14ac:dyDescent="0.25">
      <c r="F2265">
        <v>37.533332999999999</v>
      </c>
      <c r="G2265">
        <v>-0.39094663663801826</v>
      </c>
      <c r="AC2265">
        <v>20.31666700000001</v>
      </c>
      <c r="AD2265">
        <v>98.616667000000007</v>
      </c>
      <c r="AE2265">
        <v>8.6285249999999998</v>
      </c>
      <c r="AF2265">
        <v>4.510729866375387</v>
      </c>
    </row>
    <row r="2266" spans="6:32" x14ac:dyDescent="0.25">
      <c r="F2266">
        <v>37.549999999999997</v>
      </c>
      <c r="G2266">
        <v>-0.39094663663801826</v>
      </c>
      <c r="AC2266">
        <v>20.333332999999996</v>
      </c>
      <c r="AD2266">
        <v>98.633332999999993</v>
      </c>
      <c r="AE2266">
        <v>8.628558</v>
      </c>
      <c r="AF2266">
        <v>4.5111295701585483</v>
      </c>
    </row>
    <row r="2267" spans="6:32" x14ac:dyDescent="0.25">
      <c r="F2267">
        <v>37.56666700000001</v>
      </c>
      <c r="G2267">
        <v>-0.39135845265702462</v>
      </c>
      <c r="AC2267">
        <v>20.350000000000009</v>
      </c>
      <c r="AD2267">
        <v>98.65</v>
      </c>
      <c r="AE2267">
        <v>8.628558</v>
      </c>
      <c r="AF2267">
        <v>4.5111295701585483</v>
      </c>
    </row>
    <row r="2268" spans="6:32" x14ac:dyDescent="0.25">
      <c r="F2268">
        <v>37.583332999999996</v>
      </c>
      <c r="G2268">
        <v>-0.39175815644018663</v>
      </c>
      <c r="AC2268">
        <v>20.366667000000007</v>
      </c>
      <c r="AD2268">
        <v>98.666667000000004</v>
      </c>
      <c r="AE2268">
        <v>8.628558</v>
      </c>
      <c r="AF2268">
        <v>4.5111295701585483</v>
      </c>
    </row>
    <row r="2269" spans="6:32" x14ac:dyDescent="0.25">
      <c r="F2269">
        <v>37.600000000000009</v>
      </c>
      <c r="G2269">
        <v>-0.39216997245919299</v>
      </c>
      <c r="AC2269">
        <v>20.383333000000007</v>
      </c>
      <c r="AD2269">
        <v>98.683333000000005</v>
      </c>
      <c r="AE2269">
        <v>8.6285919999999994</v>
      </c>
      <c r="AF2269">
        <v>4.5115413861775551</v>
      </c>
    </row>
    <row r="2270" spans="6:32" x14ac:dyDescent="0.25">
      <c r="F2270">
        <v>37.616667000000007</v>
      </c>
      <c r="G2270">
        <v>-0.39258178847822073</v>
      </c>
      <c r="AC2270">
        <v>20.400000000000006</v>
      </c>
      <c r="AD2270">
        <v>98.7</v>
      </c>
      <c r="AE2270">
        <v>8.6285919999999994</v>
      </c>
      <c r="AF2270">
        <v>4.5115413861775551</v>
      </c>
    </row>
    <row r="2271" spans="6:32" x14ac:dyDescent="0.25">
      <c r="F2271">
        <v>37.633333000000007</v>
      </c>
      <c r="G2271">
        <v>-0.39298149226138285</v>
      </c>
      <c r="AC2271">
        <v>20.416667000000004</v>
      </c>
      <c r="AD2271">
        <v>98.716667000000001</v>
      </c>
      <c r="AE2271">
        <v>8.6286260000000006</v>
      </c>
      <c r="AF2271">
        <v>4.5119532021965831</v>
      </c>
    </row>
    <row r="2272" spans="6:32" x14ac:dyDescent="0.25">
      <c r="F2272">
        <v>37.650000000000006</v>
      </c>
      <c r="G2272">
        <v>-0.39339330828038921</v>
      </c>
      <c r="AC2272">
        <v>20.433333000000005</v>
      </c>
      <c r="AD2272">
        <v>98.733333000000002</v>
      </c>
      <c r="AE2272">
        <v>8.6286260000000006</v>
      </c>
      <c r="AF2272">
        <v>4.5119532021965831</v>
      </c>
    </row>
    <row r="2273" spans="6:32" x14ac:dyDescent="0.25">
      <c r="F2273">
        <v>37.666667000000004</v>
      </c>
      <c r="G2273">
        <v>-0.39380512429939546</v>
      </c>
      <c r="AC2273">
        <v>20.450000000000003</v>
      </c>
      <c r="AD2273">
        <v>98.75</v>
      </c>
      <c r="AE2273">
        <v>8.6286590000000007</v>
      </c>
      <c r="AF2273">
        <v>4.5123529059797445</v>
      </c>
    </row>
    <row r="2274" spans="6:32" x14ac:dyDescent="0.25">
      <c r="F2274">
        <v>37.683333000000005</v>
      </c>
      <c r="G2274">
        <v>-0.39380512429939546</v>
      </c>
      <c r="AC2274">
        <v>20.466667000000001</v>
      </c>
      <c r="AD2274">
        <v>98.766666999999998</v>
      </c>
      <c r="AE2274">
        <v>8.6286590000000007</v>
      </c>
      <c r="AF2274">
        <v>4.5123529059797445</v>
      </c>
    </row>
    <row r="2275" spans="6:32" x14ac:dyDescent="0.25">
      <c r="F2275">
        <v>37.700000000000003</v>
      </c>
      <c r="G2275">
        <v>-0.39420482808255758</v>
      </c>
      <c r="AC2275">
        <v>20.483333000000002</v>
      </c>
      <c r="AD2275">
        <v>98.783332999999999</v>
      </c>
      <c r="AE2275">
        <v>8.6286590000000007</v>
      </c>
      <c r="AF2275">
        <v>4.5123529059797445</v>
      </c>
    </row>
    <row r="2276" spans="6:32" x14ac:dyDescent="0.25">
      <c r="F2276">
        <v>37.716667000000001</v>
      </c>
      <c r="G2276">
        <v>-0.39461664410156383</v>
      </c>
      <c r="AC2276">
        <v>20.5</v>
      </c>
      <c r="AD2276">
        <v>98.8</v>
      </c>
      <c r="AE2276">
        <v>8.6286930000000002</v>
      </c>
      <c r="AF2276">
        <v>4.5127647219987512</v>
      </c>
    </row>
    <row r="2277" spans="6:32" x14ac:dyDescent="0.25">
      <c r="F2277">
        <v>37.733333000000002</v>
      </c>
      <c r="G2277">
        <v>-0.39502846012059167</v>
      </c>
      <c r="AC2277">
        <v>20.516666999999998</v>
      </c>
      <c r="AD2277">
        <v>98.816666999999995</v>
      </c>
      <c r="AE2277">
        <v>8.6286930000000002</v>
      </c>
      <c r="AF2277">
        <v>4.5127647219987512</v>
      </c>
    </row>
    <row r="2278" spans="6:32" x14ac:dyDescent="0.25">
      <c r="F2278">
        <v>37.75</v>
      </c>
      <c r="G2278">
        <v>-0.39542816390375368</v>
      </c>
      <c r="AC2278">
        <v>20.533332999999999</v>
      </c>
      <c r="AD2278">
        <v>98.833332999999996</v>
      </c>
      <c r="AE2278">
        <v>8.6287269999999996</v>
      </c>
      <c r="AF2278">
        <v>4.5131765380177571</v>
      </c>
    </row>
    <row r="2279" spans="6:32" x14ac:dyDescent="0.25">
      <c r="F2279">
        <v>37.766666999999998</v>
      </c>
      <c r="G2279">
        <v>-0.39583997992276004</v>
      </c>
      <c r="AC2279">
        <v>20.549999999999997</v>
      </c>
      <c r="AD2279">
        <v>98.85</v>
      </c>
      <c r="AE2279">
        <v>8.6287269999999996</v>
      </c>
      <c r="AF2279">
        <v>4.5131765380177571</v>
      </c>
    </row>
    <row r="2280" spans="6:32" x14ac:dyDescent="0.25">
      <c r="F2280">
        <v>37.783332999999999</v>
      </c>
      <c r="G2280">
        <v>-0.3962517959417664</v>
      </c>
      <c r="AC2280">
        <v>20.56666700000001</v>
      </c>
      <c r="AD2280">
        <v>98.866667000000007</v>
      </c>
      <c r="AE2280">
        <v>8.6287599999999998</v>
      </c>
      <c r="AF2280">
        <v>4.5135762418009202</v>
      </c>
    </row>
    <row r="2281" spans="6:32" x14ac:dyDescent="0.25">
      <c r="F2281">
        <v>37.799999999999997</v>
      </c>
      <c r="G2281">
        <v>-0.3962517959417664</v>
      </c>
      <c r="AC2281">
        <v>20.583332999999996</v>
      </c>
      <c r="AD2281">
        <v>98.883332999999993</v>
      </c>
      <c r="AE2281">
        <v>8.6287599999999998</v>
      </c>
      <c r="AF2281">
        <v>4.5135762418009202</v>
      </c>
    </row>
    <row r="2282" spans="6:32" x14ac:dyDescent="0.25">
      <c r="F2282">
        <v>37.81666700000001</v>
      </c>
      <c r="G2282">
        <v>-0.39665149972492841</v>
      </c>
      <c r="AC2282">
        <v>20.600000000000009</v>
      </c>
      <c r="AD2282">
        <v>98.9</v>
      </c>
      <c r="AE2282">
        <v>8.6287939999999992</v>
      </c>
      <c r="AF2282">
        <v>4.5139880578199261</v>
      </c>
    </row>
    <row r="2283" spans="6:32" x14ac:dyDescent="0.25">
      <c r="F2283">
        <v>37.833332999999996</v>
      </c>
      <c r="G2283">
        <v>-0.39706331574395626</v>
      </c>
      <c r="AC2283">
        <v>20.616667000000007</v>
      </c>
      <c r="AD2283">
        <v>98.916667000000004</v>
      </c>
      <c r="AE2283">
        <v>8.6287939999999992</v>
      </c>
      <c r="AF2283">
        <v>4.5139880578199261</v>
      </c>
    </row>
    <row r="2284" spans="6:32" x14ac:dyDescent="0.25">
      <c r="F2284">
        <v>37.850000000000009</v>
      </c>
      <c r="G2284">
        <v>-0.39706331574395626</v>
      </c>
      <c r="AC2284">
        <v>20.633333000000007</v>
      </c>
      <c r="AD2284">
        <v>98.933333000000005</v>
      </c>
      <c r="AE2284">
        <v>8.6288280000000004</v>
      </c>
      <c r="AF2284">
        <v>4.5143998738389541</v>
      </c>
    </row>
    <row r="2285" spans="6:32" x14ac:dyDescent="0.25">
      <c r="F2285">
        <v>37.866667000000007</v>
      </c>
      <c r="G2285">
        <v>-0.39706331574395626</v>
      </c>
      <c r="AC2285">
        <v>20.650000000000006</v>
      </c>
      <c r="AD2285">
        <v>98.95</v>
      </c>
      <c r="AE2285">
        <v>8.6288280000000004</v>
      </c>
      <c r="AF2285">
        <v>4.5143998738389541</v>
      </c>
    </row>
    <row r="2286" spans="6:32" x14ac:dyDescent="0.25">
      <c r="F2286">
        <v>37.883333000000007</v>
      </c>
      <c r="G2286">
        <v>-0.39747513176296262</v>
      </c>
      <c r="AC2286">
        <v>20.666667000000004</v>
      </c>
      <c r="AD2286">
        <v>98.966667000000001</v>
      </c>
      <c r="AE2286">
        <v>8.6288280000000004</v>
      </c>
      <c r="AF2286">
        <v>4.5143998738389541</v>
      </c>
    </row>
    <row r="2287" spans="6:32" x14ac:dyDescent="0.25">
      <c r="F2287">
        <v>37.900000000000006</v>
      </c>
      <c r="G2287">
        <v>-0.39787483554612463</v>
      </c>
      <c r="AC2287">
        <v>20.683333000000005</v>
      </c>
      <c r="AD2287">
        <v>98.983333000000002</v>
      </c>
      <c r="AE2287">
        <v>8.6288610000000006</v>
      </c>
      <c r="AF2287">
        <v>4.5147995776221164</v>
      </c>
    </row>
    <row r="2288" spans="6:32" x14ac:dyDescent="0.25">
      <c r="F2288">
        <v>37.916667000000004</v>
      </c>
      <c r="G2288">
        <v>-0.39787483554612463</v>
      </c>
      <c r="AC2288">
        <v>20.700000000000003</v>
      </c>
      <c r="AD2288">
        <v>99</v>
      </c>
      <c r="AE2288">
        <v>8.6288610000000006</v>
      </c>
      <c r="AF2288">
        <v>4.5147995776221164</v>
      </c>
    </row>
    <row r="2289" spans="6:32" x14ac:dyDescent="0.25">
      <c r="F2289">
        <v>37.933333000000005</v>
      </c>
      <c r="G2289">
        <v>-0.39828665156513099</v>
      </c>
      <c r="AC2289">
        <v>20.716667000000001</v>
      </c>
      <c r="AD2289">
        <v>99.016666999999998</v>
      </c>
      <c r="AE2289">
        <v>8.628895</v>
      </c>
      <c r="AF2289">
        <v>4.5152113936411222</v>
      </c>
    </row>
    <row r="2290" spans="6:32" x14ac:dyDescent="0.25">
      <c r="F2290">
        <v>37.950000000000003</v>
      </c>
      <c r="G2290">
        <v>-0.39828665156513099</v>
      </c>
      <c r="AC2290">
        <v>20.733333000000002</v>
      </c>
      <c r="AD2290">
        <v>99.033332999999999</v>
      </c>
      <c r="AE2290">
        <v>8.628895</v>
      </c>
      <c r="AF2290">
        <v>4.5152113936411222</v>
      </c>
    </row>
    <row r="2291" spans="6:32" x14ac:dyDescent="0.25">
      <c r="F2291">
        <v>37.966667000000001</v>
      </c>
      <c r="G2291">
        <v>-0.398686355348293</v>
      </c>
      <c r="AC2291">
        <v>20.75</v>
      </c>
      <c r="AD2291">
        <v>99.05</v>
      </c>
      <c r="AE2291">
        <v>8.628895</v>
      </c>
      <c r="AF2291">
        <v>4.5152113936411222</v>
      </c>
    </row>
    <row r="2292" spans="6:32" x14ac:dyDescent="0.25">
      <c r="F2292">
        <v>37.983333000000002</v>
      </c>
      <c r="G2292">
        <v>-0.3990981713672993</v>
      </c>
      <c r="AC2292">
        <v>20.766666999999998</v>
      </c>
      <c r="AD2292">
        <v>99.066666999999995</v>
      </c>
      <c r="AE2292">
        <v>8.6289289999999994</v>
      </c>
      <c r="AF2292">
        <v>4.515623209660129</v>
      </c>
    </row>
    <row r="2293" spans="6:32" x14ac:dyDescent="0.25">
      <c r="F2293">
        <v>38</v>
      </c>
      <c r="G2293">
        <v>-0.3990981713672993</v>
      </c>
      <c r="AC2293">
        <v>20.783332999999999</v>
      </c>
      <c r="AD2293">
        <v>99.083332999999996</v>
      </c>
      <c r="AE2293">
        <v>8.6289289999999994</v>
      </c>
      <c r="AF2293">
        <v>4.515623209660129</v>
      </c>
    </row>
    <row r="2294" spans="6:32" x14ac:dyDescent="0.25">
      <c r="F2294">
        <v>38.016666999999998</v>
      </c>
      <c r="G2294">
        <v>-0.3995099873863272</v>
      </c>
      <c r="AC2294">
        <v>20.799999999999997</v>
      </c>
      <c r="AD2294">
        <v>99.1</v>
      </c>
      <c r="AE2294">
        <v>8.6289619999999996</v>
      </c>
      <c r="AF2294">
        <v>4.5160229134432903</v>
      </c>
    </row>
    <row r="2295" spans="6:32" x14ac:dyDescent="0.25">
      <c r="F2295">
        <v>38.033332999999999</v>
      </c>
      <c r="G2295">
        <v>-0.39990969116948921</v>
      </c>
      <c r="AC2295">
        <v>20.81666700000001</v>
      </c>
      <c r="AD2295">
        <v>99.116667000000007</v>
      </c>
      <c r="AE2295">
        <v>8.6289619999999996</v>
      </c>
      <c r="AF2295">
        <v>4.5160229134432903</v>
      </c>
    </row>
    <row r="2296" spans="6:32" x14ac:dyDescent="0.25">
      <c r="F2296">
        <v>38.049999999999997</v>
      </c>
      <c r="G2296">
        <v>-0.39990969116948921</v>
      </c>
      <c r="AC2296">
        <v>20.833332999999996</v>
      </c>
      <c r="AD2296">
        <v>99.133332999999993</v>
      </c>
      <c r="AE2296">
        <v>8.6289960000000008</v>
      </c>
      <c r="AF2296">
        <v>4.5164347294623184</v>
      </c>
    </row>
    <row r="2297" spans="6:32" x14ac:dyDescent="0.25">
      <c r="F2297">
        <v>38.06666700000001</v>
      </c>
      <c r="G2297">
        <v>-0.40032150718849557</v>
      </c>
      <c r="AC2297">
        <v>20.850000000000009</v>
      </c>
      <c r="AD2297">
        <v>99.15</v>
      </c>
      <c r="AE2297">
        <v>8.6289960000000008</v>
      </c>
      <c r="AF2297">
        <v>4.5164347294623184</v>
      </c>
    </row>
    <row r="2298" spans="6:32" x14ac:dyDescent="0.25">
      <c r="F2298">
        <v>38.083332999999996</v>
      </c>
      <c r="G2298">
        <v>-0.40032150718849557</v>
      </c>
      <c r="AC2298">
        <v>20.866667000000007</v>
      </c>
      <c r="AD2298">
        <v>99.166667000000004</v>
      </c>
      <c r="AE2298">
        <v>8.6289960000000008</v>
      </c>
      <c r="AF2298">
        <v>4.5164347294623184</v>
      </c>
    </row>
    <row r="2299" spans="6:32" x14ac:dyDescent="0.25">
      <c r="F2299">
        <v>38.100000000000009</v>
      </c>
      <c r="G2299">
        <v>-0.40073332320750182</v>
      </c>
      <c r="AC2299">
        <v>20.883333000000007</v>
      </c>
      <c r="AD2299">
        <v>99.183333000000005</v>
      </c>
      <c r="AE2299">
        <v>8.6290300000000002</v>
      </c>
      <c r="AF2299">
        <v>4.5168465454813251</v>
      </c>
    </row>
    <row r="2300" spans="6:32" x14ac:dyDescent="0.25">
      <c r="F2300">
        <v>38.116667000000007</v>
      </c>
      <c r="G2300">
        <v>-0.40113302699066389</v>
      </c>
      <c r="AC2300">
        <v>20.900000000000006</v>
      </c>
      <c r="AD2300">
        <v>99.2</v>
      </c>
      <c r="AE2300">
        <v>8.6290300000000002</v>
      </c>
      <c r="AF2300">
        <v>4.5168465454813251</v>
      </c>
    </row>
    <row r="2301" spans="6:32" x14ac:dyDescent="0.25">
      <c r="F2301">
        <v>38.133333000000007</v>
      </c>
      <c r="G2301">
        <v>-0.40113302699066389</v>
      </c>
      <c r="AC2301">
        <v>20.916667000000004</v>
      </c>
      <c r="AD2301">
        <v>99.216667000000001</v>
      </c>
      <c r="AE2301">
        <v>8.6290630000000004</v>
      </c>
      <c r="AF2301">
        <v>4.5172462492644865</v>
      </c>
    </row>
    <row r="2302" spans="6:32" x14ac:dyDescent="0.25">
      <c r="F2302">
        <v>38.150000000000006</v>
      </c>
      <c r="G2302">
        <v>-0.40154484300967019</v>
      </c>
      <c r="AC2302">
        <v>20.933333000000005</v>
      </c>
      <c r="AD2302">
        <v>99.233333000000002</v>
      </c>
      <c r="AE2302">
        <v>8.6290630000000004</v>
      </c>
      <c r="AF2302">
        <v>4.5172462492644865</v>
      </c>
    </row>
    <row r="2303" spans="6:32" x14ac:dyDescent="0.25">
      <c r="F2303">
        <v>38.166667000000004</v>
      </c>
      <c r="G2303">
        <v>-0.40154484300967019</v>
      </c>
      <c r="AC2303">
        <v>20.950000000000003</v>
      </c>
      <c r="AD2303">
        <v>99.25</v>
      </c>
      <c r="AE2303">
        <v>8.6290630000000004</v>
      </c>
      <c r="AF2303">
        <v>4.5172462492644865</v>
      </c>
    </row>
    <row r="2304" spans="6:32" x14ac:dyDescent="0.25">
      <c r="F2304">
        <v>38.183333000000005</v>
      </c>
      <c r="G2304">
        <v>-0.40195665902869804</v>
      </c>
      <c r="AC2304">
        <v>20.966667000000001</v>
      </c>
      <c r="AD2304">
        <v>99.266666999999998</v>
      </c>
      <c r="AE2304">
        <v>8.6290969999999998</v>
      </c>
      <c r="AF2304">
        <v>4.5176580652834932</v>
      </c>
    </row>
    <row r="2305" spans="6:32" x14ac:dyDescent="0.25">
      <c r="F2305">
        <v>38.200000000000003</v>
      </c>
      <c r="G2305">
        <v>-0.40235636281186016</v>
      </c>
      <c r="AC2305">
        <v>20.983333000000002</v>
      </c>
      <c r="AD2305">
        <v>99.283332999999999</v>
      </c>
      <c r="AE2305">
        <v>8.6290969999999998</v>
      </c>
      <c r="AF2305">
        <v>4.5176580652834932</v>
      </c>
    </row>
    <row r="2306" spans="6:32" x14ac:dyDescent="0.25">
      <c r="F2306">
        <v>38.216667000000001</v>
      </c>
      <c r="G2306">
        <v>-0.40235636281186016</v>
      </c>
      <c r="AC2306">
        <v>21</v>
      </c>
      <c r="AD2306">
        <v>99.3</v>
      </c>
      <c r="AE2306">
        <v>8.6290969999999998</v>
      </c>
      <c r="AF2306">
        <v>4.5176580652834932</v>
      </c>
    </row>
    <row r="2307" spans="6:32" x14ac:dyDescent="0.25">
      <c r="F2307">
        <v>38.233333000000002</v>
      </c>
      <c r="G2307">
        <v>-0.40276817883086641</v>
      </c>
      <c r="AC2307">
        <v>21.016666999999998</v>
      </c>
      <c r="AD2307">
        <v>99.316666999999995</v>
      </c>
      <c r="AE2307">
        <v>8.6291309999999992</v>
      </c>
      <c r="AF2307">
        <v>4.5180698813024991</v>
      </c>
    </row>
    <row r="2308" spans="6:32" x14ac:dyDescent="0.25">
      <c r="F2308">
        <v>38.25</v>
      </c>
      <c r="G2308">
        <v>-0.40317999484987277</v>
      </c>
      <c r="AC2308">
        <v>21.033332999999999</v>
      </c>
      <c r="AD2308">
        <v>99.333332999999996</v>
      </c>
      <c r="AE2308">
        <v>8.6291309999999992</v>
      </c>
      <c r="AF2308">
        <v>4.5180698813024991</v>
      </c>
    </row>
    <row r="2309" spans="6:32" x14ac:dyDescent="0.25">
      <c r="F2309">
        <v>38.266666999999998</v>
      </c>
      <c r="G2309">
        <v>-0.40357969863303478</v>
      </c>
      <c r="AC2309">
        <v>21.049999999999997</v>
      </c>
      <c r="AD2309">
        <v>99.35</v>
      </c>
      <c r="AE2309">
        <v>8.6291639999999994</v>
      </c>
      <c r="AF2309">
        <v>4.5184695850856613</v>
      </c>
    </row>
    <row r="2310" spans="6:32" x14ac:dyDescent="0.25">
      <c r="F2310">
        <v>38.283332999999999</v>
      </c>
      <c r="G2310">
        <v>-0.40399151465206262</v>
      </c>
      <c r="AC2310">
        <v>21.06666700000001</v>
      </c>
      <c r="AD2310">
        <v>99.366667000000007</v>
      </c>
      <c r="AE2310">
        <v>8.6291639999999994</v>
      </c>
      <c r="AF2310">
        <v>4.5184695850856613</v>
      </c>
    </row>
    <row r="2311" spans="6:32" x14ac:dyDescent="0.25">
      <c r="F2311">
        <v>38.299999999999997</v>
      </c>
      <c r="G2311">
        <v>-0.40440333067106898</v>
      </c>
      <c r="AC2311">
        <v>21.083332999999996</v>
      </c>
      <c r="AD2311">
        <v>99.383332999999993</v>
      </c>
      <c r="AE2311">
        <v>8.6291639999999994</v>
      </c>
      <c r="AF2311">
        <v>4.5184695850856613</v>
      </c>
    </row>
    <row r="2312" spans="6:32" x14ac:dyDescent="0.25">
      <c r="F2312">
        <v>38.31666700000001</v>
      </c>
      <c r="G2312">
        <v>-0.40440333067106898</v>
      </c>
      <c r="AC2312">
        <v>21.100000000000009</v>
      </c>
      <c r="AD2312">
        <v>99.4</v>
      </c>
      <c r="AE2312">
        <v>8.6291980000000006</v>
      </c>
      <c r="AF2312">
        <v>4.5188814011046894</v>
      </c>
    </row>
    <row r="2313" spans="6:32" x14ac:dyDescent="0.25">
      <c r="F2313">
        <v>38.333332999999996</v>
      </c>
      <c r="G2313">
        <v>-0.40480303445423099</v>
      </c>
      <c r="AC2313">
        <v>21.116667000000007</v>
      </c>
      <c r="AD2313">
        <v>99.416667000000004</v>
      </c>
      <c r="AE2313">
        <v>8.6291980000000006</v>
      </c>
      <c r="AF2313">
        <v>4.5188814011046894</v>
      </c>
    </row>
    <row r="2314" spans="6:32" x14ac:dyDescent="0.25">
      <c r="F2314">
        <v>38.350000000000009</v>
      </c>
      <c r="G2314">
        <v>-0.40521485047323735</v>
      </c>
      <c r="AC2314">
        <v>21.133333000000007</v>
      </c>
      <c r="AD2314">
        <v>99.433333000000005</v>
      </c>
      <c r="AE2314">
        <v>8.6292310000000008</v>
      </c>
      <c r="AF2314">
        <v>4.5192811048878507</v>
      </c>
    </row>
    <row r="2315" spans="6:32" x14ac:dyDescent="0.25">
      <c r="F2315">
        <v>38.366667000000007</v>
      </c>
      <c r="G2315">
        <v>-0.4056266664922436</v>
      </c>
      <c r="AC2315">
        <v>21.150000000000006</v>
      </c>
      <c r="AD2315">
        <v>99.45</v>
      </c>
      <c r="AE2315">
        <v>8.6292310000000008</v>
      </c>
      <c r="AF2315">
        <v>4.5192811048878507</v>
      </c>
    </row>
    <row r="2316" spans="6:32" x14ac:dyDescent="0.25">
      <c r="F2316">
        <v>38.383333000000007</v>
      </c>
      <c r="G2316">
        <v>-0.4056266664922436</v>
      </c>
      <c r="AC2316">
        <v>21.166667000000004</v>
      </c>
      <c r="AD2316">
        <v>99.466667000000001</v>
      </c>
      <c r="AE2316">
        <v>8.6292650000000002</v>
      </c>
      <c r="AF2316">
        <v>4.5196929209068575</v>
      </c>
    </row>
    <row r="2317" spans="6:32" x14ac:dyDescent="0.25">
      <c r="F2317">
        <v>38.400000000000006</v>
      </c>
      <c r="G2317">
        <v>-0.40602637027540567</v>
      </c>
      <c r="AC2317">
        <v>21.183333000000005</v>
      </c>
      <c r="AD2317">
        <v>99.483333000000002</v>
      </c>
      <c r="AE2317">
        <v>8.6292650000000002</v>
      </c>
      <c r="AF2317">
        <v>4.5196929209068575</v>
      </c>
    </row>
    <row r="2318" spans="6:32" x14ac:dyDescent="0.25">
      <c r="F2318">
        <v>38.416667000000004</v>
      </c>
      <c r="G2318">
        <v>-0.40643818629443357</v>
      </c>
      <c r="AC2318">
        <v>21.200000000000003</v>
      </c>
      <c r="AD2318">
        <v>99.5</v>
      </c>
      <c r="AE2318">
        <v>8.6292989999999996</v>
      </c>
      <c r="AF2318">
        <v>4.5201047369258642</v>
      </c>
    </row>
    <row r="2319" spans="6:32" x14ac:dyDescent="0.25">
      <c r="F2319">
        <v>38.433333000000005</v>
      </c>
      <c r="G2319">
        <v>-0.40643818629443357</v>
      </c>
      <c r="AC2319">
        <v>21.216667000000001</v>
      </c>
      <c r="AD2319">
        <v>99.516666999999998</v>
      </c>
      <c r="AE2319">
        <v>8.6292989999999996</v>
      </c>
      <c r="AF2319">
        <v>4.5201047369258642</v>
      </c>
    </row>
    <row r="2320" spans="6:32" x14ac:dyDescent="0.25">
      <c r="F2320">
        <v>38.450000000000003</v>
      </c>
      <c r="G2320">
        <v>-0.40685000231343982</v>
      </c>
      <c r="AC2320">
        <v>21.233333000000002</v>
      </c>
      <c r="AD2320">
        <v>99.533332999999999</v>
      </c>
      <c r="AE2320">
        <v>8.6293319999999998</v>
      </c>
      <c r="AF2320">
        <v>4.5205044407090256</v>
      </c>
    </row>
    <row r="2321" spans="6:32" x14ac:dyDescent="0.25">
      <c r="F2321">
        <v>38.466667000000001</v>
      </c>
      <c r="G2321">
        <v>-0.40685000231343982</v>
      </c>
      <c r="AC2321">
        <v>21.25</v>
      </c>
      <c r="AD2321">
        <v>99.55</v>
      </c>
      <c r="AE2321">
        <v>8.6293319999999998</v>
      </c>
      <c r="AF2321">
        <v>4.5205044407090256</v>
      </c>
    </row>
    <row r="2322" spans="6:32" x14ac:dyDescent="0.25">
      <c r="F2322">
        <v>38.483333000000002</v>
      </c>
      <c r="G2322">
        <v>-0.40724970609660194</v>
      </c>
      <c r="AC2322">
        <v>21.266666999999998</v>
      </c>
      <c r="AD2322">
        <v>99.566666999999995</v>
      </c>
      <c r="AE2322">
        <v>8.6293659999999992</v>
      </c>
      <c r="AF2322">
        <v>4.5209162567280323</v>
      </c>
    </row>
    <row r="2323" spans="6:32" x14ac:dyDescent="0.25">
      <c r="F2323">
        <v>38.5</v>
      </c>
      <c r="G2323">
        <v>-0.40724970609660194</v>
      </c>
      <c r="AC2323">
        <v>21.283332999999999</v>
      </c>
      <c r="AD2323">
        <v>99.583332999999996</v>
      </c>
      <c r="AE2323">
        <v>8.6293659999999992</v>
      </c>
      <c r="AF2323">
        <v>4.5209162567280323</v>
      </c>
    </row>
    <row r="2324" spans="6:32" x14ac:dyDescent="0.25">
      <c r="F2324">
        <v>38.516666999999998</v>
      </c>
      <c r="G2324">
        <v>-0.40766152211560819</v>
      </c>
      <c r="AC2324">
        <v>21.299999999999997</v>
      </c>
      <c r="AD2324">
        <v>99.6</v>
      </c>
      <c r="AE2324">
        <v>8.6294000000000004</v>
      </c>
      <c r="AF2324">
        <v>4.5213280727470595</v>
      </c>
    </row>
    <row r="2325" spans="6:32" x14ac:dyDescent="0.25">
      <c r="F2325">
        <v>38.533332999999999</v>
      </c>
      <c r="G2325">
        <v>-0.40766152211560819</v>
      </c>
      <c r="AC2325">
        <v>21.31666700000001</v>
      </c>
      <c r="AD2325">
        <v>99.616667000000007</v>
      </c>
      <c r="AE2325">
        <v>8.6294000000000004</v>
      </c>
      <c r="AF2325">
        <v>4.5213280727470595</v>
      </c>
    </row>
    <row r="2326" spans="6:32" x14ac:dyDescent="0.25">
      <c r="F2326">
        <v>38.549999999999997</v>
      </c>
      <c r="G2326">
        <v>-0.40807333813463603</v>
      </c>
      <c r="AC2326">
        <v>21.333332999999996</v>
      </c>
      <c r="AD2326">
        <v>99.633332999999993</v>
      </c>
      <c r="AE2326">
        <v>8.6294330000000006</v>
      </c>
      <c r="AF2326">
        <v>4.5217277765302226</v>
      </c>
    </row>
    <row r="2327" spans="6:32" x14ac:dyDescent="0.25">
      <c r="F2327">
        <v>38.56666700000001</v>
      </c>
      <c r="G2327">
        <v>-0.40847304191777656</v>
      </c>
      <c r="AC2327">
        <v>21.350000000000009</v>
      </c>
      <c r="AD2327">
        <v>99.65</v>
      </c>
      <c r="AE2327">
        <v>8.6294330000000006</v>
      </c>
      <c r="AF2327">
        <v>4.5217277765302226</v>
      </c>
    </row>
    <row r="2328" spans="6:32" x14ac:dyDescent="0.25">
      <c r="F2328">
        <v>38.583332999999996</v>
      </c>
      <c r="G2328">
        <v>-0.40847304191777656</v>
      </c>
      <c r="AC2328">
        <v>21.366667000000007</v>
      </c>
      <c r="AD2328">
        <v>99.666667000000004</v>
      </c>
      <c r="AE2328">
        <v>8.629467</v>
      </c>
      <c r="AF2328">
        <v>4.5221395925492285</v>
      </c>
    </row>
    <row r="2329" spans="6:32" x14ac:dyDescent="0.25">
      <c r="F2329">
        <v>38.600000000000009</v>
      </c>
      <c r="G2329">
        <v>-0.40847304191777656</v>
      </c>
      <c r="AC2329">
        <v>21.383333000000007</v>
      </c>
      <c r="AD2329">
        <v>99.683333000000005</v>
      </c>
      <c r="AE2329">
        <v>8.629467</v>
      </c>
      <c r="AF2329">
        <v>4.5221395925492285</v>
      </c>
    </row>
    <row r="2330" spans="6:32" x14ac:dyDescent="0.25">
      <c r="F2330">
        <v>38.616667000000007</v>
      </c>
      <c r="G2330">
        <v>-0.4088848579368044</v>
      </c>
      <c r="AC2330">
        <v>21.400000000000006</v>
      </c>
      <c r="AD2330">
        <v>99.7</v>
      </c>
      <c r="AE2330">
        <v>8.6295009999999994</v>
      </c>
      <c r="AF2330">
        <v>4.5225514085682352</v>
      </c>
    </row>
    <row r="2331" spans="6:32" x14ac:dyDescent="0.25">
      <c r="F2331">
        <v>38.633333000000007</v>
      </c>
      <c r="G2331">
        <v>-0.4088848579368044</v>
      </c>
      <c r="AC2331">
        <v>21.416667000000004</v>
      </c>
      <c r="AD2331">
        <v>99.716667000000001</v>
      </c>
      <c r="AE2331">
        <v>8.6295339999999996</v>
      </c>
      <c r="AF2331">
        <v>4.5229511123513966</v>
      </c>
    </row>
    <row r="2332" spans="6:32" x14ac:dyDescent="0.25">
      <c r="F2332">
        <v>38.650000000000006</v>
      </c>
      <c r="G2332">
        <v>-0.40929667395581076</v>
      </c>
      <c r="AC2332">
        <v>21.433333000000005</v>
      </c>
      <c r="AD2332">
        <v>99.733333000000002</v>
      </c>
      <c r="AE2332">
        <v>8.6295339999999996</v>
      </c>
      <c r="AF2332">
        <v>4.5229511123513966</v>
      </c>
    </row>
    <row r="2333" spans="6:32" x14ac:dyDescent="0.25">
      <c r="F2333">
        <v>38.666667000000004</v>
      </c>
      <c r="G2333">
        <v>-0.40929667395581076</v>
      </c>
      <c r="AC2333">
        <v>21.450000000000003</v>
      </c>
      <c r="AD2333">
        <v>99.75</v>
      </c>
      <c r="AE2333">
        <v>8.6295680000000008</v>
      </c>
      <c r="AF2333">
        <v>4.5233629283704246</v>
      </c>
    </row>
    <row r="2334" spans="6:32" x14ac:dyDescent="0.25">
      <c r="F2334">
        <v>38.683333000000005</v>
      </c>
      <c r="G2334">
        <v>-0.40969637773897277</v>
      </c>
      <c r="AC2334">
        <v>21.466667000000001</v>
      </c>
      <c r="AD2334">
        <v>99.766666999999998</v>
      </c>
      <c r="AE2334">
        <v>8.6295680000000008</v>
      </c>
      <c r="AF2334">
        <v>4.5233629283704246</v>
      </c>
    </row>
    <row r="2335" spans="6:32" x14ac:dyDescent="0.25">
      <c r="F2335">
        <v>38.700000000000003</v>
      </c>
      <c r="G2335">
        <v>-0.40969637773897277</v>
      </c>
      <c r="AC2335">
        <v>21.483333000000002</v>
      </c>
      <c r="AD2335">
        <v>99.783332999999999</v>
      </c>
      <c r="AE2335">
        <v>8.6296020000000002</v>
      </c>
      <c r="AF2335">
        <v>4.5237747443894314</v>
      </c>
    </row>
    <row r="2336" spans="6:32" x14ac:dyDescent="0.25">
      <c r="F2336">
        <v>38.716667000000001</v>
      </c>
      <c r="G2336">
        <v>-0.40969637773897277</v>
      </c>
      <c r="AC2336">
        <v>21.5</v>
      </c>
      <c r="AD2336">
        <v>99.8</v>
      </c>
      <c r="AE2336">
        <v>8.6296020000000002</v>
      </c>
      <c r="AF2336">
        <v>4.5237747443894314</v>
      </c>
    </row>
    <row r="2337" spans="6:32" x14ac:dyDescent="0.25">
      <c r="F2337">
        <v>38.733333000000002</v>
      </c>
      <c r="G2337">
        <v>-0.41010819375797913</v>
      </c>
      <c r="AC2337">
        <v>21.516666999999998</v>
      </c>
      <c r="AD2337">
        <v>99.816666999999995</v>
      </c>
      <c r="AE2337">
        <v>8.6296350000000004</v>
      </c>
      <c r="AF2337">
        <v>4.5241744481725927</v>
      </c>
    </row>
    <row r="2338" spans="6:32" x14ac:dyDescent="0.25">
      <c r="F2338">
        <v>38.75</v>
      </c>
      <c r="G2338">
        <v>-0.41010819375797913</v>
      </c>
      <c r="AC2338">
        <v>21.533332999999999</v>
      </c>
      <c r="AD2338">
        <v>99.833332999999996</v>
      </c>
      <c r="AE2338">
        <v>8.6296350000000004</v>
      </c>
      <c r="AF2338">
        <v>4.5241744481725927</v>
      </c>
    </row>
    <row r="2339" spans="6:32" x14ac:dyDescent="0.25">
      <c r="F2339">
        <v>38.766666999999998</v>
      </c>
      <c r="G2339">
        <v>-0.41052000977700698</v>
      </c>
      <c r="AC2339">
        <v>21.549999999999997</v>
      </c>
      <c r="AD2339">
        <v>99.85</v>
      </c>
      <c r="AE2339">
        <v>8.6296689999999998</v>
      </c>
      <c r="AF2339">
        <v>4.5245862641915995</v>
      </c>
    </row>
    <row r="2340" spans="6:32" x14ac:dyDescent="0.25">
      <c r="F2340">
        <v>38.783332999999999</v>
      </c>
      <c r="G2340">
        <v>-0.41052000977700698</v>
      </c>
      <c r="AC2340">
        <v>21.56666700000001</v>
      </c>
      <c r="AD2340">
        <v>99.866667000000007</v>
      </c>
      <c r="AE2340">
        <v>8.6296689999999998</v>
      </c>
      <c r="AF2340">
        <v>4.5245862641915995</v>
      </c>
    </row>
    <row r="2341" spans="6:32" x14ac:dyDescent="0.25">
      <c r="F2341">
        <v>38.799999999999997</v>
      </c>
      <c r="G2341">
        <v>-0.41052000977700698</v>
      </c>
      <c r="AC2341">
        <v>21.583332999999996</v>
      </c>
      <c r="AD2341">
        <v>99.883332999999993</v>
      </c>
      <c r="AE2341">
        <v>8.6297029999999992</v>
      </c>
      <c r="AF2341">
        <v>4.5249980802106053</v>
      </c>
    </row>
    <row r="2342" spans="6:32" x14ac:dyDescent="0.25">
      <c r="F2342">
        <v>38.81666700000001</v>
      </c>
      <c r="G2342">
        <v>-0.41091971356016899</v>
      </c>
      <c r="AC2342">
        <v>21.600000000000009</v>
      </c>
      <c r="AD2342">
        <v>99.9</v>
      </c>
      <c r="AE2342">
        <v>8.6297029999999992</v>
      </c>
      <c r="AF2342">
        <v>4.5249980802106053</v>
      </c>
    </row>
    <row r="2343" spans="6:32" x14ac:dyDescent="0.25">
      <c r="F2343">
        <v>38.833332999999996</v>
      </c>
      <c r="G2343">
        <v>-0.41091971356016899</v>
      </c>
      <c r="AC2343">
        <v>21.616667000000007</v>
      </c>
      <c r="AD2343">
        <v>99.916667000000004</v>
      </c>
      <c r="AE2343">
        <v>8.6297359999999994</v>
      </c>
      <c r="AF2343">
        <v>4.5253977839937676</v>
      </c>
    </row>
    <row r="2344" spans="6:32" x14ac:dyDescent="0.25">
      <c r="F2344">
        <v>38.850000000000009</v>
      </c>
      <c r="G2344">
        <v>-0.41133152957917535</v>
      </c>
      <c r="AC2344">
        <v>21.633333000000007</v>
      </c>
      <c r="AD2344">
        <v>99.933333000000005</v>
      </c>
      <c r="AE2344">
        <v>8.6297359999999994</v>
      </c>
      <c r="AF2344">
        <v>4.5253977839937676</v>
      </c>
    </row>
    <row r="2345" spans="6:32" x14ac:dyDescent="0.25">
      <c r="F2345">
        <v>38.866667000000007</v>
      </c>
      <c r="G2345">
        <v>-0.41133152957917535</v>
      </c>
      <c r="AC2345">
        <v>21.650000000000006</v>
      </c>
      <c r="AD2345">
        <v>99.95</v>
      </c>
      <c r="AE2345">
        <v>8.6297359999999994</v>
      </c>
      <c r="AF2345">
        <v>4.5253977839937676</v>
      </c>
    </row>
    <row r="2346" spans="6:32" x14ac:dyDescent="0.25">
      <c r="F2346">
        <v>38.883333000000007</v>
      </c>
      <c r="G2346">
        <v>-0.41173123336233736</v>
      </c>
      <c r="AC2346">
        <v>21.666667000000004</v>
      </c>
      <c r="AD2346">
        <v>99.966667000000001</v>
      </c>
      <c r="AE2346">
        <v>8.6297700000000006</v>
      </c>
      <c r="AF2346">
        <v>4.5258096000127956</v>
      </c>
    </row>
    <row r="2347" spans="6:32" x14ac:dyDescent="0.25">
      <c r="F2347">
        <v>38.900000000000006</v>
      </c>
      <c r="G2347">
        <v>-0.41173123336233736</v>
      </c>
      <c r="AC2347">
        <v>21.683333000000005</v>
      </c>
      <c r="AD2347">
        <v>99.983333000000002</v>
      </c>
      <c r="AE2347">
        <v>8.6297700000000006</v>
      </c>
      <c r="AF2347">
        <v>4.5258096000127956</v>
      </c>
    </row>
    <row r="2348" spans="6:32" x14ac:dyDescent="0.25">
      <c r="F2348">
        <v>38.916667000000004</v>
      </c>
      <c r="G2348">
        <v>-0.41173123336233736</v>
      </c>
      <c r="AC2348">
        <v>21.700000000000003</v>
      </c>
      <c r="AD2348">
        <v>100</v>
      </c>
      <c r="AE2348">
        <v>8.629804</v>
      </c>
      <c r="AF2348">
        <v>4.5262214160318015</v>
      </c>
    </row>
    <row r="2349" spans="6:32" x14ac:dyDescent="0.25">
      <c r="F2349">
        <v>38.933333000000005</v>
      </c>
      <c r="G2349">
        <v>-0.41214304938134372</v>
      </c>
      <c r="AC2349">
        <v>21.716667000000001</v>
      </c>
      <c r="AD2349">
        <v>100.016667</v>
      </c>
      <c r="AE2349">
        <v>8.629804</v>
      </c>
      <c r="AF2349">
        <v>4.5262214160318015</v>
      </c>
    </row>
    <row r="2350" spans="6:32" x14ac:dyDescent="0.25">
      <c r="F2350">
        <v>38.950000000000003</v>
      </c>
      <c r="G2350">
        <v>-0.41214304938134372</v>
      </c>
      <c r="AC2350">
        <v>21.733333000000002</v>
      </c>
      <c r="AD2350">
        <v>100.033333</v>
      </c>
      <c r="AE2350">
        <v>8.6298370000000002</v>
      </c>
      <c r="AF2350">
        <v>4.5266211198149646</v>
      </c>
    </row>
    <row r="2351" spans="6:32" x14ac:dyDescent="0.25">
      <c r="F2351">
        <v>38.966667000000001</v>
      </c>
      <c r="G2351">
        <v>-0.41255486540035002</v>
      </c>
      <c r="AC2351">
        <v>21.75</v>
      </c>
      <c r="AD2351">
        <v>100.05</v>
      </c>
      <c r="AE2351">
        <v>8.6298370000000002</v>
      </c>
      <c r="AF2351">
        <v>4.5266211198149646</v>
      </c>
    </row>
    <row r="2352" spans="6:32" x14ac:dyDescent="0.25">
      <c r="F2352">
        <v>38.983333000000002</v>
      </c>
      <c r="G2352">
        <v>-0.41255486540035002</v>
      </c>
      <c r="AC2352">
        <v>21.766666999999998</v>
      </c>
      <c r="AD2352">
        <v>100.066667</v>
      </c>
      <c r="AE2352">
        <v>8.6298709999999996</v>
      </c>
      <c r="AF2352">
        <v>4.5270329358339705</v>
      </c>
    </row>
    <row r="2353" spans="6:32" x14ac:dyDescent="0.25">
      <c r="F2353">
        <v>39</v>
      </c>
      <c r="G2353">
        <v>-0.41295456918351203</v>
      </c>
      <c r="AC2353">
        <v>21.783332999999999</v>
      </c>
      <c r="AD2353">
        <v>100.083333</v>
      </c>
      <c r="AE2353">
        <v>8.6298709999999996</v>
      </c>
      <c r="AF2353">
        <v>4.5270329358339705</v>
      </c>
    </row>
    <row r="2354" spans="6:32" x14ac:dyDescent="0.25">
      <c r="F2354">
        <v>39.016666999999998</v>
      </c>
      <c r="G2354">
        <v>-0.41295456918351203</v>
      </c>
      <c r="AC2354">
        <v>21.799999999999997</v>
      </c>
      <c r="AD2354">
        <v>100.1</v>
      </c>
      <c r="AE2354">
        <v>8.6298709999999996</v>
      </c>
      <c r="AF2354">
        <v>4.5270329358339705</v>
      </c>
    </row>
    <row r="2355" spans="6:32" x14ac:dyDescent="0.25">
      <c r="F2355">
        <v>39.033332999999999</v>
      </c>
      <c r="G2355">
        <v>-0.41295456918351203</v>
      </c>
      <c r="AC2355">
        <v>21.81666700000001</v>
      </c>
      <c r="AD2355">
        <v>100.11666700000001</v>
      </c>
      <c r="AE2355">
        <v>8.6299050000000008</v>
      </c>
      <c r="AF2355">
        <v>4.5274447518529986</v>
      </c>
    </row>
    <row r="2356" spans="6:32" x14ac:dyDescent="0.25">
      <c r="F2356">
        <v>39.049999999999997</v>
      </c>
      <c r="G2356">
        <v>-0.41336638520253993</v>
      </c>
      <c r="AC2356">
        <v>21.833332999999996</v>
      </c>
      <c r="AD2356">
        <v>100.13333299999999</v>
      </c>
      <c r="AE2356">
        <v>8.6299050000000008</v>
      </c>
      <c r="AF2356">
        <v>4.5274447518529986</v>
      </c>
    </row>
    <row r="2357" spans="6:32" x14ac:dyDescent="0.25">
      <c r="F2357">
        <v>39.06666700000001</v>
      </c>
      <c r="G2357">
        <v>-0.41377820122154618</v>
      </c>
      <c r="AC2357">
        <v>21.850000000000009</v>
      </c>
      <c r="AD2357">
        <v>100.15</v>
      </c>
      <c r="AE2357">
        <v>8.6299050000000008</v>
      </c>
      <c r="AF2357">
        <v>4.5274447518529986</v>
      </c>
    </row>
    <row r="2358" spans="6:32" x14ac:dyDescent="0.25">
      <c r="F2358">
        <v>39.083332999999996</v>
      </c>
      <c r="G2358">
        <v>-0.41377820122154618</v>
      </c>
      <c r="AC2358">
        <v>21.866667000000007</v>
      </c>
      <c r="AD2358">
        <v>100.166667</v>
      </c>
      <c r="AE2358">
        <v>8.6299379999999992</v>
      </c>
      <c r="AF2358">
        <v>4.5278444556361386</v>
      </c>
    </row>
    <row r="2359" spans="6:32" x14ac:dyDescent="0.25">
      <c r="F2359">
        <v>39.100000000000009</v>
      </c>
      <c r="G2359">
        <v>-0.4141779050047083</v>
      </c>
      <c r="AC2359">
        <v>21.883333000000007</v>
      </c>
      <c r="AD2359">
        <v>100.183333</v>
      </c>
      <c r="AE2359">
        <v>8.6299379999999992</v>
      </c>
      <c r="AF2359">
        <v>4.5278444556361386</v>
      </c>
    </row>
    <row r="2360" spans="6:32" x14ac:dyDescent="0.25">
      <c r="F2360">
        <v>39.116667000000007</v>
      </c>
      <c r="G2360">
        <v>-0.4141779050047083</v>
      </c>
      <c r="AC2360">
        <v>21.900000000000006</v>
      </c>
      <c r="AD2360">
        <v>100.2</v>
      </c>
      <c r="AE2360">
        <v>8.6299379999999992</v>
      </c>
      <c r="AF2360">
        <v>4.5278444556361386</v>
      </c>
    </row>
    <row r="2361" spans="6:32" x14ac:dyDescent="0.25">
      <c r="F2361">
        <v>39.133333000000007</v>
      </c>
      <c r="G2361">
        <v>-0.41458972102371455</v>
      </c>
      <c r="AC2361">
        <v>21.916667000000004</v>
      </c>
      <c r="AD2361">
        <v>100.216667</v>
      </c>
      <c r="AE2361">
        <v>8.6299720000000004</v>
      </c>
      <c r="AF2361">
        <v>4.5282562716551666</v>
      </c>
    </row>
    <row r="2362" spans="6:32" x14ac:dyDescent="0.25">
      <c r="F2362">
        <v>39.150000000000006</v>
      </c>
      <c r="G2362">
        <v>-0.41458972102371455</v>
      </c>
      <c r="AC2362">
        <v>21.933333000000005</v>
      </c>
      <c r="AD2362">
        <v>100.233333</v>
      </c>
      <c r="AE2362">
        <v>8.6299720000000004</v>
      </c>
      <c r="AF2362">
        <v>4.5282562716551666</v>
      </c>
    </row>
    <row r="2363" spans="6:32" x14ac:dyDescent="0.25">
      <c r="F2363">
        <v>39.166667000000004</v>
      </c>
      <c r="G2363">
        <v>-0.4150015370427424</v>
      </c>
      <c r="AC2363">
        <v>21.950000000000003</v>
      </c>
      <c r="AD2363">
        <v>100.25</v>
      </c>
      <c r="AE2363">
        <v>8.6299720000000004</v>
      </c>
      <c r="AF2363">
        <v>4.5282562716551666</v>
      </c>
    </row>
    <row r="2364" spans="6:32" x14ac:dyDescent="0.25">
      <c r="F2364">
        <v>39.183333000000005</v>
      </c>
      <c r="G2364">
        <v>-0.4150015370427424</v>
      </c>
      <c r="AC2364">
        <v>21.966667000000001</v>
      </c>
      <c r="AD2364">
        <v>100.266667</v>
      </c>
      <c r="AE2364">
        <v>8.6299720000000004</v>
      </c>
      <c r="AF2364">
        <v>4.5282562716551666</v>
      </c>
    </row>
    <row r="2365" spans="6:32" x14ac:dyDescent="0.25">
      <c r="F2365">
        <v>39.200000000000003</v>
      </c>
      <c r="G2365">
        <v>-0.41540124082588298</v>
      </c>
      <c r="AC2365">
        <v>21.983333000000002</v>
      </c>
      <c r="AD2365">
        <v>100.283333</v>
      </c>
      <c r="AE2365">
        <v>8.6300059999999998</v>
      </c>
      <c r="AF2365">
        <v>4.5286680876741734</v>
      </c>
    </row>
    <row r="2366" spans="6:32" x14ac:dyDescent="0.25">
      <c r="F2366">
        <v>39.216667000000001</v>
      </c>
      <c r="G2366">
        <v>-0.41540124082588298</v>
      </c>
      <c r="AC2366">
        <v>22</v>
      </c>
      <c r="AD2366">
        <v>100.3</v>
      </c>
      <c r="AE2366">
        <v>8.6300059999999998</v>
      </c>
      <c r="AF2366">
        <v>4.5286680876741734</v>
      </c>
    </row>
    <row r="2367" spans="6:32" x14ac:dyDescent="0.25">
      <c r="F2367">
        <v>39.233333000000002</v>
      </c>
      <c r="G2367">
        <v>-0.41581305684491077</v>
      </c>
      <c r="AC2367">
        <v>22.016666999999998</v>
      </c>
      <c r="AD2367">
        <v>100.316667</v>
      </c>
      <c r="AE2367">
        <v>8.6300059999999998</v>
      </c>
      <c r="AF2367">
        <v>4.5286680876741734</v>
      </c>
    </row>
    <row r="2368" spans="6:32" x14ac:dyDescent="0.25">
      <c r="F2368">
        <v>39.25</v>
      </c>
      <c r="G2368">
        <v>-0.41581305684491077</v>
      </c>
      <c r="AC2368">
        <v>22.033332999999999</v>
      </c>
      <c r="AD2368">
        <v>100.333333</v>
      </c>
      <c r="AE2368">
        <v>8.630039</v>
      </c>
      <c r="AF2368">
        <v>4.5290677914573347</v>
      </c>
    </row>
    <row r="2369" spans="6:32" x14ac:dyDescent="0.25">
      <c r="F2369">
        <v>39.266666999999998</v>
      </c>
      <c r="G2369">
        <v>-0.41581305684491077</v>
      </c>
      <c r="AC2369">
        <v>22.049999999999997</v>
      </c>
      <c r="AD2369">
        <v>100.35</v>
      </c>
      <c r="AE2369">
        <v>8.630039</v>
      </c>
      <c r="AF2369">
        <v>4.5290677914573347</v>
      </c>
    </row>
    <row r="2370" spans="6:32" x14ac:dyDescent="0.25">
      <c r="F2370">
        <v>39.283332999999999</v>
      </c>
      <c r="G2370">
        <v>-0.41622487286391713</v>
      </c>
      <c r="AC2370">
        <v>22.06666700000001</v>
      </c>
      <c r="AD2370">
        <v>100.36666700000001</v>
      </c>
      <c r="AE2370">
        <v>8.6300729999999994</v>
      </c>
      <c r="AF2370">
        <v>4.5294796074763406</v>
      </c>
    </row>
    <row r="2371" spans="6:32" x14ac:dyDescent="0.25">
      <c r="F2371">
        <v>39.299999999999997</v>
      </c>
      <c r="G2371">
        <v>-0.41622487286391713</v>
      </c>
      <c r="AC2371">
        <v>22.083332999999996</v>
      </c>
      <c r="AD2371">
        <v>100.38333299999999</v>
      </c>
      <c r="AE2371">
        <v>8.6300729999999994</v>
      </c>
      <c r="AF2371">
        <v>4.5294796074763406</v>
      </c>
    </row>
    <row r="2372" spans="6:32" x14ac:dyDescent="0.25">
      <c r="F2372">
        <v>39.31666700000001</v>
      </c>
      <c r="G2372">
        <v>-0.41662457664707914</v>
      </c>
      <c r="AC2372">
        <v>22.100000000000009</v>
      </c>
      <c r="AD2372">
        <v>100.4</v>
      </c>
      <c r="AE2372">
        <v>8.6300729999999994</v>
      </c>
      <c r="AF2372">
        <v>4.5294796074763406</v>
      </c>
    </row>
    <row r="2373" spans="6:32" x14ac:dyDescent="0.25">
      <c r="F2373">
        <v>39.333332999999996</v>
      </c>
      <c r="G2373">
        <v>-0.41662457664707914</v>
      </c>
      <c r="AC2373">
        <v>22.116667000000007</v>
      </c>
      <c r="AD2373">
        <v>100.416667</v>
      </c>
      <c r="AE2373">
        <v>8.6300729999999994</v>
      </c>
      <c r="AF2373">
        <v>4.5294796074763406</v>
      </c>
    </row>
    <row r="2374" spans="6:32" x14ac:dyDescent="0.25">
      <c r="F2374">
        <v>39.350000000000009</v>
      </c>
      <c r="G2374">
        <v>-0.41662457664707914</v>
      </c>
      <c r="AC2374">
        <v>22.133333000000007</v>
      </c>
      <c r="AD2374">
        <v>100.433333</v>
      </c>
      <c r="AE2374">
        <v>8.6301070000000006</v>
      </c>
      <c r="AF2374">
        <v>4.5298914234953696</v>
      </c>
    </row>
    <row r="2375" spans="6:32" x14ac:dyDescent="0.25">
      <c r="F2375">
        <v>39.366667000000007</v>
      </c>
      <c r="G2375">
        <v>-0.41703639266608544</v>
      </c>
      <c r="AC2375">
        <v>22.150000000000006</v>
      </c>
      <c r="AD2375">
        <v>100.45</v>
      </c>
      <c r="AE2375">
        <v>8.6301070000000006</v>
      </c>
      <c r="AF2375">
        <v>4.5298914234953696</v>
      </c>
    </row>
    <row r="2376" spans="6:32" x14ac:dyDescent="0.25">
      <c r="F2376">
        <v>39.383333000000007</v>
      </c>
      <c r="G2376">
        <v>-0.41703639266608544</v>
      </c>
      <c r="AC2376">
        <v>22.166667000000004</v>
      </c>
      <c r="AD2376">
        <v>100.466667</v>
      </c>
      <c r="AE2376">
        <v>8.6301070000000006</v>
      </c>
      <c r="AF2376">
        <v>4.5298914234953696</v>
      </c>
    </row>
    <row r="2377" spans="6:32" x14ac:dyDescent="0.25">
      <c r="F2377">
        <v>39.400000000000006</v>
      </c>
      <c r="G2377">
        <v>-0.41703639266608544</v>
      </c>
      <c r="AC2377">
        <v>22.183333000000005</v>
      </c>
      <c r="AD2377">
        <v>100.483333</v>
      </c>
      <c r="AE2377">
        <v>8.6301400000000008</v>
      </c>
      <c r="AF2377">
        <v>4.5302911272785309</v>
      </c>
    </row>
    <row r="2378" spans="6:32" x14ac:dyDescent="0.25">
      <c r="F2378">
        <v>39.416667000000004</v>
      </c>
      <c r="G2378">
        <v>-0.41744820868511334</v>
      </c>
      <c r="AC2378">
        <v>22.200000000000003</v>
      </c>
      <c r="AD2378">
        <v>100.5</v>
      </c>
      <c r="AE2378">
        <v>8.6301400000000008</v>
      </c>
      <c r="AF2378">
        <v>4.5302911272785309</v>
      </c>
    </row>
    <row r="2379" spans="6:32" x14ac:dyDescent="0.25">
      <c r="F2379">
        <v>39.433333000000005</v>
      </c>
      <c r="G2379">
        <v>-0.41744820868511334</v>
      </c>
      <c r="AC2379">
        <v>22.216667000000001</v>
      </c>
      <c r="AD2379">
        <v>100.516667</v>
      </c>
      <c r="AE2379">
        <v>8.6301740000000002</v>
      </c>
      <c r="AF2379">
        <v>4.5307029432975376</v>
      </c>
    </row>
    <row r="2380" spans="6:32" x14ac:dyDescent="0.25">
      <c r="F2380">
        <v>39.450000000000003</v>
      </c>
      <c r="G2380">
        <v>-0.41744820868511334</v>
      </c>
      <c r="AC2380">
        <v>22.233333000000002</v>
      </c>
      <c r="AD2380">
        <v>100.533333</v>
      </c>
      <c r="AE2380">
        <v>8.6301740000000002</v>
      </c>
      <c r="AF2380">
        <v>4.5307029432975376</v>
      </c>
    </row>
    <row r="2381" spans="6:32" x14ac:dyDescent="0.25">
      <c r="F2381">
        <v>39.466667000000001</v>
      </c>
      <c r="G2381">
        <v>-0.41784791246827535</v>
      </c>
      <c r="AC2381">
        <v>22.25</v>
      </c>
      <c r="AD2381">
        <v>100.55</v>
      </c>
      <c r="AE2381">
        <v>8.6302079999999997</v>
      </c>
      <c r="AF2381">
        <v>4.5311147593165435</v>
      </c>
    </row>
    <row r="2382" spans="6:32" x14ac:dyDescent="0.25">
      <c r="F2382">
        <v>39.483333000000002</v>
      </c>
      <c r="G2382">
        <v>-0.41784791246827535</v>
      </c>
      <c r="AC2382">
        <v>22.266666999999998</v>
      </c>
      <c r="AD2382">
        <v>100.566667</v>
      </c>
      <c r="AE2382">
        <v>8.6302079999999997</v>
      </c>
      <c r="AF2382">
        <v>4.5311147593165435</v>
      </c>
    </row>
    <row r="2383" spans="6:32" x14ac:dyDescent="0.25">
      <c r="F2383">
        <v>39.5</v>
      </c>
      <c r="G2383">
        <v>-0.41784791246827535</v>
      </c>
      <c r="AC2383">
        <v>22.283332999999999</v>
      </c>
      <c r="AD2383">
        <v>100.583333</v>
      </c>
      <c r="AE2383">
        <v>8.6302409999999998</v>
      </c>
      <c r="AF2383">
        <v>4.5315144630997057</v>
      </c>
    </row>
    <row r="2384" spans="6:32" x14ac:dyDescent="0.25">
      <c r="F2384">
        <v>39.516666999999998</v>
      </c>
      <c r="G2384">
        <v>-0.41784791246827535</v>
      </c>
      <c r="AC2384">
        <v>22.299999999999997</v>
      </c>
      <c r="AD2384">
        <v>100.6</v>
      </c>
      <c r="AE2384">
        <v>8.6302409999999998</v>
      </c>
      <c r="AF2384">
        <v>4.5315144630997057</v>
      </c>
    </row>
    <row r="2385" spans="6:32" x14ac:dyDescent="0.25">
      <c r="F2385">
        <v>39.533332999999999</v>
      </c>
      <c r="G2385">
        <v>-0.41825972848728171</v>
      </c>
      <c r="AC2385">
        <v>22.31666700000001</v>
      </c>
      <c r="AD2385">
        <v>100.61666700000001</v>
      </c>
      <c r="AE2385">
        <v>8.6302409999999998</v>
      </c>
      <c r="AF2385">
        <v>4.5315144630997057</v>
      </c>
    </row>
    <row r="2386" spans="6:32" x14ac:dyDescent="0.25">
      <c r="F2386">
        <v>39.549999999999997</v>
      </c>
      <c r="G2386">
        <v>-0.41825972848728171</v>
      </c>
      <c r="AC2386">
        <v>22.333332999999996</v>
      </c>
      <c r="AD2386">
        <v>100.63333299999999</v>
      </c>
      <c r="AE2386">
        <v>8.6302749999999993</v>
      </c>
      <c r="AF2386">
        <v>4.5319262791187125</v>
      </c>
    </row>
    <row r="2387" spans="6:32" x14ac:dyDescent="0.25">
      <c r="F2387">
        <v>39.56666700000001</v>
      </c>
      <c r="G2387">
        <v>-0.41825972848728171</v>
      </c>
      <c r="AC2387">
        <v>22.350000000000009</v>
      </c>
      <c r="AD2387">
        <v>100.65</v>
      </c>
      <c r="AE2387">
        <v>8.6302749999999993</v>
      </c>
      <c r="AF2387">
        <v>4.5319262791187125</v>
      </c>
    </row>
    <row r="2388" spans="6:32" x14ac:dyDescent="0.25">
      <c r="F2388">
        <v>39.583332999999996</v>
      </c>
      <c r="G2388">
        <v>-0.41825972848728171</v>
      </c>
      <c r="AC2388">
        <v>22.366667000000007</v>
      </c>
      <c r="AD2388">
        <v>100.666667</v>
      </c>
      <c r="AE2388">
        <v>8.6303079999999994</v>
      </c>
      <c r="AF2388">
        <v>4.5323259829018738</v>
      </c>
    </row>
    <row r="2389" spans="6:32" x14ac:dyDescent="0.25">
      <c r="F2389">
        <v>39.600000000000009</v>
      </c>
      <c r="G2389">
        <v>-0.41867154450628802</v>
      </c>
      <c r="AC2389">
        <v>22.383333000000007</v>
      </c>
      <c r="AD2389">
        <v>100.683333</v>
      </c>
      <c r="AE2389">
        <v>8.6303079999999994</v>
      </c>
      <c r="AF2389">
        <v>4.5323259829018738</v>
      </c>
    </row>
    <row r="2390" spans="6:32" x14ac:dyDescent="0.25">
      <c r="F2390">
        <v>39.616667000000007</v>
      </c>
      <c r="G2390">
        <v>-0.41867154450628802</v>
      </c>
      <c r="AC2390">
        <v>22.400000000000006</v>
      </c>
      <c r="AD2390">
        <v>100.7</v>
      </c>
      <c r="AE2390">
        <v>8.6303420000000006</v>
      </c>
      <c r="AF2390">
        <v>4.5327377989209019</v>
      </c>
    </row>
    <row r="2391" spans="6:32" x14ac:dyDescent="0.25">
      <c r="F2391">
        <v>39.633333000000007</v>
      </c>
      <c r="G2391">
        <v>-0.41867154450628802</v>
      </c>
      <c r="AC2391">
        <v>22.416667000000004</v>
      </c>
      <c r="AD2391">
        <v>100.716667</v>
      </c>
      <c r="AE2391">
        <v>8.6303420000000006</v>
      </c>
      <c r="AF2391">
        <v>4.5327377989209019</v>
      </c>
    </row>
    <row r="2392" spans="6:32" x14ac:dyDescent="0.25">
      <c r="F2392">
        <v>39.650000000000006</v>
      </c>
      <c r="G2392">
        <v>-0.41907124828945003</v>
      </c>
      <c r="AC2392">
        <v>22.433333000000005</v>
      </c>
      <c r="AD2392">
        <v>100.733333</v>
      </c>
      <c r="AE2392">
        <v>8.630376</v>
      </c>
      <c r="AF2392">
        <v>4.5331496149399086</v>
      </c>
    </row>
    <row r="2393" spans="6:32" x14ac:dyDescent="0.25">
      <c r="F2393">
        <v>39.666667000000004</v>
      </c>
      <c r="G2393">
        <v>-0.41907124828945003</v>
      </c>
      <c r="AC2393">
        <v>22.450000000000003</v>
      </c>
      <c r="AD2393">
        <v>100.75</v>
      </c>
      <c r="AE2393">
        <v>8.630376</v>
      </c>
      <c r="AF2393">
        <v>4.5331496149399086</v>
      </c>
    </row>
    <row r="2394" spans="6:32" x14ac:dyDescent="0.25">
      <c r="F2394">
        <v>39.683333000000005</v>
      </c>
      <c r="G2394">
        <v>-0.41907124828945003</v>
      </c>
      <c r="AC2394">
        <v>22.466667000000001</v>
      </c>
      <c r="AD2394">
        <v>100.766667</v>
      </c>
      <c r="AE2394">
        <v>8.6304090000000002</v>
      </c>
      <c r="AF2394">
        <v>4.53354931872307</v>
      </c>
    </row>
    <row r="2395" spans="6:32" x14ac:dyDescent="0.25">
      <c r="F2395">
        <v>39.700000000000003</v>
      </c>
      <c r="G2395">
        <v>-0.41948306430845639</v>
      </c>
      <c r="AC2395">
        <v>22.483333000000002</v>
      </c>
      <c r="AD2395">
        <v>100.783333</v>
      </c>
      <c r="AE2395">
        <v>8.6304090000000002</v>
      </c>
      <c r="AF2395">
        <v>4.53354931872307</v>
      </c>
    </row>
    <row r="2396" spans="6:32" x14ac:dyDescent="0.25">
      <c r="F2396">
        <v>39.716667000000001</v>
      </c>
      <c r="G2396">
        <v>-0.41948306430845639</v>
      </c>
      <c r="AC2396">
        <v>22.5</v>
      </c>
      <c r="AD2396">
        <v>100.8</v>
      </c>
      <c r="AE2396">
        <v>8.6304429999999996</v>
      </c>
      <c r="AF2396">
        <v>4.5339611347420767</v>
      </c>
    </row>
    <row r="2397" spans="6:32" x14ac:dyDescent="0.25">
      <c r="F2397">
        <v>39.733333000000002</v>
      </c>
      <c r="G2397">
        <v>-0.41948306430845639</v>
      </c>
      <c r="AC2397">
        <v>22.516666999999998</v>
      </c>
      <c r="AD2397">
        <v>100.816667</v>
      </c>
      <c r="AE2397">
        <v>8.6304429999999996</v>
      </c>
      <c r="AF2397">
        <v>4.5339611347420767</v>
      </c>
    </row>
    <row r="2398" spans="6:32" x14ac:dyDescent="0.25">
      <c r="F2398">
        <v>39.75</v>
      </c>
      <c r="G2398">
        <v>-0.41989488032748418</v>
      </c>
      <c r="AC2398">
        <v>22.533332999999999</v>
      </c>
      <c r="AD2398">
        <v>100.833333</v>
      </c>
      <c r="AE2398">
        <v>8.6304770000000008</v>
      </c>
      <c r="AF2398">
        <v>4.5343729507611039</v>
      </c>
    </row>
    <row r="2399" spans="6:32" x14ac:dyDescent="0.25">
      <c r="F2399">
        <v>39.766666999999998</v>
      </c>
      <c r="G2399">
        <v>-0.41989488032748418</v>
      </c>
      <c r="AC2399">
        <v>22.549999999999997</v>
      </c>
      <c r="AD2399">
        <v>100.85</v>
      </c>
      <c r="AE2399">
        <v>8.6304770000000008</v>
      </c>
      <c r="AF2399">
        <v>4.5343729507611039</v>
      </c>
    </row>
    <row r="2400" spans="6:32" x14ac:dyDescent="0.25">
      <c r="F2400">
        <v>39.783332999999999</v>
      </c>
      <c r="G2400">
        <v>-0.4202945841106463</v>
      </c>
      <c r="AC2400">
        <v>22.56666700000001</v>
      </c>
      <c r="AD2400">
        <v>100.86666700000001</v>
      </c>
      <c r="AE2400">
        <v>8.6305099999999992</v>
      </c>
      <c r="AF2400">
        <v>4.5347726545442457</v>
      </c>
    </row>
    <row r="2401" spans="6:32" x14ac:dyDescent="0.25">
      <c r="F2401">
        <v>39.799999999999997</v>
      </c>
      <c r="G2401">
        <v>-0.4202945841106463</v>
      </c>
      <c r="AC2401">
        <v>22.583332999999996</v>
      </c>
      <c r="AD2401">
        <v>100.88333299999999</v>
      </c>
      <c r="AE2401">
        <v>8.6305099999999992</v>
      </c>
      <c r="AF2401">
        <v>4.5347726545442457</v>
      </c>
    </row>
    <row r="2402" spans="6:32" x14ac:dyDescent="0.25">
      <c r="F2402">
        <v>39.81666700000001</v>
      </c>
      <c r="G2402">
        <v>-0.4202945841106463</v>
      </c>
      <c r="AC2402">
        <v>22.600000000000009</v>
      </c>
      <c r="AD2402">
        <v>100.9</v>
      </c>
      <c r="AE2402">
        <v>8.6305099999999992</v>
      </c>
      <c r="AF2402">
        <v>4.5347726545442457</v>
      </c>
    </row>
    <row r="2403" spans="6:32" x14ac:dyDescent="0.25">
      <c r="F2403">
        <v>39.833332999999996</v>
      </c>
      <c r="G2403">
        <v>-0.42070640012965255</v>
      </c>
      <c r="AC2403">
        <v>22.616667000000007</v>
      </c>
      <c r="AD2403">
        <v>100.916667</v>
      </c>
      <c r="AE2403">
        <v>8.6305440000000004</v>
      </c>
      <c r="AF2403">
        <v>4.5351844705632729</v>
      </c>
    </row>
    <row r="2404" spans="6:32" x14ac:dyDescent="0.25">
      <c r="F2404">
        <v>39.850000000000009</v>
      </c>
      <c r="G2404">
        <v>-0.42070640012965255</v>
      </c>
      <c r="AC2404">
        <v>22.633333000000007</v>
      </c>
      <c r="AD2404">
        <v>100.933333</v>
      </c>
      <c r="AE2404">
        <v>8.6305440000000004</v>
      </c>
      <c r="AF2404">
        <v>4.5351844705632729</v>
      </c>
    </row>
    <row r="2405" spans="6:32" x14ac:dyDescent="0.25">
      <c r="F2405">
        <v>39.866667000000007</v>
      </c>
      <c r="G2405">
        <v>-0.42070640012965255</v>
      </c>
      <c r="AC2405">
        <v>22.650000000000006</v>
      </c>
      <c r="AD2405">
        <v>100.95</v>
      </c>
      <c r="AE2405">
        <v>8.6305779999999999</v>
      </c>
      <c r="AF2405">
        <v>4.5355962865822796</v>
      </c>
    </row>
    <row r="2406" spans="6:32" x14ac:dyDescent="0.25">
      <c r="F2406">
        <v>39.883333000000007</v>
      </c>
      <c r="G2406">
        <v>-0.42111821614865885</v>
      </c>
      <c r="AC2406">
        <v>22.666667000000004</v>
      </c>
      <c r="AD2406">
        <v>100.966667</v>
      </c>
      <c r="AE2406">
        <v>8.6305779999999999</v>
      </c>
      <c r="AF2406">
        <v>4.5355962865822796</v>
      </c>
    </row>
    <row r="2407" spans="6:32" x14ac:dyDescent="0.25">
      <c r="F2407">
        <v>39.900000000000006</v>
      </c>
      <c r="G2407">
        <v>-0.42111821614865885</v>
      </c>
      <c r="AC2407">
        <v>22.683333000000005</v>
      </c>
      <c r="AD2407">
        <v>100.983333</v>
      </c>
      <c r="AE2407">
        <v>8.630611</v>
      </c>
      <c r="AF2407">
        <v>4.535995990365441</v>
      </c>
    </row>
    <row r="2408" spans="6:32" x14ac:dyDescent="0.25">
      <c r="F2408">
        <v>39.916667000000004</v>
      </c>
      <c r="G2408">
        <v>-0.42111821614865885</v>
      </c>
      <c r="AC2408">
        <v>22.700000000000003</v>
      </c>
      <c r="AD2408">
        <v>101</v>
      </c>
      <c r="AE2408">
        <v>8.630611</v>
      </c>
      <c r="AF2408">
        <v>4.535995990365441</v>
      </c>
    </row>
    <row r="2409" spans="6:32" x14ac:dyDescent="0.25">
      <c r="F2409">
        <v>39.933333000000005</v>
      </c>
      <c r="G2409">
        <v>-0.42151791993182097</v>
      </c>
      <c r="AC2409">
        <v>22.716667000000001</v>
      </c>
      <c r="AD2409">
        <v>101.016667</v>
      </c>
      <c r="AE2409">
        <v>8.6306449999999995</v>
      </c>
      <c r="AF2409">
        <v>4.5364078063844477</v>
      </c>
    </row>
    <row r="2410" spans="6:32" x14ac:dyDescent="0.25">
      <c r="F2410">
        <v>39.950000000000003</v>
      </c>
      <c r="G2410">
        <v>-0.42151791993182097</v>
      </c>
      <c r="AC2410">
        <v>22.733333000000002</v>
      </c>
      <c r="AD2410">
        <v>101.033333</v>
      </c>
      <c r="AE2410">
        <v>8.6306449999999995</v>
      </c>
      <c r="AF2410">
        <v>4.5364078063844477</v>
      </c>
    </row>
    <row r="2411" spans="6:32" x14ac:dyDescent="0.25">
      <c r="F2411">
        <v>39.966667000000001</v>
      </c>
      <c r="G2411">
        <v>-0.42151791993182097</v>
      </c>
      <c r="AC2411">
        <v>22.75</v>
      </c>
      <c r="AD2411">
        <v>101.05</v>
      </c>
      <c r="AE2411">
        <v>8.6306790000000007</v>
      </c>
      <c r="AF2411">
        <v>4.5368196224034758</v>
      </c>
    </row>
    <row r="2412" spans="6:32" x14ac:dyDescent="0.25">
      <c r="F2412">
        <v>39.983333000000002</v>
      </c>
      <c r="G2412">
        <v>-0.42192973595084876</v>
      </c>
      <c r="AC2412">
        <v>22.766666999999998</v>
      </c>
      <c r="AD2412">
        <v>101.066667</v>
      </c>
      <c r="AE2412">
        <v>8.6306790000000007</v>
      </c>
      <c r="AF2412">
        <v>4.5368196224034758</v>
      </c>
    </row>
    <row r="2413" spans="6:32" x14ac:dyDescent="0.25">
      <c r="F2413">
        <v>40</v>
      </c>
      <c r="G2413">
        <v>-0.42192973595084876</v>
      </c>
      <c r="AC2413">
        <v>22.783332999999999</v>
      </c>
      <c r="AD2413">
        <v>101.083333</v>
      </c>
      <c r="AE2413">
        <v>8.6306790000000007</v>
      </c>
      <c r="AF2413">
        <v>4.5368196224034758</v>
      </c>
    </row>
    <row r="2414" spans="6:32" x14ac:dyDescent="0.25">
      <c r="F2414">
        <v>40.016666999999998</v>
      </c>
      <c r="G2414">
        <v>-0.42234155196985512</v>
      </c>
      <c r="AC2414">
        <v>22.799999999999997</v>
      </c>
      <c r="AD2414">
        <v>101.1</v>
      </c>
      <c r="AE2414">
        <v>8.6307120000000008</v>
      </c>
      <c r="AF2414">
        <v>4.5372193261866371</v>
      </c>
    </row>
    <row r="2415" spans="6:32" x14ac:dyDescent="0.25">
      <c r="F2415">
        <v>40.033332999999999</v>
      </c>
      <c r="G2415">
        <v>-0.42234155196985512</v>
      </c>
      <c r="AC2415">
        <v>22.81666700000001</v>
      </c>
      <c r="AD2415">
        <v>101.11666700000001</v>
      </c>
      <c r="AE2415">
        <v>8.6307120000000008</v>
      </c>
      <c r="AF2415">
        <v>4.5372193261866371</v>
      </c>
    </row>
    <row r="2416" spans="6:32" x14ac:dyDescent="0.25">
      <c r="F2416">
        <v>40.049999999999997</v>
      </c>
      <c r="G2416">
        <v>-0.42274125575301713</v>
      </c>
      <c r="AC2416">
        <v>22.833332999999996</v>
      </c>
      <c r="AD2416">
        <v>101.13333299999999</v>
      </c>
      <c r="AE2416">
        <v>8.6307460000000003</v>
      </c>
      <c r="AF2416">
        <v>4.5376311422056439</v>
      </c>
    </row>
    <row r="2417" spans="6:32" x14ac:dyDescent="0.25">
      <c r="F2417">
        <v>40.06666700000001</v>
      </c>
      <c r="G2417">
        <v>-0.42274125575301713</v>
      </c>
      <c r="AC2417">
        <v>22.850000000000009</v>
      </c>
      <c r="AD2417">
        <v>101.15</v>
      </c>
      <c r="AE2417">
        <v>8.6307460000000003</v>
      </c>
      <c r="AF2417">
        <v>4.5376311422056439</v>
      </c>
    </row>
    <row r="2418" spans="6:32" x14ac:dyDescent="0.25">
      <c r="F2418">
        <v>40.083332999999996</v>
      </c>
      <c r="G2418">
        <v>-0.42274125575301713</v>
      </c>
      <c r="AC2418">
        <v>22.866667000000007</v>
      </c>
      <c r="AD2418">
        <v>101.166667</v>
      </c>
      <c r="AE2418">
        <v>8.6307799999999997</v>
      </c>
      <c r="AF2418">
        <v>4.5380429582246498</v>
      </c>
    </row>
    <row r="2419" spans="6:32" x14ac:dyDescent="0.25">
      <c r="F2419">
        <v>40.100000000000009</v>
      </c>
      <c r="G2419">
        <v>-0.42315307177202344</v>
      </c>
      <c r="AC2419">
        <v>22.883333000000007</v>
      </c>
      <c r="AD2419">
        <v>101.183333</v>
      </c>
      <c r="AE2419">
        <v>8.6307799999999997</v>
      </c>
      <c r="AF2419">
        <v>4.5380429582246498</v>
      </c>
    </row>
    <row r="2420" spans="6:32" x14ac:dyDescent="0.25">
      <c r="F2420">
        <v>40.116667000000007</v>
      </c>
      <c r="G2420">
        <v>-0.42315307177202344</v>
      </c>
      <c r="AC2420">
        <v>22.900000000000006</v>
      </c>
      <c r="AD2420">
        <v>101.2</v>
      </c>
      <c r="AE2420">
        <v>8.6307799999999997</v>
      </c>
      <c r="AF2420">
        <v>4.5380429582246498</v>
      </c>
    </row>
    <row r="2421" spans="6:32" x14ac:dyDescent="0.25">
      <c r="F2421">
        <v>40.133333000000007</v>
      </c>
      <c r="G2421">
        <v>-0.42315307177202344</v>
      </c>
      <c r="AC2421">
        <v>22.916667000000004</v>
      </c>
      <c r="AD2421">
        <v>101.216667</v>
      </c>
      <c r="AE2421">
        <v>8.6308129999999998</v>
      </c>
      <c r="AF2421">
        <v>4.538442662007812</v>
      </c>
    </row>
    <row r="2422" spans="6:32" x14ac:dyDescent="0.25">
      <c r="F2422">
        <v>40.150000000000006</v>
      </c>
      <c r="G2422">
        <v>-0.4235648877910298</v>
      </c>
      <c r="AC2422">
        <v>22.933333000000005</v>
      </c>
      <c r="AD2422">
        <v>101.233333</v>
      </c>
      <c r="AE2422">
        <v>8.6308129999999998</v>
      </c>
      <c r="AF2422">
        <v>4.538442662007812</v>
      </c>
    </row>
    <row r="2423" spans="6:32" x14ac:dyDescent="0.25">
      <c r="F2423">
        <v>40.166667000000004</v>
      </c>
      <c r="G2423">
        <v>-0.4235648877910298</v>
      </c>
      <c r="AC2423">
        <v>22.950000000000003</v>
      </c>
      <c r="AD2423">
        <v>101.25</v>
      </c>
      <c r="AE2423">
        <v>8.6308129999999998</v>
      </c>
      <c r="AF2423">
        <v>4.538442662007812</v>
      </c>
    </row>
    <row r="2424" spans="6:32" x14ac:dyDescent="0.25">
      <c r="F2424">
        <v>40.183333000000005</v>
      </c>
      <c r="G2424">
        <v>-0.4235648877910298</v>
      </c>
      <c r="AC2424">
        <v>22.966667000000001</v>
      </c>
      <c r="AD2424">
        <v>101.266667</v>
      </c>
      <c r="AE2424">
        <v>8.6308469999999993</v>
      </c>
      <c r="AF2424">
        <v>4.5388544780268187</v>
      </c>
    </row>
    <row r="2425" spans="6:32" x14ac:dyDescent="0.25">
      <c r="F2425">
        <v>40.200000000000003</v>
      </c>
      <c r="G2425">
        <v>-0.42396459157419181</v>
      </c>
      <c r="AC2425">
        <v>22.983333000000002</v>
      </c>
      <c r="AD2425">
        <v>101.283333</v>
      </c>
      <c r="AE2425">
        <v>8.6308469999999993</v>
      </c>
      <c r="AF2425">
        <v>4.5388544780268187</v>
      </c>
    </row>
    <row r="2426" spans="6:32" x14ac:dyDescent="0.25">
      <c r="F2426">
        <v>40.216667000000001</v>
      </c>
      <c r="G2426">
        <v>-0.42396459157419181</v>
      </c>
      <c r="AC2426">
        <v>23</v>
      </c>
      <c r="AD2426">
        <v>101.3</v>
      </c>
      <c r="AE2426">
        <v>8.6308810000000005</v>
      </c>
      <c r="AF2426">
        <v>4.5392662940458459</v>
      </c>
    </row>
    <row r="2427" spans="6:32" x14ac:dyDescent="0.25">
      <c r="F2427">
        <v>40.233333000000002</v>
      </c>
      <c r="G2427">
        <v>-0.42396459157419181</v>
      </c>
      <c r="AC2427">
        <v>23.016666999999998</v>
      </c>
      <c r="AD2427">
        <v>101.316667</v>
      </c>
      <c r="AE2427">
        <v>8.6308810000000005</v>
      </c>
      <c r="AF2427">
        <v>4.5392662940458459</v>
      </c>
    </row>
    <row r="2428" spans="6:32" x14ac:dyDescent="0.25">
      <c r="F2428">
        <v>40.25</v>
      </c>
      <c r="G2428">
        <v>-0.42437640759321971</v>
      </c>
      <c r="AC2428">
        <v>23.033332999999999</v>
      </c>
      <c r="AD2428">
        <v>101.333333</v>
      </c>
      <c r="AE2428">
        <v>8.6308810000000005</v>
      </c>
      <c r="AF2428">
        <v>4.5392662940458459</v>
      </c>
    </row>
    <row r="2429" spans="6:32" x14ac:dyDescent="0.25">
      <c r="F2429">
        <v>40.266666999999998</v>
      </c>
      <c r="G2429">
        <v>-0.42437640759321971</v>
      </c>
      <c r="AC2429">
        <v>23.049999999999997</v>
      </c>
      <c r="AD2429">
        <v>101.35</v>
      </c>
      <c r="AE2429">
        <v>8.6309140000000006</v>
      </c>
      <c r="AF2429">
        <v>4.539665997829009</v>
      </c>
    </row>
    <row r="2430" spans="6:32" x14ac:dyDescent="0.25">
      <c r="F2430">
        <v>40.283332999999999</v>
      </c>
      <c r="G2430">
        <v>-0.42437640759321971</v>
      </c>
      <c r="AC2430">
        <v>23.06666700000001</v>
      </c>
      <c r="AD2430">
        <v>101.36666700000001</v>
      </c>
      <c r="AE2430">
        <v>8.6309140000000006</v>
      </c>
      <c r="AF2430">
        <v>4.539665997829009</v>
      </c>
    </row>
    <row r="2431" spans="6:32" x14ac:dyDescent="0.25">
      <c r="F2431">
        <v>40.299999999999997</v>
      </c>
      <c r="G2431">
        <v>-0.42437640759321971</v>
      </c>
      <c r="AC2431">
        <v>23.083332999999996</v>
      </c>
      <c r="AD2431">
        <v>101.38333299999999</v>
      </c>
      <c r="AE2431">
        <v>8.6309140000000006</v>
      </c>
      <c r="AF2431">
        <v>4.539665997829009</v>
      </c>
    </row>
    <row r="2432" spans="6:32" x14ac:dyDescent="0.25">
      <c r="F2432">
        <v>40.31666700000001</v>
      </c>
      <c r="G2432">
        <v>-0.42437640759321971</v>
      </c>
      <c r="AC2432">
        <v>23.100000000000009</v>
      </c>
      <c r="AD2432">
        <v>101.4</v>
      </c>
      <c r="AE2432">
        <v>8.6309140000000006</v>
      </c>
      <c r="AF2432">
        <v>4.539665997829009</v>
      </c>
    </row>
    <row r="2433" spans="6:32" x14ac:dyDescent="0.25">
      <c r="F2433">
        <v>40.333332999999996</v>
      </c>
      <c r="G2433">
        <v>-0.42478822361222596</v>
      </c>
      <c r="AC2433">
        <v>23.116667000000007</v>
      </c>
      <c r="AD2433">
        <v>101.416667</v>
      </c>
      <c r="AE2433">
        <v>8.6309140000000006</v>
      </c>
      <c r="AF2433">
        <v>4.539665997829009</v>
      </c>
    </row>
    <row r="2434" spans="6:32" x14ac:dyDescent="0.25">
      <c r="F2434">
        <v>40.350000000000009</v>
      </c>
      <c r="G2434">
        <v>-0.42478822361222596</v>
      </c>
      <c r="AC2434">
        <v>23.133333000000007</v>
      </c>
      <c r="AD2434">
        <v>101.433333</v>
      </c>
      <c r="AE2434">
        <v>8.6309480000000001</v>
      </c>
      <c r="AF2434">
        <v>4.5400778138480149</v>
      </c>
    </row>
    <row r="2435" spans="6:32" x14ac:dyDescent="0.25">
      <c r="F2435">
        <v>40.366667000000007</v>
      </c>
      <c r="G2435">
        <v>-0.42478822361222596</v>
      </c>
      <c r="AC2435">
        <v>23.150000000000006</v>
      </c>
      <c r="AD2435">
        <v>101.45</v>
      </c>
      <c r="AE2435">
        <v>8.6309480000000001</v>
      </c>
      <c r="AF2435">
        <v>4.5400778138480149</v>
      </c>
    </row>
    <row r="2436" spans="6:32" x14ac:dyDescent="0.25">
      <c r="F2436">
        <v>40.383333000000007</v>
      </c>
      <c r="G2436">
        <v>-0.42478822361222596</v>
      </c>
      <c r="AC2436">
        <v>23.166667000000004</v>
      </c>
      <c r="AD2436">
        <v>101.466667</v>
      </c>
      <c r="AE2436">
        <v>8.6309480000000001</v>
      </c>
      <c r="AF2436">
        <v>4.5400778138480149</v>
      </c>
    </row>
    <row r="2437" spans="6:32" x14ac:dyDescent="0.25">
      <c r="F2437">
        <v>40.400000000000006</v>
      </c>
      <c r="G2437">
        <v>-0.42478822361222596</v>
      </c>
      <c r="AC2437">
        <v>23.183333000000005</v>
      </c>
      <c r="AD2437">
        <v>101.483333</v>
      </c>
      <c r="AE2437">
        <v>8.6309819999999995</v>
      </c>
      <c r="AF2437">
        <v>4.5404896298670216</v>
      </c>
    </row>
    <row r="2438" spans="6:32" x14ac:dyDescent="0.25">
      <c r="F2438">
        <v>40.416667000000004</v>
      </c>
      <c r="G2438">
        <v>-0.42478822361222596</v>
      </c>
      <c r="AC2438">
        <v>23.200000000000003</v>
      </c>
      <c r="AD2438">
        <v>101.5</v>
      </c>
      <c r="AE2438">
        <v>8.6309819999999995</v>
      </c>
      <c r="AF2438">
        <v>4.5404896298670216</v>
      </c>
    </row>
    <row r="2439" spans="6:32" x14ac:dyDescent="0.25">
      <c r="F2439">
        <v>40.433333000000005</v>
      </c>
      <c r="G2439">
        <v>-0.42478822361222596</v>
      </c>
      <c r="AC2439">
        <v>23.216667000000001</v>
      </c>
      <c r="AD2439">
        <v>101.516667</v>
      </c>
      <c r="AE2439">
        <v>8.6309819999999995</v>
      </c>
      <c r="AF2439">
        <v>4.5404896298670216</v>
      </c>
    </row>
    <row r="2440" spans="6:32" x14ac:dyDescent="0.25">
      <c r="F2440">
        <v>40.450000000000003</v>
      </c>
      <c r="G2440">
        <v>-0.42518792739538802</v>
      </c>
      <c r="AC2440">
        <v>23.233333000000002</v>
      </c>
      <c r="AD2440">
        <v>101.533333</v>
      </c>
      <c r="AE2440">
        <v>8.6310149999999997</v>
      </c>
      <c r="AF2440">
        <v>4.540889333650183</v>
      </c>
    </row>
    <row r="2441" spans="6:32" x14ac:dyDescent="0.25">
      <c r="F2441">
        <v>40.466667000000001</v>
      </c>
      <c r="G2441">
        <v>-0.42518792739538802</v>
      </c>
      <c r="AC2441">
        <v>23.25</v>
      </c>
      <c r="AD2441">
        <v>101.55</v>
      </c>
      <c r="AE2441">
        <v>8.6310149999999997</v>
      </c>
      <c r="AF2441">
        <v>4.540889333650183</v>
      </c>
    </row>
    <row r="2442" spans="6:32" x14ac:dyDescent="0.25">
      <c r="F2442">
        <v>40.483333000000002</v>
      </c>
      <c r="G2442">
        <v>-0.42478822361222596</v>
      </c>
      <c r="AC2442">
        <v>23.266666999999998</v>
      </c>
      <c r="AD2442">
        <v>101.566667</v>
      </c>
      <c r="AE2442">
        <v>8.6310149999999997</v>
      </c>
      <c r="AF2442">
        <v>4.540889333650183</v>
      </c>
    </row>
    <row r="2443" spans="6:32" x14ac:dyDescent="0.25">
      <c r="F2443">
        <v>40.5</v>
      </c>
      <c r="G2443">
        <v>-0.42478822361222596</v>
      </c>
      <c r="AC2443">
        <v>23.283332999999999</v>
      </c>
      <c r="AD2443">
        <v>101.583333</v>
      </c>
      <c r="AE2443">
        <v>8.6310149999999997</v>
      </c>
      <c r="AF2443">
        <v>4.540889333650183</v>
      </c>
    </row>
    <row r="2444" spans="6:32" x14ac:dyDescent="0.25">
      <c r="F2444">
        <v>40.516666999999998</v>
      </c>
      <c r="G2444">
        <v>-0.42478822361222596</v>
      </c>
      <c r="AC2444">
        <v>23.299999999999997</v>
      </c>
      <c r="AD2444">
        <v>101.6</v>
      </c>
      <c r="AE2444">
        <v>8.6310490000000009</v>
      </c>
      <c r="AF2444">
        <v>4.5413011496692111</v>
      </c>
    </row>
    <row r="2445" spans="6:32" x14ac:dyDescent="0.25">
      <c r="F2445">
        <v>40.533332999999999</v>
      </c>
      <c r="G2445">
        <v>-0.42478822361222596</v>
      </c>
      <c r="AC2445">
        <v>23.31666700000001</v>
      </c>
      <c r="AD2445">
        <v>101.61666700000001</v>
      </c>
      <c r="AE2445">
        <v>8.6310490000000009</v>
      </c>
      <c r="AF2445">
        <v>4.5413011496692111</v>
      </c>
    </row>
    <row r="2446" spans="6:32" x14ac:dyDescent="0.25">
      <c r="F2446">
        <v>40.549999999999997</v>
      </c>
      <c r="G2446">
        <v>-0.42478822361222596</v>
      </c>
      <c r="AC2446">
        <v>23.333332999999996</v>
      </c>
      <c r="AD2446">
        <v>101.63333299999999</v>
      </c>
      <c r="AE2446">
        <v>8.6310830000000003</v>
      </c>
      <c r="AF2446">
        <v>4.5417129656882178</v>
      </c>
    </row>
    <row r="2447" spans="6:32" x14ac:dyDescent="0.25">
      <c r="F2447">
        <v>40.56666700000001</v>
      </c>
      <c r="G2447">
        <v>-0.42478822361222596</v>
      </c>
      <c r="AC2447">
        <v>23.350000000000009</v>
      </c>
      <c r="AD2447">
        <v>101.65</v>
      </c>
      <c r="AE2447">
        <v>8.6310830000000003</v>
      </c>
      <c r="AF2447">
        <v>4.5417129656882178</v>
      </c>
    </row>
    <row r="2448" spans="6:32" x14ac:dyDescent="0.25">
      <c r="F2448">
        <v>40.583332999999996</v>
      </c>
      <c r="G2448">
        <v>-0.42518792739538802</v>
      </c>
      <c r="AC2448">
        <v>23.366667000000007</v>
      </c>
      <c r="AD2448">
        <v>101.666667</v>
      </c>
      <c r="AE2448">
        <v>8.6310830000000003</v>
      </c>
      <c r="AF2448">
        <v>4.5417129656882178</v>
      </c>
    </row>
    <row r="2449" spans="6:32" x14ac:dyDescent="0.25">
      <c r="F2449">
        <v>40.600000000000009</v>
      </c>
      <c r="G2449">
        <v>-0.42518792739538802</v>
      </c>
      <c r="AC2449">
        <v>23.383333000000007</v>
      </c>
      <c r="AD2449">
        <v>101.683333</v>
      </c>
      <c r="AE2449">
        <v>8.6311160000000005</v>
      </c>
      <c r="AF2449">
        <v>4.5421126694713791</v>
      </c>
    </row>
    <row r="2450" spans="6:32" x14ac:dyDescent="0.25">
      <c r="F2450">
        <v>40.616667000000007</v>
      </c>
      <c r="G2450">
        <v>-0.42518792739538802</v>
      </c>
      <c r="AC2450">
        <v>23.400000000000006</v>
      </c>
      <c r="AD2450">
        <v>101.7</v>
      </c>
      <c r="AE2450">
        <v>8.6311160000000005</v>
      </c>
      <c r="AF2450">
        <v>4.5421126694713791</v>
      </c>
    </row>
    <row r="2451" spans="6:32" x14ac:dyDescent="0.25">
      <c r="F2451">
        <v>40.633333000000007</v>
      </c>
      <c r="G2451">
        <v>-0.42518792739538802</v>
      </c>
      <c r="AC2451">
        <v>23.416667000000004</v>
      </c>
      <c r="AD2451">
        <v>101.716667</v>
      </c>
      <c r="AE2451">
        <v>8.6311499999999999</v>
      </c>
      <c r="AF2451">
        <v>4.5425244854903859</v>
      </c>
    </row>
    <row r="2452" spans="6:32" x14ac:dyDescent="0.25">
      <c r="F2452">
        <v>40.650000000000006</v>
      </c>
      <c r="G2452">
        <v>-0.42559974341439438</v>
      </c>
      <c r="AC2452">
        <v>23.433333000000005</v>
      </c>
      <c r="AD2452">
        <v>101.733333</v>
      </c>
      <c r="AE2452">
        <v>8.6311499999999999</v>
      </c>
      <c r="AF2452">
        <v>4.5425244854903859</v>
      </c>
    </row>
    <row r="2453" spans="6:32" x14ac:dyDescent="0.25">
      <c r="F2453">
        <v>40.666667000000004</v>
      </c>
      <c r="G2453">
        <v>-0.42559974341439438</v>
      </c>
      <c r="AC2453">
        <v>23.450000000000003</v>
      </c>
      <c r="AD2453">
        <v>101.75</v>
      </c>
      <c r="AE2453">
        <v>8.6311499999999999</v>
      </c>
      <c r="AF2453">
        <v>4.5425244854903859</v>
      </c>
    </row>
    <row r="2454" spans="6:32" x14ac:dyDescent="0.25">
      <c r="F2454">
        <v>40.683333000000005</v>
      </c>
      <c r="G2454">
        <v>-0.42559974341439438</v>
      </c>
      <c r="AC2454">
        <v>23.466667000000001</v>
      </c>
      <c r="AD2454">
        <v>101.766667</v>
      </c>
      <c r="AE2454">
        <v>8.6311839999999993</v>
      </c>
      <c r="AF2454">
        <v>4.5429363015093918</v>
      </c>
    </row>
    <row r="2455" spans="6:32" x14ac:dyDescent="0.25">
      <c r="F2455">
        <v>40.700000000000003</v>
      </c>
      <c r="G2455">
        <v>-0.42559974341439438</v>
      </c>
      <c r="AC2455">
        <v>23.483333000000002</v>
      </c>
      <c r="AD2455">
        <v>101.783333</v>
      </c>
      <c r="AE2455">
        <v>8.6311839999999993</v>
      </c>
      <c r="AF2455">
        <v>4.5429363015093918</v>
      </c>
    </row>
    <row r="2456" spans="6:32" x14ac:dyDescent="0.25">
      <c r="F2456">
        <v>40.716667000000001</v>
      </c>
      <c r="G2456">
        <v>-0.42599944719755639</v>
      </c>
      <c r="AC2456">
        <v>23.5</v>
      </c>
      <c r="AD2456">
        <v>101.8</v>
      </c>
      <c r="AE2456">
        <v>8.6312169999999995</v>
      </c>
      <c r="AF2456">
        <v>4.543336005292554</v>
      </c>
    </row>
    <row r="2457" spans="6:32" x14ac:dyDescent="0.25">
      <c r="F2457">
        <v>40.733333000000002</v>
      </c>
      <c r="G2457">
        <v>-0.42599944719755639</v>
      </c>
      <c r="AC2457">
        <v>23.516666999999998</v>
      </c>
      <c r="AD2457">
        <v>101.816667</v>
      </c>
      <c r="AE2457">
        <v>8.6312169999999995</v>
      </c>
      <c r="AF2457">
        <v>4.543336005292554</v>
      </c>
    </row>
    <row r="2458" spans="6:32" x14ac:dyDescent="0.25">
      <c r="F2458">
        <v>40.75</v>
      </c>
      <c r="G2458">
        <v>-0.42641126321656275</v>
      </c>
      <c r="AC2458">
        <v>23.533332999999999</v>
      </c>
      <c r="AD2458">
        <v>101.833333</v>
      </c>
      <c r="AE2458">
        <v>8.6312510000000007</v>
      </c>
      <c r="AF2458">
        <v>4.5437478213115821</v>
      </c>
    </row>
    <row r="2459" spans="6:32" x14ac:dyDescent="0.25">
      <c r="F2459">
        <v>40.766666999999998</v>
      </c>
      <c r="G2459">
        <v>-0.42641126321656275</v>
      </c>
      <c r="AC2459">
        <v>23.549999999999997</v>
      </c>
      <c r="AD2459">
        <v>101.85</v>
      </c>
      <c r="AE2459">
        <v>8.6312510000000007</v>
      </c>
      <c r="AF2459">
        <v>4.5437478213115821</v>
      </c>
    </row>
    <row r="2460" spans="6:32" x14ac:dyDescent="0.25">
      <c r="F2460">
        <v>40.783332999999999</v>
      </c>
      <c r="G2460">
        <v>-0.42641126321656275</v>
      </c>
      <c r="AC2460">
        <v>23.56666700000001</v>
      </c>
      <c r="AD2460">
        <v>101.86666700000001</v>
      </c>
      <c r="AE2460">
        <v>8.6312850000000001</v>
      </c>
      <c r="AF2460">
        <v>4.5441596373305879</v>
      </c>
    </row>
    <row r="2461" spans="6:32" x14ac:dyDescent="0.25">
      <c r="F2461">
        <v>40.799999999999997</v>
      </c>
      <c r="G2461">
        <v>-0.42682307923559054</v>
      </c>
      <c r="AC2461">
        <v>23.583332999999996</v>
      </c>
      <c r="AD2461">
        <v>101.88333299999999</v>
      </c>
      <c r="AE2461">
        <v>8.6312850000000001</v>
      </c>
      <c r="AF2461">
        <v>4.5441596373305879</v>
      </c>
    </row>
    <row r="2462" spans="6:32" x14ac:dyDescent="0.25">
      <c r="F2462">
        <v>40.81666700000001</v>
      </c>
      <c r="G2462">
        <v>-0.42682307923559054</v>
      </c>
      <c r="AC2462">
        <v>23.600000000000009</v>
      </c>
      <c r="AD2462">
        <v>101.9</v>
      </c>
      <c r="AE2462">
        <v>8.6312850000000001</v>
      </c>
      <c r="AF2462">
        <v>4.5441596373305879</v>
      </c>
    </row>
    <row r="2463" spans="6:32" x14ac:dyDescent="0.25">
      <c r="F2463">
        <v>40.833332999999996</v>
      </c>
      <c r="G2463">
        <v>-0.42722278301875261</v>
      </c>
      <c r="AC2463">
        <v>23.616667000000007</v>
      </c>
      <c r="AD2463">
        <v>101.916667</v>
      </c>
      <c r="AE2463">
        <v>8.6313180000000003</v>
      </c>
      <c r="AF2463">
        <v>4.5445593411137502</v>
      </c>
    </row>
    <row r="2464" spans="6:32" x14ac:dyDescent="0.25">
      <c r="F2464">
        <v>40.850000000000009</v>
      </c>
      <c r="G2464">
        <v>-0.42722278301875261</v>
      </c>
      <c r="AC2464">
        <v>23.633333000000007</v>
      </c>
      <c r="AD2464">
        <v>101.933333</v>
      </c>
      <c r="AE2464">
        <v>8.6313180000000003</v>
      </c>
      <c r="AF2464">
        <v>4.5445593411137502</v>
      </c>
    </row>
    <row r="2465" spans="6:32" x14ac:dyDescent="0.25">
      <c r="F2465">
        <v>40.866667000000007</v>
      </c>
      <c r="G2465">
        <v>-0.42722278301875261</v>
      </c>
      <c r="AC2465">
        <v>23.650000000000006</v>
      </c>
      <c r="AD2465">
        <v>101.95</v>
      </c>
      <c r="AE2465">
        <v>8.6313519999999997</v>
      </c>
      <c r="AF2465">
        <v>4.5449711571327569</v>
      </c>
    </row>
    <row r="2466" spans="6:32" x14ac:dyDescent="0.25">
      <c r="F2466">
        <v>40.883333000000007</v>
      </c>
      <c r="G2466">
        <v>-0.42763459903775891</v>
      </c>
      <c r="AC2466">
        <v>23.666667000000004</v>
      </c>
      <c r="AD2466">
        <v>101.966667</v>
      </c>
      <c r="AE2466">
        <v>8.6313519999999997</v>
      </c>
      <c r="AF2466">
        <v>4.5449711571327569</v>
      </c>
    </row>
    <row r="2467" spans="6:32" x14ac:dyDescent="0.25">
      <c r="F2467">
        <v>40.900000000000006</v>
      </c>
      <c r="G2467">
        <v>-0.42763459903775891</v>
      </c>
      <c r="AC2467">
        <v>23.683333000000005</v>
      </c>
      <c r="AD2467">
        <v>101.983333</v>
      </c>
      <c r="AE2467">
        <v>8.6313859999999991</v>
      </c>
      <c r="AF2467">
        <v>4.5453829731517628</v>
      </c>
    </row>
    <row r="2468" spans="6:32" x14ac:dyDescent="0.25">
      <c r="F2468">
        <v>40.916667000000004</v>
      </c>
      <c r="G2468">
        <v>-0.42804641505676522</v>
      </c>
      <c r="AC2468">
        <v>23.700000000000003</v>
      </c>
      <c r="AD2468">
        <v>102</v>
      </c>
      <c r="AE2468">
        <v>8.6314189999999993</v>
      </c>
      <c r="AF2468">
        <v>4.545782676934925</v>
      </c>
    </row>
    <row r="2469" spans="6:32" x14ac:dyDescent="0.25">
      <c r="F2469">
        <v>40.933333000000005</v>
      </c>
      <c r="G2469">
        <v>-0.42844611883992734</v>
      </c>
      <c r="AC2469">
        <v>23.716667000000001</v>
      </c>
      <c r="AD2469">
        <v>102.016667</v>
      </c>
      <c r="AE2469">
        <v>8.6314189999999993</v>
      </c>
      <c r="AF2469">
        <v>4.545782676934925</v>
      </c>
    </row>
    <row r="2470" spans="6:32" x14ac:dyDescent="0.25">
      <c r="F2470">
        <v>40.950000000000003</v>
      </c>
      <c r="G2470">
        <v>-0.42844611883992734</v>
      </c>
      <c r="AC2470">
        <v>23.733333000000002</v>
      </c>
      <c r="AD2470">
        <v>102.033333</v>
      </c>
      <c r="AE2470">
        <v>8.6314530000000005</v>
      </c>
      <c r="AF2470">
        <v>4.5461944929539522</v>
      </c>
    </row>
    <row r="2471" spans="6:32" x14ac:dyDescent="0.25">
      <c r="F2471">
        <v>40.966667000000001</v>
      </c>
      <c r="G2471">
        <v>-0.42885793485893359</v>
      </c>
      <c r="AC2471">
        <v>23.75</v>
      </c>
      <c r="AD2471">
        <v>102.05</v>
      </c>
      <c r="AE2471">
        <v>8.6314530000000005</v>
      </c>
      <c r="AF2471">
        <v>4.5461944929539522</v>
      </c>
    </row>
    <row r="2472" spans="6:32" x14ac:dyDescent="0.25">
      <c r="F2472">
        <v>40.983333000000002</v>
      </c>
      <c r="G2472">
        <v>-0.42885793485893359</v>
      </c>
      <c r="AC2472">
        <v>23.766666999999998</v>
      </c>
      <c r="AD2472">
        <v>102.066667</v>
      </c>
      <c r="AE2472">
        <v>8.6314530000000005</v>
      </c>
      <c r="AF2472">
        <v>4.5461944929539522</v>
      </c>
    </row>
    <row r="2473" spans="6:32" x14ac:dyDescent="0.25">
      <c r="F2473">
        <v>41</v>
      </c>
      <c r="G2473">
        <v>-0.42885793485893359</v>
      </c>
      <c r="AC2473">
        <v>23.783332999999999</v>
      </c>
      <c r="AD2473">
        <v>102.083333</v>
      </c>
      <c r="AE2473">
        <v>8.6314860000000007</v>
      </c>
      <c r="AF2473">
        <v>4.5465941967371144</v>
      </c>
    </row>
    <row r="2474" spans="6:32" x14ac:dyDescent="0.25">
      <c r="F2474">
        <v>41.016666999999998</v>
      </c>
      <c r="G2474">
        <v>-0.42885793485893359</v>
      </c>
      <c r="AC2474">
        <v>23.799999999999997</v>
      </c>
      <c r="AD2474">
        <v>102.1</v>
      </c>
      <c r="AE2474">
        <v>8.6314860000000007</v>
      </c>
      <c r="AF2474">
        <v>4.5465941967371144</v>
      </c>
    </row>
    <row r="2475" spans="6:32" x14ac:dyDescent="0.25">
      <c r="F2475">
        <v>41.033332999999999</v>
      </c>
      <c r="G2475">
        <v>-0.42926975087796149</v>
      </c>
      <c r="AC2475">
        <v>23.81666700000001</v>
      </c>
      <c r="AD2475">
        <v>102.11666700000001</v>
      </c>
      <c r="AE2475">
        <v>8.6315200000000001</v>
      </c>
      <c r="AF2475">
        <v>4.5470060127561212</v>
      </c>
    </row>
    <row r="2476" spans="6:32" x14ac:dyDescent="0.25">
      <c r="F2476">
        <v>41.05</v>
      </c>
      <c r="G2476">
        <v>-0.42926975087796149</v>
      </c>
      <c r="AC2476">
        <v>23.833332999999996</v>
      </c>
      <c r="AD2476">
        <v>102.13333299999999</v>
      </c>
      <c r="AE2476">
        <v>8.6315200000000001</v>
      </c>
      <c r="AF2476">
        <v>4.5470060127561212</v>
      </c>
    </row>
    <row r="2477" spans="6:32" x14ac:dyDescent="0.25">
      <c r="F2477">
        <v>41.06666700000001</v>
      </c>
      <c r="G2477">
        <v>-0.42926975087796149</v>
      </c>
      <c r="AC2477">
        <v>23.850000000000009</v>
      </c>
      <c r="AD2477">
        <v>102.15</v>
      </c>
      <c r="AE2477">
        <v>8.6315200000000001</v>
      </c>
      <c r="AF2477">
        <v>4.5470060127561212</v>
      </c>
    </row>
    <row r="2478" spans="6:32" x14ac:dyDescent="0.25">
      <c r="F2478">
        <v>41.083332999999996</v>
      </c>
      <c r="G2478">
        <v>-0.42926975087796149</v>
      </c>
      <c r="AC2478">
        <v>23.866667000000007</v>
      </c>
      <c r="AD2478">
        <v>102.166667</v>
      </c>
      <c r="AE2478">
        <v>8.6315539999999995</v>
      </c>
      <c r="AF2478">
        <v>4.547417828775127</v>
      </c>
    </row>
    <row r="2479" spans="6:32" x14ac:dyDescent="0.25">
      <c r="F2479">
        <v>41.100000000000009</v>
      </c>
      <c r="G2479">
        <v>-0.42926975087796149</v>
      </c>
      <c r="AC2479">
        <v>23.883333000000007</v>
      </c>
      <c r="AD2479">
        <v>102.183333</v>
      </c>
      <c r="AE2479">
        <v>8.6315539999999995</v>
      </c>
      <c r="AF2479">
        <v>4.547417828775127</v>
      </c>
    </row>
    <row r="2480" spans="6:32" x14ac:dyDescent="0.25">
      <c r="F2480">
        <v>41.116667000000007</v>
      </c>
      <c r="G2480">
        <v>-0.4296694546611235</v>
      </c>
      <c r="AC2480">
        <v>23.900000000000006</v>
      </c>
      <c r="AD2480">
        <v>102.2</v>
      </c>
      <c r="AE2480">
        <v>8.6315869999999997</v>
      </c>
      <c r="AF2480">
        <v>4.5478175325582892</v>
      </c>
    </row>
    <row r="2481" spans="6:32" x14ac:dyDescent="0.25">
      <c r="F2481">
        <v>41.133333000000007</v>
      </c>
      <c r="G2481">
        <v>-0.4296694546611235</v>
      </c>
      <c r="AC2481">
        <v>23.916667000000004</v>
      </c>
      <c r="AD2481">
        <v>102.216667</v>
      </c>
      <c r="AE2481">
        <v>8.6315869999999997</v>
      </c>
      <c r="AF2481">
        <v>4.5478175325582892</v>
      </c>
    </row>
    <row r="2482" spans="6:32" x14ac:dyDescent="0.25">
      <c r="F2482">
        <v>41.150000000000006</v>
      </c>
      <c r="G2482">
        <v>-0.4296694546611235</v>
      </c>
      <c r="AC2482">
        <v>23.933333000000005</v>
      </c>
      <c r="AD2482">
        <v>102.233333</v>
      </c>
      <c r="AE2482">
        <v>8.6315869999999997</v>
      </c>
      <c r="AF2482">
        <v>4.5478175325582892</v>
      </c>
    </row>
    <row r="2483" spans="6:32" x14ac:dyDescent="0.25">
      <c r="F2483">
        <v>41.166667000000004</v>
      </c>
      <c r="G2483">
        <v>-0.4296694546611235</v>
      </c>
      <c r="AC2483">
        <v>23.950000000000003</v>
      </c>
      <c r="AD2483">
        <v>102.25</v>
      </c>
      <c r="AE2483">
        <v>8.6316210000000009</v>
      </c>
      <c r="AF2483">
        <v>4.5482293485773173</v>
      </c>
    </row>
    <row r="2484" spans="6:32" x14ac:dyDescent="0.25">
      <c r="F2484">
        <v>41.183333000000005</v>
      </c>
      <c r="G2484">
        <v>-0.4296694546611235</v>
      </c>
      <c r="AC2484">
        <v>23.966667000000001</v>
      </c>
      <c r="AD2484">
        <v>102.266667</v>
      </c>
      <c r="AE2484">
        <v>8.6316210000000009</v>
      </c>
      <c r="AF2484">
        <v>4.5482293485773173</v>
      </c>
    </row>
    <row r="2485" spans="6:32" x14ac:dyDescent="0.25">
      <c r="F2485">
        <v>41.2</v>
      </c>
      <c r="G2485">
        <v>-0.4300812706801298</v>
      </c>
      <c r="AC2485">
        <v>23.983333000000002</v>
      </c>
      <c r="AD2485">
        <v>102.283333</v>
      </c>
      <c r="AE2485">
        <v>8.6316210000000009</v>
      </c>
      <c r="AF2485">
        <v>4.5482293485773173</v>
      </c>
    </row>
    <row r="2486" spans="6:32" x14ac:dyDescent="0.25">
      <c r="F2486">
        <v>41.216667000000001</v>
      </c>
      <c r="G2486">
        <v>-0.4300812706801298</v>
      </c>
      <c r="AC2486">
        <v>24</v>
      </c>
      <c r="AD2486">
        <v>102.3</v>
      </c>
      <c r="AE2486">
        <v>8.6316550000000003</v>
      </c>
      <c r="AF2486">
        <v>4.5486411645963241</v>
      </c>
    </row>
    <row r="2487" spans="6:32" x14ac:dyDescent="0.25">
      <c r="F2487">
        <v>41.233333000000002</v>
      </c>
      <c r="G2487">
        <v>-0.4300812706801298</v>
      </c>
      <c r="AC2487">
        <v>24.016666999999998</v>
      </c>
      <c r="AD2487">
        <v>102.316667</v>
      </c>
      <c r="AE2487">
        <v>8.6316550000000003</v>
      </c>
      <c r="AF2487">
        <v>4.5486411645963241</v>
      </c>
    </row>
    <row r="2488" spans="6:32" x14ac:dyDescent="0.25">
      <c r="F2488">
        <v>41.25</v>
      </c>
      <c r="G2488">
        <v>-0.4300812706801298</v>
      </c>
      <c r="AC2488">
        <v>24.033332999999999</v>
      </c>
      <c r="AD2488">
        <v>102.333333</v>
      </c>
      <c r="AE2488">
        <v>8.6316880000000005</v>
      </c>
      <c r="AF2488">
        <v>4.5490408683794854</v>
      </c>
    </row>
    <row r="2489" spans="6:32" x14ac:dyDescent="0.25">
      <c r="F2489">
        <v>41.266666999999998</v>
      </c>
      <c r="G2489">
        <v>-0.4300812706801298</v>
      </c>
      <c r="AC2489">
        <v>24.049999999999997</v>
      </c>
      <c r="AD2489">
        <v>102.35</v>
      </c>
      <c r="AE2489">
        <v>8.6316880000000005</v>
      </c>
      <c r="AF2489">
        <v>4.5490408683794854</v>
      </c>
    </row>
    <row r="2490" spans="6:32" x14ac:dyDescent="0.25">
      <c r="F2490">
        <v>41.283332999999999</v>
      </c>
      <c r="G2490">
        <v>-0.4300812706801298</v>
      </c>
      <c r="AC2490">
        <v>24.06666700000001</v>
      </c>
      <c r="AD2490">
        <v>102.36666700000001</v>
      </c>
      <c r="AE2490">
        <v>8.6316880000000005</v>
      </c>
      <c r="AF2490">
        <v>4.5490408683794854</v>
      </c>
    </row>
    <row r="2491" spans="6:32" x14ac:dyDescent="0.25">
      <c r="F2491">
        <v>41.3</v>
      </c>
      <c r="G2491">
        <v>-0.4300812706801298</v>
      </c>
      <c r="AC2491">
        <v>24.083332999999996</v>
      </c>
      <c r="AD2491">
        <v>102.38333299999999</v>
      </c>
      <c r="AE2491">
        <v>8.6316880000000005</v>
      </c>
      <c r="AF2491">
        <v>4.5490408683794854</v>
      </c>
    </row>
    <row r="2492" spans="6:32" x14ac:dyDescent="0.25">
      <c r="F2492">
        <v>41.31666700000001</v>
      </c>
      <c r="G2492">
        <v>-0.4300812706801298</v>
      </c>
      <c r="AC2492">
        <v>24.100000000000009</v>
      </c>
      <c r="AD2492">
        <v>102.4</v>
      </c>
      <c r="AE2492">
        <v>8.6317219999999999</v>
      </c>
      <c r="AF2492">
        <v>4.5494526843984922</v>
      </c>
    </row>
    <row r="2493" spans="6:32" x14ac:dyDescent="0.25">
      <c r="F2493">
        <v>41.333332999999996</v>
      </c>
      <c r="G2493">
        <v>-0.4300812706801298</v>
      </c>
      <c r="AC2493">
        <v>24.116667000000007</v>
      </c>
      <c r="AD2493">
        <v>102.416667</v>
      </c>
      <c r="AE2493">
        <v>8.6317219999999999</v>
      </c>
      <c r="AF2493">
        <v>4.5494526843984922</v>
      </c>
    </row>
    <row r="2494" spans="6:32" x14ac:dyDescent="0.25">
      <c r="F2494">
        <v>41.350000000000009</v>
      </c>
      <c r="G2494">
        <v>-0.4300812706801298</v>
      </c>
      <c r="AC2494">
        <v>24.133333000000007</v>
      </c>
      <c r="AD2494">
        <v>102.433333</v>
      </c>
      <c r="AE2494">
        <v>8.6317219999999999</v>
      </c>
      <c r="AF2494">
        <v>4.5494526843984922</v>
      </c>
    </row>
    <row r="2495" spans="6:32" x14ac:dyDescent="0.25">
      <c r="F2495">
        <v>41.366667000000007</v>
      </c>
      <c r="G2495">
        <v>-0.4300812706801298</v>
      </c>
      <c r="AC2495">
        <v>24.150000000000006</v>
      </c>
      <c r="AD2495">
        <v>102.45</v>
      </c>
      <c r="AE2495">
        <v>8.6317219999999999</v>
      </c>
      <c r="AF2495">
        <v>4.5494526843984922</v>
      </c>
    </row>
    <row r="2496" spans="6:32" x14ac:dyDescent="0.25">
      <c r="F2496">
        <v>41.383333000000007</v>
      </c>
      <c r="G2496">
        <v>-0.43049308669913616</v>
      </c>
      <c r="AC2496">
        <v>24.166667000000004</v>
      </c>
      <c r="AD2496">
        <v>102.466667</v>
      </c>
      <c r="AE2496">
        <v>8.6317219999999999</v>
      </c>
      <c r="AF2496">
        <v>4.5494526843984922</v>
      </c>
    </row>
    <row r="2497" spans="6:32" x14ac:dyDescent="0.25">
      <c r="F2497">
        <v>41.400000000000006</v>
      </c>
      <c r="G2497">
        <v>-0.43049308669913616</v>
      </c>
      <c r="AC2497">
        <v>24.183333000000005</v>
      </c>
      <c r="AD2497">
        <v>102.483333</v>
      </c>
      <c r="AE2497">
        <v>8.6317559999999993</v>
      </c>
      <c r="AF2497">
        <v>4.549864500417498</v>
      </c>
    </row>
    <row r="2498" spans="6:32" x14ac:dyDescent="0.25">
      <c r="F2498">
        <v>41.416667000000004</v>
      </c>
      <c r="G2498">
        <v>-0.43049308669913616</v>
      </c>
      <c r="AC2498">
        <v>24.200000000000003</v>
      </c>
      <c r="AD2498">
        <v>102.5</v>
      </c>
      <c r="AE2498">
        <v>8.6317559999999993</v>
      </c>
      <c r="AF2498">
        <v>4.549864500417498</v>
      </c>
    </row>
    <row r="2499" spans="6:32" x14ac:dyDescent="0.25">
      <c r="F2499">
        <v>41.433333000000005</v>
      </c>
      <c r="G2499">
        <v>-0.43049308669913616</v>
      </c>
      <c r="AC2499">
        <v>24.216667000000001</v>
      </c>
      <c r="AD2499">
        <v>102.516667</v>
      </c>
      <c r="AE2499">
        <v>8.6317559999999993</v>
      </c>
      <c r="AF2499">
        <v>4.549864500417498</v>
      </c>
    </row>
    <row r="2500" spans="6:32" x14ac:dyDescent="0.25">
      <c r="F2500">
        <v>41.45</v>
      </c>
      <c r="G2500">
        <v>-0.43089279048229817</v>
      </c>
      <c r="AC2500">
        <v>24.233333000000002</v>
      </c>
      <c r="AD2500">
        <v>102.533333</v>
      </c>
      <c r="AE2500">
        <v>8.6317889999999995</v>
      </c>
      <c r="AF2500">
        <v>4.5502642042006602</v>
      </c>
    </row>
    <row r="2501" spans="6:32" x14ac:dyDescent="0.25">
      <c r="F2501">
        <v>41.466667000000001</v>
      </c>
      <c r="G2501">
        <v>-0.43089279048229817</v>
      </c>
      <c r="AC2501">
        <v>24.25</v>
      </c>
      <c r="AD2501">
        <v>102.55</v>
      </c>
      <c r="AE2501">
        <v>8.6317889999999995</v>
      </c>
      <c r="AF2501">
        <v>4.5502642042006602</v>
      </c>
    </row>
    <row r="2502" spans="6:32" x14ac:dyDescent="0.25">
      <c r="F2502">
        <v>41.483333000000002</v>
      </c>
      <c r="G2502">
        <v>-0.43130460650132607</v>
      </c>
      <c r="AC2502">
        <v>24.266666999999998</v>
      </c>
      <c r="AD2502">
        <v>102.566667</v>
      </c>
      <c r="AE2502">
        <v>8.6317889999999995</v>
      </c>
      <c r="AF2502">
        <v>4.5502642042006602</v>
      </c>
    </row>
    <row r="2503" spans="6:32" x14ac:dyDescent="0.25">
      <c r="F2503">
        <v>41.5</v>
      </c>
      <c r="G2503">
        <v>-0.43130460650132607</v>
      </c>
      <c r="AC2503">
        <v>24.283332999999999</v>
      </c>
      <c r="AD2503">
        <v>102.583333</v>
      </c>
      <c r="AE2503">
        <v>8.6318230000000007</v>
      </c>
      <c r="AF2503">
        <v>4.5506760202196883</v>
      </c>
    </row>
    <row r="2504" spans="6:32" x14ac:dyDescent="0.25">
      <c r="F2504">
        <v>41.516666999999998</v>
      </c>
      <c r="G2504">
        <v>-0.43130460650132607</v>
      </c>
      <c r="AC2504">
        <v>24.299999999999997</v>
      </c>
      <c r="AD2504">
        <v>102.6</v>
      </c>
      <c r="AE2504">
        <v>8.6318230000000007</v>
      </c>
      <c r="AF2504">
        <v>4.5506760202196883</v>
      </c>
    </row>
    <row r="2505" spans="6:32" x14ac:dyDescent="0.25">
      <c r="F2505">
        <v>41.533332999999999</v>
      </c>
      <c r="G2505">
        <v>-0.43130460650132607</v>
      </c>
      <c r="AC2505">
        <v>24.31666700000001</v>
      </c>
      <c r="AD2505">
        <v>102.61666700000001</v>
      </c>
      <c r="AE2505">
        <v>8.6318230000000007</v>
      </c>
      <c r="AF2505">
        <v>4.5506760202196883</v>
      </c>
    </row>
    <row r="2506" spans="6:32" x14ac:dyDescent="0.25">
      <c r="F2506">
        <v>41.55</v>
      </c>
      <c r="G2506">
        <v>-0.43171642252033238</v>
      </c>
      <c r="AC2506">
        <v>24.333332999999996</v>
      </c>
      <c r="AD2506">
        <v>102.63333299999999</v>
      </c>
      <c r="AE2506">
        <v>8.6318570000000001</v>
      </c>
      <c r="AF2506">
        <v>4.5510878362386942</v>
      </c>
    </row>
    <row r="2507" spans="6:32" x14ac:dyDescent="0.25">
      <c r="F2507">
        <v>41.56666700000001</v>
      </c>
      <c r="G2507">
        <v>-0.43171642252033238</v>
      </c>
      <c r="AC2507">
        <v>24.350000000000009</v>
      </c>
      <c r="AD2507">
        <v>102.65</v>
      </c>
      <c r="AE2507">
        <v>8.6318570000000001</v>
      </c>
      <c r="AF2507">
        <v>4.5510878362386942</v>
      </c>
    </row>
    <row r="2508" spans="6:32" x14ac:dyDescent="0.25">
      <c r="F2508">
        <v>41.583332999999996</v>
      </c>
      <c r="G2508">
        <v>-0.43171642252033238</v>
      </c>
      <c r="AC2508">
        <v>24.366667000000007</v>
      </c>
      <c r="AD2508">
        <v>102.666667</v>
      </c>
      <c r="AE2508">
        <v>8.6318570000000001</v>
      </c>
      <c r="AF2508">
        <v>4.5510878362386942</v>
      </c>
    </row>
    <row r="2509" spans="6:32" x14ac:dyDescent="0.25">
      <c r="F2509">
        <v>41.600000000000009</v>
      </c>
      <c r="G2509">
        <v>-0.43171642252033238</v>
      </c>
      <c r="AC2509">
        <v>24.383333000000007</v>
      </c>
      <c r="AD2509">
        <v>102.683333</v>
      </c>
      <c r="AE2509">
        <v>8.6318900000000003</v>
      </c>
      <c r="AF2509">
        <v>4.5514875400218564</v>
      </c>
    </row>
    <row r="2510" spans="6:32" x14ac:dyDescent="0.25">
      <c r="F2510">
        <v>41.616667000000007</v>
      </c>
      <c r="G2510">
        <v>-0.43171642252033238</v>
      </c>
      <c r="AC2510">
        <v>24.400000000000006</v>
      </c>
      <c r="AD2510">
        <v>102.7</v>
      </c>
      <c r="AE2510">
        <v>8.6318900000000003</v>
      </c>
      <c r="AF2510">
        <v>4.5514875400218564</v>
      </c>
    </row>
    <row r="2511" spans="6:32" x14ac:dyDescent="0.25">
      <c r="F2511">
        <v>41.633333000000007</v>
      </c>
      <c r="G2511">
        <v>-0.43211612630349439</v>
      </c>
      <c r="AC2511">
        <v>24.416667000000004</v>
      </c>
      <c r="AD2511">
        <v>102.716667</v>
      </c>
      <c r="AE2511">
        <v>8.6319239999999997</v>
      </c>
      <c r="AF2511">
        <v>4.5518993560408632</v>
      </c>
    </row>
    <row r="2512" spans="6:32" x14ac:dyDescent="0.25">
      <c r="F2512">
        <v>41.650000000000006</v>
      </c>
      <c r="G2512">
        <v>-0.43211612630349439</v>
      </c>
      <c r="AC2512">
        <v>24.433333000000005</v>
      </c>
      <c r="AD2512">
        <v>102.733333</v>
      </c>
      <c r="AE2512">
        <v>8.6319239999999997</v>
      </c>
      <c r="AF2512">
        <v>4.5518993560408632</v>
      </c>
    </row>
    <row r="2513" spans="6:32" x14ac:dyDescent="0.25">
      <c r="F2513">
        <v>41.666667000000004</v>
      </c>
      <c r="G2513">
        <v>-0.43211612630349439</v>
      </c>
      <c r="AC2513">
        <v>24.450000000000003</v>
      </c>
      <c r="AD2513">
        <v>102.75</v>
      </c>
      <c r="AE2513">
        <v>8.6319239999999997</v>
      </c>
      <c r="AF2513">
        <v>4.5518993560408632</v>
      </c>
    </row>
    <row r="2514" spans="6:32" x14ac:dyDescent="0.25">
      <c r="F2514">
        <v>41.683333000000005</v>
      </c>
      <c r="G2514">
        <v>-0.43252794232250075</v>
      </c>
      <c r="AC2514">
        <v>24.466667000000001</v>
      </c>
      <c r="AD2514">
        <v>102.766667</v>
      </c>
      <c r="AE2514">
        <v>8.6319579999999991</v>
      </c>
      <c r="AF2514">
        <v>4.552311172059869</v>
      </c>
    </row>
    <row r="2515" spans="6:32" x14ac:dyDescent="0.25">
      <c r="F2515">
        <v>41.7</v>
      </c>
      <c r="G2515">
        <v>-0.43252794232250075</v>
      </c>
      <c r="AC2515">
        <v>24.483333000000002</v>
      </c>
      <c r="AD2515">
        <v>102.783333</v>
      </c>
      <c r="AE2515">
        <v>8.6319579999999991</v>
      </c>
      <c r="AF2515">
        <v>4.552311172059869</v>
      </c>
    </row>
    <row r="2516" spans="6:32" x14ac:dyDescent="0.25">
      <c r="F2516">
        <v>41.716667000000001</v>
      </c>
      <c r="G2516">
        <v>-0.43252794232250075</v>
      </c>
      <c r="AC2516">
        <v>24.5</v>
      </c>
      <c r="AD2516">
        <v>102.8</v>
      </c>
      <c r="AE2516">
        <v>8.6319909999999993</v>
      </c>
      <c r="AF2516">
        <v>4.5527108758430312</v>
      </c>
    </row>
    <row r="2517" spans="6:32" x14ac:dyDescent="0.25">
      <c r="F2517">
        <v>41.733333000000002</v>
      </c>
      <c r="G2517">
        <v>-0.432939758341507</v>
      </c>
      <c r="AC2517">
        <v>24.516666999999998</v>
      </c>
      <c r="AD2517">
        <v>102.816667</v>
      </c>
      <c r="AE2517">
        <v>8.6319909999999993</v>
      </c>
      <c r="AF2517">
        <v>4.5527108758430312</v>
      </c>
    </row>
    <row r="2518" spans="6:32" x14ac:dyDescent="0.25">
      <c r="F2518">
        <v>41.75</v>
      </c>
      <c r="G2518">
        <v>-0.432939758341507</v>
      </c>
      <c r="AC2518">
        <v>24.533332999999999</v>
      </c>
      <c r="AD2518">
        <v>102.833333</v>
      </c>
      <c r="AE2518">
        <v>8.6319909999999993</v>
      </c>
      <c r="AF2518">
        <v>4.5527108758430312</v>
      </c>
    </row>
    <row r="2519" spans="6:32" x14ac:dyDescent="0.25">
      <c r="F2519">
        <v>41.766666999999998</v>
      </c>
      <c r="G2519">
        <v>-0.43333946212466912</v>
      </c>
      <c r="AC2519">
        <v>24.549999999999997</v>
      </c>
      <c r="AD2519">
        <v>102.85</v>
      </c>
      <c r="AE2519">
        <v>8.6320250000000005</v>
      </c>
      <c r="AF2519">
        <v>4.5531226918620593</v>
      </c>
    </row>
    <row r="2520" spans="6:32" x14ac:dyDescent="0.25">
      <c r="F2520">
        <v>41.783332999999999</v>
      </c>
      <c r="G2520">
        <v>-0.43333946212466912</v>
      </c>
      <c r="AC2520">
        <v>24.56666700000001</v>
      </c>
      <c r="AD2520">
        <v>102.86666700000001</v>
      </c>
      <c r="AE2520">
        <v>8.6320250000000005</v>
      </c>
      <c r="AF2520">
        <v>4.5531226918620593</v>
      </c>
    </row>
    <row r="2521" spans="6:32" x14ac:dyDescent="0.25">
      <c r="F2521">
        <v>41.8</v>
      </c>
      <c r="G2521">
        <v>-0.43333946212466912</v>
      </c>
      <c r="AC2521">
        <v>24.583332999999996</v>
      </c>
      <c r="AD2521">
        <v>102.88333299999999</v>
      </c>
      <c r="AE2521">
        <v>8.6320589999999999</v>
      </c>
      <c r="AF2521">
        <v>4.5535345078810661</v>
      </c>
    </row>
    <row r="2522" spans="6:32" x14ac:dyDescent="0.25">
      <c r="F2522">
        <v>41.81666700000001</v>
      </c>
      <c r="G2522">
        <v>-0.43375127814369691</v>
      </c>
      <c r="AC2522">
        <v>24.600000000000009</v>
      </c>
      <c r="AD2522">
        <v>102.9</v>
      </c>
      <c r="AE2522">
        <v>8.6320589999999999</v>
      </c>
      <c r="AF2522">
        <v>4.5535345078810661</v>
      </c>
    </row>
    <row r="2523" spans="6:32" x14ac:dyDescent="0.25">
      <c r="F2523">
        <v>41.833332999999996</v>
      </c>
      <c r="G2523">
        <v>-0.43375127814369691</v>
      </c>
      <c r="AC2523">
        <v>24.616667000000007</v>
      </c>
      <c r="AD2523">
        <v>102.916667</v>
      </c>
      <c r="AE2523">
        <v>8.6320920000000001</v>
      </c>
      <c r="AF2523">
        <v>4.5539342116642274</v>
      </c>
    </row>
    <row r="2524" spans="6:32" x14ac:dyDescent="0.25">
      <c r="F2524">
        <v>41.850000000000009</v>
      </c>
      <c r="G2524">
        <v>-0.43375127814369691</v>
      </c>
      <c r="AC2524">
        <v>24.633333000000007</v>
      </c>
      <c r="AD2524">
        <v>102.933333</v>
      </c>
      <c r="AE2524">
        <v>8.6320920000000001</v>
      </c>
      <c r="AF2524">
        <v>4.5539342116642274</v>
      </c>
    </row>
    <row r="2525" spans="6:32" x14ac:dyDescent="0.25">
      <c r="F2525">
        <v>41.866667000000007</v>
      </c>
      <c r="G2525">
        <v>-0.43375127814369691</v>
      </c>
      <c r="AC2525">
        <v>24.650000000000006</v>
      </c>
      <c r="AD2525">
        <v>102.95</v>
      </c>
      <c r="AE2525">
        <v>8.6320920000000001</v>
      </c>
      <c r="AF2525">
        <v>4.5539342116642274</v>
      </c>
    </row>
    <row r="2526" spans="6:32" x14ac:dyDescent="0.25">
      <c r="F2526">
        <v>41.883333000000007</v>
      </c>
      <c r="G2526">
        <v>-0.43375127814369691</v>
      </c>
      <c r="AC2526">
        <v>24.666667000000004</v>
      </c>
      <c r="AD2526">
        <v>102.966667</v>
      </c>
      <c r="AE2526">
        <v>8.6321259999999995</v>
      </c>
      <c r="AF2526">
        <v>4.5543460276832333</v>
      </c>
    </row>
    <row r="2527" spans="6:32" x14ac:dyDescent="0.25">
      <c r="F2527">
        <v>41.900000000000006</v>
      </c>
      <c r="G2527">
        <v>-0.43416309416270327</v>
      </c>
      <c r="AC2527">
        <v>24.683333000000005</v>
      </c>
      <c r="AD2527">
        <v>102.983333</v>
      </c>
      <c r="AE2527">
        <v>8.6321259999999995</v>
      </c>
      <c r="AF2527">
        <v>4.5543460276832333</v>
      </c>
    </row>
    <row r="2528" spans="6:32" x14ac:dyDescent="0.25">
      <c r="F2528">
        <v>41.916667000000004</v>
      </c>
      <c r="G2528">
        <v>-0.43416309416270327</v>
      </c>
      <c r="AC2528">
        <v>24.700000000000003</v>
      </c>
      <c r="AD2528">
        <v>103</v>
      </c>
      <c r="AE2528">
        <v>8.6321600000000007</v>
      </c>
      <c r="AF2528">
        <v>4.5547578437022622</v>
      </c>
    </row>
    <row r="2529" spans="6:32" x14ac:dyDescent="0.25">
      <c r="F2529">
        <v>41.933333000000005</v>
      </c>
      <c r="G2529">
        <v>-0.43416309416270327</v>
      </c>
      <c r="AC2529">
        <v>24.716667000000001</v>
      </c>
      <c r="AD2529">
        <v>103.016667</v>
      </c>
      <c r="AE2529">
        <v>8.6321600000000007</v>
      </c>
      <c r="AF2529">
        <v>4.5547578437022622</v>
      </c>
    </row>
    <row r="2530" spans="6:32" x14ac:dyDescent="0.25">
      <c r="F2530">
        <v>41.95</v>
      </c>
      <c r="G2530">
        <v>-0.43416309416270327</v>
      </c>
      <c r="AC2530">
        <v>24.733333000000002</v>
      </c>
      <c r="AD2530">
        <v>103.033333</v>
      </c>
      <c r="AE2530">
        <v>8.6321600000000007</v>
      </c>
      <c r="AF2530">
        <v>4.5547578437022622</v>
      </c>
    </row>
    <row r="2531" spans="6:32" x14ac:dyDescent="0.25">
      <c r="F2531">
        <v>41.966667000000001</v>
      </c>
      <c r="G2531">
        <v>-0.43416309416270327</v>
      </c>
      <c r="AC2531">
        <v>24.75</v>
      </c>
      <c r="AD2531">
        <v>103.05</v>
      </c>
      <c r="AE2531">
        <v>8.6321929999999991</v>
      </c>
      <c r="AF2531">
        <v>4.5551575474854022</v>
      </c>
    </row>
    <row r="2532" spans="6:32" x14ac:dyDescent="0.25">
      <c r="F2532">
        <v>41.983333000000002</v>
      </c>
      <c r="G2532">
        <v>-0.43456279794586533</v>
      </c>
      <c r="AC2532">
        <v>24.766666999999998</v>
      </c>
      <c r="AD2532">
        <v>103.066667</v>
      </c>
      <c r="AE2532">
        <v>8.6321929999999991</v>
      </c>
      <c r="AF2532">
        <v>4.5551575474854022</v>
      </c>
    </row>
    <row r="2533" spans="6:32" x14ac:dyDescent="0.25">
      <c r="F2533">
        <v>42</v>
      </c>
      <c r="G2533">
        <v>-0.43456279794586533</v>
      </c>
      <c r="AC2533">
        <v>24.783332999999999</v>
      </c>
      <c r="AD2533">
        <v>103.083333</v>
      </c>
      <c r="AE2533">
        <v>8.6321929999999991</v>
      </c>
      <c r="AF2533">
        <v>4.5551575474854022</v>
      </c>
    </row>
    <row r="2534" spans="6:32" x14ac:dyDescent="0.25">
      <c r="F2534">
        <v>42.016666999999998</v>
      </c>
      <c r="G2534">
        <v>-0.43456279794586533</v>
      </c>
      <c r="AC2534">
        <v>24.799999999999997</v>
      </c>
      <c r="AD2534">
        <v>103.1</v>
      </c>
      <c r="AE2534">
        <v>8.6322270000000003</v>
      </c>
      <c r="AF2534">
        <v>4.5555693635044303</v>
      </c>
    </row>
    <row r="2535" spans="6:32" x14ac:dyDescent="0.25">
      <c r="F2535">
        <v>42.033332999999999</v>
      </c>
      <c r="G2535">
        <v>-0.43456279794586533</v>
      </c>
      <c r="AC2535">
        <v>24.81666700000001</v>
      </c>
      <c r="AD2535">
        <v>103.11666700000001</v>
      </c>
      <c r="AE2535">
        <v>8.6322270000000003</v>
      </c>
      <c r="AF2535">
        <v>4.5555693635044303</v>
      </c>
    </row>
    <row r="2536" spans="6:32" x14ac:dyDescent="0.25">
      <c r="F2536">
        <v>42.05</v>
      </c>
      <c r="G2536">
        <v>-0.43456279794586533</v>
      </c>
      <c r="AC2536">
        <v>24.833332999999996</v>
      </c>
      <c r="AD2536">
        <v>103.13333299999999</v>
      </c>
      <c r="AE2536">
        <v>8.6322270000000003</v>
      </c>
      <c r="AF2536">
        <v>4.5555693635044303</v>
      </c>
    </row>
    <row r="2537" spans="6:32" x14ac:dyDescent="0.25">
      <c r="F2537">
        <v>42.06666700000001</v>
      </c>
      <c r="G2537">
        <v>-0.43456279794586533</v>
      </c>
      <c r="AC2537">
        <v>24.850000000000009</v>
      </c>
      <c r="AD2537">
        <v>103.15</v>
      </c>
      <c r="AE2537">
        <v>8.6322609999999997</v>
      </c>
      <c r="AF2537">
        <v>4.5559811795234362</v>
      </c>
    </row>
    <row r="2538" spans="6:32" x14ac:dyDescent="0.25">
      <c r="F2538">
        <v>42.083332999999996</v>
      </c>
      <c r="G2538">
        <v>-0.43497461396487158</v>
      </c>
      <c r="AC2538">
        <v>24.866667000000007</v>
      </c>
      <c r="AD2538">
        <v>103.166667</v>
      </c>
      <c r="AE2538">
        <v>8.6322609999999997</v>
      </c>
      <c r="AF2538">
        <v>4.5559811795234362</v>
      </c>
    </row>
    <row r="2539" spans="6:32" x14ac:dyDescent="0.25">
      <c r="F2539">
        <v>42.100000000000009</v>
      </c>
      <c r="G2539">
        <v>-0.43497461396487158</v>
      </c>
      <c r="AC2539">
        <v>24.883333000000007</v>
      </c>
      <c r="AD2539">
        <v>103.183333</v>
      </c>
      <c r="AE2539">
        <v>8.6322609999999997</v>
      </c>
      <c r="AF2539">
        <v>4.5559811795234362</v>
      </c>
    </row>
    <row r="2540" spans="6:32" x14ac:dyDescent="0.25">
      <c r="F2540">
        <v>42.116667000000007</v>
      </c>
      <c r="G2540">
        <v>-0.43497461396487158</v>
      </c>
      <c r="AC2540">
        <v>24.900000000000006</v>
      </c>
      <c r="AD2540">
        <v>103.2</v>
      </c>
      <c r="AE2540">
        <v>8.6322939999999999</v>
      </c>
      <c r="AF2540">
        <v>4.5563808833065984</v>
      </c>
    </row>
    <row r="2541" spans="6:32" x14ac:dyDescent="0.25">
      <c r="F2541">
        <v>42.133333000000007</v>
      </c>
      <c r="G2541">
        <v>-0.43497461396487158</v>
      </c>
      <c r="AC2541">
        <v>24.916667000000004</v>
      </c>
      <c r="AD2541">
        <v>103.216667</v>
      </c>
      <c r="AE2541">
        <v>8.6322939999999999</v>
      </c>
      <c r="AF2541">
        <v>4.5563808833065984</v>
      </c>
    </row>
    <row r="2542" spans="6:32" x14ac:dyDescent="0.25">
      <c r="F2542">
        <v>42.150000000000006</v>
      </c>
      <c r="G2542">
        <v>-0.43538642998389948</v>
      </c>
      <c r="AC2542">
        <v>24.933333000000005</v>
      </c>
      <c r="AD2542">
        <v>103.233333</v>
      </c>
      <c r="AE2542">
        <v>8.6322939999999999</v>
      </c>
      <c r="AF2542">
        <v>4.5563808833065984</v>
      </c>
    </row>
    <row r="2543" spans="6:32" x14ac:dyDescent="0.25">
      <c r="F2543">
        <v>42.166667000000004</v>
      </c>
      <c r="G2543">
        <v>-0.43538642998389948</v>
      </c>
      <c r="AC2543">
        <v>24.950000000000003</v>
      </c>
      <c r="AD2543">
        <v>103.25</v>
      </c>
      <c r="AE2543">
        <v>8.6323279999999993</v>
      </c>
      <c r="AF2543">
        <v>4.5567926993256052</v>
      </c>
    </row>
    <row r="2544" spans="6:32" x14ac:dyDescent="0.25">
      <c r="F2544">
        <v>42.183333000000005</v>
      </c>
      <c r="G2544">
        <v>-0.43538642998389948</v>
      </c>
      <c r="AC2544">
        <v>24.966667000000001</v>
      </c>
      <c r="AD2544">
        <v>103.266667</v>
      </c>
      <c r="AE2544">
        <v>8.6323279999999993</v>
      </c>
      <c r="AF2544">
        <v>4.5567926993256052</v>
      </c>
    </row>
    <row r="2545" spans="6:32" x14ac:dyDescent="0.25">
      <c r="F2545">
        <v>42.2</v>
      </c>
      <c r="G2545">
        <v>-0.43538642998389948</v>
      </c>
      <c r="AC2545">
        <v>24.983333000000002</v>
      </c>
      <c r="AD2545">
        <v>103.283333</v>
      </c>
      <c r="AE2545">
        <v>8.6323620000000005</v>
      </c>
      <c r="AF2545">
        <v>4.5572045153446323</v>
      </c>
    </row>
    <row r="2546" spans="6:32" x14ac:dyDescent="0.25">
      <c r="F2546">
        <v>42.216667000000001</v>
      </c>
      <c r="G2546">
        <v>-0.43497461396487158</v>
      </c>
      <c r="AC2546">
        <v>25</v>
      </c>
      <c r="AD2546">
        <v>103.3</v>
      </c>
      <c r="AE2546">
        <v>8.6323620000000005</v>
      </c>
      <c r="AF2546">
        <v>4.5572045153446323</v>
      </c>
    </row>
    <row r="2547" spans="6:32" x14ac:dyDescent="0.25">
      <c r="F2547">
        <v>42.233333000000002</v>
      </c>
      <c r="G2547">
        <v>-0.43497461396487158</v>
      </c>
      <c r="AC2547">
        <v>25.016666999999998</v>
      </c>
      <c r="AD2547">
        <v>103.316667</v>
      </c>
      <c r="AE2547">
        <v>8.6323620000000005</v>
      </c>
      <c r="AF2547">
        <v>4.5572045153446323</v>
      </c>
    </row>
    <row r="2548" spans="6:32" x14ac:dyDescent="0.25">
      <c r="F2548">
        <v>42.25</v>
      </c>
      <c r="G2548">
        <v>-0.43497461396487158</v>
      </c>
      <c r="AC2548">
        <v>25.033332999999999</v>
      </c>
      <c r="AD2548">
        <v>103.333333</v>
      </c>
      <c r="AE2548">
        <v>8.6323950000000007</v>
      </c>
      <c r="AF2548">
        <v>4.5576042191277946</v>
      </c>
    </row>
    <row r="2549" spans="6:32" x14ac:dyDescent="0.25">
      <c r="F2549">
        <v>42.266666999999998</v>
      </c>
      <c r="G2549">
        <v>-0.43497461396487158</v>
      </c>
      <c r="AC2549">
        <v>25.049999999999997</v>
      </c>
      <c r="AD2549">
        <v>103.35</v>
      </c>
      <c r="AE2549">
        <v>8.6323950000000007</v>
      </c>
      <c r="AF2549">
        <v>4.5576042191277946</v>
      </c>
    </row>
    <row r="2550" spans="6:32" x14ac:dyDescent="0.25">
      <c r="F2550">
        <v>42.283332999999999</v>
      </c>
      <c r="G2550">
        <v>-0.43497461396487158</v>
      </c>
      <c r="AC2550">
        <v>25.06666700000001</v>
      </c>
      <c r="AD2550">
        <v>103.36666700000001</v>
      </c>
      <c r="AE2550">
        <v>8.6323950000000007</v>
      </c>
      <c r="AF2550">
        <v>4.5576042191277946</v>
      </c>
    </row>
    <row r="2551" spans="6:32" x14ac:dyDescent="0.25">
      <c r="F2551">
        <v>42.3</v>
      </c>
      <c r="G2551">
        <v>-0.43538642998389948</v>
      </c>
      <c r="AC2551">
        <v>25.083332999999996</v>
      </c>
      <c r="AD2551">
        <v>103.38333299999999</v>
      </c>
      <c r="AE2551">
        <v>8.6324290000000001</v>
      </c>
      <c r="AF2551">
        <v>4.5580160351468013</v>
      </c>
    </row>
    <row r="2552" spans="6:32" x14ac:dyDescent="0.25">
      <c r="F2552">
        <v>42.31666700000001</v>
      </c>
      <c r="G2552">
        <v>-0.43538642998389948</v>
      </c>
      <c r="AC2552">
        <v>25.100000000000009</v>
      </c>
      <c r="AD2552">
        <v>103.4</v>
      </c>
      <c r="AE2552">
        <v>8.6324290000000001</v>
      </c>
      <c r="AF2552">
        <v>4.5580160351468013</v>
      </c>
    </row>
    <row r="2553" spans="6:32" x14ac:dyDescent="0.25">
      <c r="F2553">
        <v>42.333332999999996</v>
      </c>
      <c r="G2553">
        <v>-0.43538642998389948</v>
      </c>
      <c r="AC2553">
        <v>25.116667000000007</v>
      </c>
      <c r="AD2553">
        <v>103.416667</v>
      </c>
      <c r="AE2553">
        <v>8.6324290000000001</v>
      </c>
      <c r="AF2553">
        <v>4.5580160351468013</v>
      </c>
    </row>
    <row r="2554" spans="6:32" x14ac:dyDescent="0.25">
      <c r="F2554">
        <v>42.350000000000009</v>
      </c>
      <c r="G2554">
        <v>-0.43538642998389948</v>
      </c>
      <c r="AC2554">
        <v>25.133333000000007</v>
      </c>
      <c r="AD2554">
        <v>103.433333</v>
      </c>
      <c r="AE2554">
        <v>8.6324629999999996</v>
      </c>
      <c r="AF2554">
        <v>4.5584278511658072</v>
      </c>
    </row>
    <row r="2555" spans="6:32" x14ac:dyDescent="0.25">
      <c r="F2555">
        <v>42.366667000000007</v>
      </c>
      <c r="G2555">
        <v>-0.43538642998389948</v>
      </c>
      <c r="AC2555">
        <v>25.150000000000006</v>
      </c>
      <c r="AD2555">
        <v>103.45</v>
      </c>
      <c r="AE2555">
        <v>8.6324629999999996</v>
      </c>
      <c r="AF2555">
        <v>4.5584278511658072</v>
      </c>
    </row>
    <row r="2556" spans="6:32" x14ac:dyDescent="0.25">
      <c r="F2556">
        <v>42.383333000000007</v>
      </c>
      <c r="G2556">
        <v>-0.43538642998389948</v>
      </c>
      <c r="AC2556">
        <v>25.166667000000004</v>
      </c>
      <c r="AD2556">
        <v>103.466667</v>
      </c>
      <c r="AE2556">
        <v>8.6324629999999996</v>
      </c>
      <c r="AF2556">
        <v>4.5584278511658072</v>
      </c>
    </row>
    <row r="2557" spans="6:32" x14ac:dyDescent="0.25">
      <c r="F2557">
        <v>42.400000000000006</v>
      </c>
      <c r="G2557">
        <v>-0.43578613376703995</v>
      </c>
      <c r="AC2557">
        <v>25.183333000000005</v>
      </c>
      <c r="AD2557">
        <v>103.483333</v>
      </c>
      <c r="AE2557">
        <v>8.6324959999999997</v>
      </c>
      <c r="AF2557">
        <v>4.5588275549489694</v>
      </c>
    </row>
    <row r="2558" spans="6:32" x14ac:dyDescent="0.25">
      <c r="F2558">
        <v>42.416667000000004</v>
      </c>
      <c r="G2558">
        <v>-0.43578613376703995</v>
      </c>
      <c r="AC2558">
        <v>25.200000000000003</v>
      </c>
      <c r="AD2558">
        <v>103.5</v>
      </c>
      <c r="AE2558">
        <v>8.6324959999999997</v>
      </c>
      <c r="AF2558">
        <v>4.5588275549489694</v>
      </c>
    </row>
    <row r="2559" spans="6:32" x14ac:dyDescent="0.25">
      <c r="F2559">
        <v>42.433333000000005</v>
      </c>
      <c r="G2559">
        <v>-0.43578613376703995</v>
      </c>
      <c r="AC2559">
        <v>25.216667000000001</v>
      </c>
      <c r="AD2559">
        <v>103.516667</v>
      </c>
      <c r="AE2559">
        <v>8.6324959999999997</v>
      </c>
      <c r="AF2559">
        <v>4.5588275549489694</v>
      </c>
    </row>
    <row r="2560" spans="6:32" x14ac:dyDescent="0.25">
      <c r="F2560">
        <v>42.45</v>
      </c>
      <c r="G2560">
        <v>-0.43619794978606785</v>
      </c>
      <c r="AC2560">
        <v>25.233333000000002</v>
      </c>
      <c r="AD2560">
        <v>103.533333</v>
      </c>
      <c r="AE2560">
        <v>8.6324959999999997</v>
      </c>
      <c r="AF2560">
        <v>4.5588275549489694</v>
      </c>
    </row>
    <row r="2561" spans="6:32" x14ac:dyDescent="0.25">
      <c r="F2561">
        <v>42.466667000000001</v>
      </c>
      <c r="G2561">
        <v>-0.43619794978606785</v>
      </c>
      <c r="AC2561">
        <v>25.25</v>
      </c>
      <c r="AD2561">
        <v>103.55</v>
      </c>
      <c r="AE2561">
        <v>8.6325299999999991</v>
      </c>
      <c r="AF2561">
        <v>4.5592393709679753</v>
      </c>
    </row>
    <row r="2562" spans="6:32" x14ac:dyDescent="0.25">
      <c r="F2562">
        <v>42.483333000000002</v>
      </c>
      <c r="G2562">
        <v>-0.43619794978606785</v>
      </c>
      <c r="AC2562">
        <v>25.266666999999998</v>
      </c>
      <c r="AD2562">
        <v>103.566667</v>
      </c>
      <c r="AE2562">
        <v>8.6325299999999991</v>
      </c>
      <c r="AF2562">
        <v>4.5592393709679753</v>
      </c>
    </row>
    <row r="2563" spans="6:32" x14ac:dyDescent="0.25">
      <c r="F2563">
        <v>42.5</v>
      </c>
      <c r="G2563">
        <v>-0.43619794978606785</v>
      </c>
      <c r="AC2563">
        <v>25.283332999999999</v>
      </c>
      <c r="AD2563">
        <v>103.583333</v>
      </c>
      <c r="AE2563">
        <v>8.6325299999999991</v>
      </c>
      <c r="AF2563">
        <v>4.5592393709679753</v>
      </c>
    </row>
    <row r="2564" spans="6:32" x14ac:dyDescent="0.25">
      <c r="F2564">
        <v>42.516666999999998</v>
      </c>
      <c r="G2564">
        <v>-0.43660976580507416</v>
      </c>
      <c r="AC2564">
        <v>25.299999999999997</v>
      </c>
      <c r="AD2564">
        <v>103.6</v>
      </c>
      <c r="AE2564">
        <v>8.6325299999999991</v>
      </c>
      <c r="AF2564">
        <v>4.5592393709679753</v>
      </c>
    </row>
    <row r="2565" spans="6:32" x14ac:dyDescent="0.25">
      <c r="F2565">
        <v>42.533332999999999</v>
      </c>
      <c r="G2565">
        <v>-0.43660976580507416</v>
      </c>
      <c r="AC2565">
        <v>25.31666700000001</v>
      </c>
      <c r="AD2565">
        <v>103.61666700000001</v>
      </c>
      <c r="AE2565">
        <v>8.6325629999999993</v>
      </c>
      <c r="AF2565">
        <v>4.5596390747511375</v>
      </c>
    </row>
    <row r="2566" spans="6:32" x14ac:dyDescent="0.25">
      <c r="F2566">
        <v>42.55</v>
      </c>
      <c r="G2566">
        <v>-0.43660976580507416</v>
      </c>
      <c r="AC2566">
        <v>25.333332999999996</v>
      </c>
      <c r="AD2566">
        <v>103.63333299999999</v>
      </c>
      <c r="AE2566">
        <v>8.6325629999999993</v>
      </c>
      <c r="AF2566">
        <v>4.5596390747511375</v>
      </c>
    </row>
    <row r="2567" spans="6:32" x14ac:dyDescent="0.25">
      <c r="F2567">
        <v>42.56666700000001</v>
      </c>
      <c r="G2567">
        <v>-0.43660976580507416</v>
      </c>
      <c r="AC2567">
        <v>25.350000000000009</v>
      </c>
      <c r="AD2567">
        <v>103.65</v>
      </c>
      <c r="AE2567">
        <v>8.6325629999999993</v>
      </c>
      <c r="AF2567">
        <v>4.5596390747511375</v>
      </c>
    </row>
    <row r="2568" spans="6:32" x14ac:dyDescent="0.25">
      <c r="F2568">
        <v>42.583332999999996</v>
      </c>
      <c r="G2568">
        <v>-0.43660976580507416</v>
      </c>
      <c r="AC2568">
        <v>25.366667000000007</v>
      </c>
      <c r="AD2568">
        <v>103.666667</v>
      </c>
      <c r="AE2568">
        <v>8.6325970000000005</v>
      </c>
      <c r="AF2568">
        <v>4.5600508907701656</v>
      </c>
    </row>
    <row r="2569" spans="6:32" x14ac:dyDescent="0.25">
      <c r="F2569">
        <v>42.600000000000009</v>
      </c>
      <c r="G2569">
        <v>-0.43700946958823617</v>
      </c>
      <c r="AC2569">
        <v>25.383333000000007</v>
      </c>
      <c r="AD2569">
        <v>103.683333</v>
      </c>
      <c r="AE2569">
        <v>8.6325970000000005</v>
      </c>
      <c r="AF2569">
        <v>4.5600508907701656</v>
      </c>
    </row>
    <row r="2570" spans="6:32" x14ac:dyDescent="0.25">
      <c r="F2570">
        <v>42.616667000000007</v>
      </c>
      <c r="G2570">
        <v>-0.43700946958823617</v>
      </c>
      <c r="AC2570">
        <v>25.400000000000006</v>
      </c>
      <c r="AD2570">
        <v>103.7</v>
      </c>
      <c r="AE2570">
        <v>8.6325970000000005</v>
      </c>
      <c r="AF2570">
        <v>4.5600508907701656</v>
      </c>
    </row>
    <row r="2571" spans="6:32" x14ac:dyDescent="0.25">
      <c r="F2571">
        <v>42.633333000000007</v>
      </c>
      <c r="G2571">
        <v>-0.43742128560724253</v>
      </c>
      <c r="AC2571">
        <v>25.416667000000004</v>
      </c>
      <c r="AD2571">
        <v>103.716667</v>
      </c>
      <c r="AE2571">
        <v>8.6326309999999999</v>
      </c>
      <c r="AF2571">
        <v>4.5604627067891714</v>
      </c>
    </row>
    <row r="2572" spans="6:32" x14ac:dyDescent="0.25">
      <c r="F2572">
        <v>42.650000000000006</v>
      </c>
      <c r="G2572">
        <v>-0.43742128560724253</v>
      </c>
      <c r="AC2572">
        <v>25.433333000000005</v>
      </c>
      <c r="AD2572">
        <v>103.733333</v>
      </c>
      <c r="AE2572">
        <v>8.6326309999999999</v>
      </c>
      <c r="AF2572">
        <v>4.5604627067891714</v>
      </c>
    </row>
    <row r="2573" spans="6:32" x14ac:dyDescent="0.25">
      <c r="F2573">
        <v>42.666667000000004</v>
      </c>
      <c r="G2573">
        <v>-0.43783310162627037</v>
      </c>
      <c r="AC2573">
        <v>25.450000000000003</v>
      </c>
      <c r="AD2573">
        <v>103.75</v>
      </c>
      <c r="AE2573">
        <v>8.6326640000000001</v>
      </c>
      <c r="AF2573">
        <v>4.5608624105723337</v>
      </c>
    </row>
    <row r="2574" spans="6:32" x14ac:dyDescent="0.25">
      <c r="F2574">
        <v>42.683333000000005</v>
      </c>
      <c r="G2574">
        <v>-0.43783310162627037</v>
      </c>
      <c r="AC2574">
        <v>25.466667000000001</v>
      </c>
      <c r="AD2574">
        <v>103.766667</v>
      </c>
      <c r="AE2574">
        <v>8.6326640000000001</v>
      </c>
      <c r="AF2574">
        <v>4.5608624105723337</v>
      </c>
    </row>
    <row r="2575" spans="6:32" x14ac:dyDescent="0.25">
      <c r="F2575">
        <v>42.7</v>
      </c>
      <c r="G2575">
        <v>-0.43783310162627037</v>
      </c>
      <c r="AC2575">
        <v>25.483333000000002</v>
      </c>
      <c r="AD2575">
        <v>103.783333</v>
      </c>
      <c r="AE2575">
        <v>8.6326640000000001</v>
      </c>
      <c r="AF2575">
        <v>4.5608624105723337</v>
      </c>
    </row>
    <row r="2576" spans="6:32" x14ac:dyDescent="0.25">
      <c r="F2576">
        <v>42.716667000000001</v>
      </c>
      <c r="G2576">
        <v>-0.43783310162627037</v>
      </c>
      <c r="AC2576">
        <v>25.5</v>
      </c>
      <c r="AD2576">
        <v>103.8</v>
      </c>
      <c r="AE2576">
        <v>8.6326979999999995</v>
      </c>
      <c r="AF2576">
        <v>4.5612742265913404</v>
      </c>
    </row>
    <row r="2577" spans="6:32" x14ac:dyDescent="0.25">
      <c r="F2577">
        <v>42.733333000000002</v>
      </c>
      <c r="G2577">
        <v>-0.43823280540943244</v>
      </c>
      <c r="AC2577">
        <v>25.516666999999998</v>
      </c>
      <c r="AD2577">
        <v>103.816667</v>
      </c>
      <c r="AE2577">
        <v>8.6326979999999995</v>
      </c>
      <c r="AF2577">
        <v>4.5612742265913404</v>
      </c>
    </row>
    <row r="2578" spans="6:32" x14ac:dyDescent="0.25">
      <c r="F2578">
        <v>42.75</v>
      </c>
      <c r="G2578">
        <v>-0.43823280540943244</v>
      </c>
      <c r="AC2578">
        <v>25.533332999999999</v>
      </c>
      <c r="AD2578">
        <v>103.833333</v>
      </c>
      <c r="AE2578">
        <v>8.6326979999999995</v>
      </c>
      <c r="AF2578">
        <v>4.5612742265913404</v>
      </c>
    </row>
    <row r="2579" spans="6:32" x14ac:dyDescent="0.25">
      <c r="F2579">
        <v>42.766666999999998</v>
      </c>
      <c r="G2579">
        <v>-0.43823280540943244</v>
      </c>
      <c r="AC2579">
        <v>25.549999999999997</v>
      </c>
      <c r="AD2579">
        <v>103.85</v>
      </c>
      <c r="AE2579">
        <v>8.6327320000000007</v>
      </c>
      <c r="AF2579">
        <v>4.5616860426103685</v>
      </c>
    </row>
    <row r="2580" spans="6:32" x14ac:dyDescent="0.25">
      <c r="F2580">
        <v>42.783332999999999</v>
      </c>
      <c r="G2580">
        <v>-0.43823280540943244</v>
      </c>
      <c r="AC2580">
        <v>25.56666700000001</v>
      </c>
      <c r="AD2580">
        <v>103.86666700000001</v>
      </c>
      <c r="AE2580">
        <v>8.6327320000000007</v>
      </c>
      <c r="AF2580">
        <v>4.5616860426103685</v>
      </c>
    </row>
    <row r="2581" spans="6:32" x14ac:dyDescent="0.25">
      <c r="F2581">
        <v>42.8</v>
      </c>
      <c r="G2581">
        <v>-0.43823280540943244</v>
      </c>
      <c r="AC2581">
        <v>25.583332999999996</v>
      </c>
      <c r="AD2581">
        <v>103.88333299999999</v>
      </c>
      <c r="AE2581">
        <v>8.6327320000000007</v>
      </c>
      <c r="AF2581">
        <v>4.5616860426103685</v>
      </c>
    </row>
    <row r="2582" spans="6:32" x14ac:dyDescent="0.25">
      <c r="F2582">
        <v>42.81666700000001</v>
      </c>
      <c r="G2582">
        <v>-0.43823280540943244</v>
      </c>
      <c r="AC2582">
        <v>25.600000000000009</v>
      </c>
      <c r="AD2582">
        <v>103.9</v>
      </c>
      <c r="AE2582">
        <v>8.6327649999999991</v>
      </c>
      <c r="AF2582">
        <v>4.5620857463935085</v>
      </c>
    </row>
    <row r="2583" spans="6:32" x14ac:dyDescent="0.25">
      <c r="F2583">
        <v>42.833332999999996</v>
      </c>
      <c r="G2583">
        <v>-0.43823280540943244</v>
      </c>
      <c r="AC2583">
        <v>25.616667000000007</v>
      </c>
      <c r="AD2583">
        <v>103.916667</v>
      </c>
      <c r="AE2583">
        <v>8.6327649999999991</v>
      </c>
      <c r="AF2583">
        <v>4.5620857463935085</v>
      </c>
    </row>
    <row r="2584" spans="6:32" x14ac:dyDescent="0.25">
      <c r="F2584">
        <v>42.850000000000009</v>
      </c>
      <c r="G2584">
        <v>-0.43864462142843874</v>
      </c>
      <c r="AC2584">
        <v>25.633333000000007</v>
      </c>
      <c r="AD2584">
        <v>103.933333</v>
      </c>
      <c r="AE2584">
        <v>8.6327649999999991</v>
      </c>
      <c r="AF2584">
        <v>4.5620857463935085</v>
      </c>
    </row>
    <row r="2585" spans="6:32" x14ac:dyDescent="0.25">
      <c r="F2585">
        <v>42.866667000000007</v>
      </c>
      <c r="G2585">
        <v>-0.43864462142843874</v>
      </c>
      <c r="AC2585">
        <v>25.650000000000006</v>
      </c>
      <c r="AD2585">
        <v>103.95</v>
      </c>
      <c r="AE2585">
        <v>8.6327990000000003</v>
      </c>
      <c r="AF2585">
        <v>4.5624975624125357</v>
      </c>
    </row>
    <row r="2586" spans="6:32" x14ac:dyDescent="0.25">
      <c r="F2586">
        <v>42.883333000000007</v>
      </c>
      <c r="G2586">
        <v>-0.43864462142843874</v>
      </c>
      <c r="AC2586">
        <v>25.666667000000004</v>
      </c>
      <c r="AD2586">
        <v>103.966667</v>
      </c>
      <c r="AE2586">
        <v>8.6327990000000003</v>
      </c>
      <c r="AF2586">
        <v>4.5624975624125357</v>
      </c>
    </row>
    <row r="2587" spans="6:32" x14ac:dyDescent="0.25">
      <c r="F2587">
        <v>42.900000000000006</v>
      </c>
      <c r="G2587">
        <v>-0.43864462142843874</v>
      </c>
      <c r="AC2587">
        <v>25.683333000000005</v>
      </c>
      <c r="AD2587">
        <v>103.983333</v>
      </c>
      <c r="AE2587">
        <v>8.6328329999999998</v>
      </c>
      <c r="AF2587">
        <v>4.5629093784315424</v>
      </c>
    </row>
    <row r="2588" spans="6:32" x14ac:dyDescent="0.25">
      <c r="F2588">
        <v>42.916667000000004</v>
      </c>
      <c r="G2588">
        <v>-0.43864462142843874</v>
      </c>
      <c r="AC2588">
        <v>25.700000000000003</v>
      </c>
      <c r="AD2588">
        <v>104</v>
      </c>
      <c r="AE2588">
        <v>8.6328329999999998</v>
      </c>
      <c r="AF2588">
        <v>4.5629093784315424</v>
      </c>
    </row>
    <row r="2589" spans="6:32" x14ac:dyDescent="0.25">
      <c r="F2589">
        <v>42.933333000000005</v>
      </c>
      <c r="G2589">
        <v>-0.43864462142843874</v>
      </c>
      <c r="AC2589">
        <v>25.716667000000001</v>
      </c>
      <c r="AD2589">
        <v>104.016667</v>
      </c>
      <c r="AE2589">
        <v>8.6328329999999998</v>
      </c>
      <c r="AF2589">
        <v>4.5629093784315424</v>
      </c>
    </row>
    <row r="2590" spans="6:32" x14ac:dyDescent="0.25">
      <c r="F2590">
        <v>42.95</v>
      </c>
      <c r="G2590">
        <v>-0.43864462142843874</v>
      </c>
      <c r="AC2590">
        <v>25.733333000000002</v>
      </c>
      <c r="AD2590">
        <v>104.033333</v>
      </c>
      <c r="AE2590">
        <v>8.6328659999999999</v>
      </c>
      <c r="AF2590">
        <v>4.5633090822147047</v>
      </c>
    </row>
    <row r="2591" spans="6:32" x14ac:dyDescent="0.25">
      <c r="F2591">
        <v>42.966667000000001</v>
      </c>
      <c r="G2591">
        <v>-0.43864462142843874</v>
      </c>
      <c r="AC2591">
        <v>25.75</v>
      </c>
      <c r="AD2591">
        <v>104.05</v>
      </c>
      <c r="AE2591">
        <v>8.6328659999999999</v>
      </c>
      <c r="AF2591">
        <v>4.5633090822147047</v>
      </c>
    </row>
    <row r="2592" spans="6:32" x14ac:dyDescent="0.25">
      <c r="F2592">
        <v>42.983333000000002</v>
      </c>
      <c r="G2592">
        <v>-0.43904432521160075</v>
      </c>
      <c r="AC2592">
        <v>25.766666999999998</v>
      </c>
      <c r="AD2592">
        <v>104.066667</v>
      </c>
      <c r="AE2592">
        <v>8.6328659999999999</v>
      </c>
      <c r="AF2592">
        <v>4.5633090822147047</v>
      </c>
    </row>
    <row r="2593" spans="6:32" x14ac:dyDescent="0.25">
      <c r="F2593">
        <v>43</v>
      </c>
      <c r="G2593">
        <v>-0.43904432521160075</v>
      </c>
      <c r="AC2593">
        <v>25.783332999999999</v>
      </c>
      <c r="AD2593">
        <v>104.083333</v>
      </c>
      <c r="AE2593">
        <v>8.6328659999999999</v>
      </c>
      <c r="AF2593">
        <v>4.5633090822147047</v>
      </c>
    </row>
    <row r="2594" spans="6:32" x14ac:dyDescent="0.25">
      <c r="F2594">
        <v>43.016666999999998</v>
      </c>
      <c r="G2594">
        <v>-0.43904432521160075</v>
      </c>
      <c r="AC2594">
        <v>25.799999999999997</v>
      </c>
      <c r="AD2594">
        <v>104.1</v>
      </c>
      <c r="AE2594">
        <v>8.6328999999999994</v>
      </c>
      <c r="AF2594">
        <v>4.5637208982337114</v>
      </c>
    </row>
    <row r="2595" spans="6:32" x14ac:dyDescent="0.25">
      <c r="F2595">
        <v>43.033332999999999</v>
      </c>
      <c r="G2595">
        <v>-0.43904432521160075</v>
      </c>
      <c r="AC2595">
        <v>25.81666700000001</v>
      </c>
      <c r="AD2595">
        <v>104.11666700000001</v>
      </c>
      <c r="AE2595">
        <v>8.6328999999999994</v>
      </c>
      <c r="AF2595">
        <v>4.5637208982337114</v>
      </c>
    </row>
    <row r="2596" spans="6:32" x14ac:dyDescent="0.25">
      <c r="F2596">
        <v>43.05</v>
      </c>
      <c r="G2596">
        <v>-0.43904432521160075</v>
      </c>
      <c r="AC2596">
        <v>25.833332999999996</v>
      </c>
      <c r="AD2596">
        <v>104.13333299999999</v>
      </c>
      <c r="AE2596">
        <v>8.6328999999999994</v>
      </c>
      <c r="AF2596">
        <v>4.5637208982337114</v>
      </c>
    </row>
    <row r="2597" spans="6:32" x14ac:dyDescent="0.25">
      <c r="F2597">
        <v>43.06666700000001</v>
      </c>
      <c r="G2597">
        <v>-0.43945614123060711</v>
      </c>
      <c r="AC2597">
        <v>25.850000000000009</v>
      </c>
      <c r="AD2597">
        <v>104.15</v>
      </c>
      <c r="AE2597">
        <v>8.6328999999999994</v>
      </c>
      <c r="AF2597">
        <v>4.5637208982337114</v>
      </c>
    </row>
    <row r="2598" spans="6:32" x14ac:dyDescent="0.25">
      <c r="F2598">
        <v>43.083332999999996</v>
      </c>
      <c r="G2598">
        <v>-0.43945614123060711</v>
      </c>
      <c r="AC2598">
        <v>25.866667000000007</v>
      </c>
      <c r="AD2598">
        <v>104.166667</v>
      </c>
      <c r="AE2598">
        <v>8.6328999999999994</v>
      </c>
      <c r="AF2598">
        <v>4.5637208982337114</v>
      </c>
    </row>
    <row r="2599" spans="6:32" x14ac:dyDescent="0.25">
      <c r="F2599">
        <v>43.100000000000009</v>
      </c>
      <c r="G2599">
        <v>-0.43945614123060711</v>
      </c>
      <c r="AC2599">
        <v>25.883333000000007</v>
      </c>
      <c r="AD2599">
        <v>104.183333</v>
      </c>
      <c r="AE2599">
        <v>8.6329340000000006</v>
      </c>
      <c r="AF2599">
        <v>4.5641327142527386</v>
      </c>
    </row>
    <row r="2600" spans="6:32" x14ac:dyDescent="0.25">
      <c r="F2600">
        <v>43.116667000000007</v>
      </c>
      <c r="G2600">
        <v>-0.43945614123060711</v>
      </c>
      <c r="AC2600">
        <v>25.900000000000006</v>
      </c>
      <c r="AD2600">
        <v>104.2</v>
      </c>
      <c r="AE2600">
        <v>8.6329340000000006</v>
      </c>
      <c r="AF2600">
        <v>4.5641327142527386</v>
      </c>
    </row>
    <row r="2601" spans="6:32" x14ac:dyDescent="0.25">
      <c r="F2601">
        <v>43.133333000000007</v>
      </c>
      <c r="G2601">
        <v>-0.43945614123060711</v>
      </c>
      <c r="AC2601">
        <v>25.916667000000004</v>
      </c>
      <c r="AD2601">
        <v>104.216667</v>
      </c>
      <c r="AE2601">
        <v>8.6329340000000006</v>
      </c>
      <c r="AF2601">
        <v>4.5641327142527386</v>
      </c>
    </row>
    <row r="2602" spans="6:32" x14ac:dyDescent="0.25">
      <c r="F2602">
        <v>43.150000000000006</v>
      </c>
      <c r="G2602">
        <v>-0.43945614123060711</v>
      </c>
      <c r="AC2602">
        <v>25.933333000000005</v>
      </c>
      <c r="AD2602">
        <v>104.233333</v>
      </c>
      <c r="AE2602">
        <v>8.6329340000000006</v>
      </c>
      <c r="AF2602">
        <v>4.5641327142527386</v>
      </c>
    </row>
    <row r="2603" spans="6:32" x14ac:dyDescent="0.25">
      <c r="F2603">
        <v>43.166667000000004</v>
      </c>
      <c r="G2603">
        <v>-0.43945614123060711</v>
      </c>
      <c r="AC2603">
        <v>25.950000000000003</v>
      </c>
      <c r="AD2603">
        <v>104.25</v>
      </c>
      <c r="AE2603">
        <v>8.6329670000000007</v>
      </c>
      <c r="AF2603">
        <v>4.5645324180359008</v>
      </c>
    </row>
    <row r="2604" spans="6:32" x14ac:dyDescent="0.25">
      <c r="F2604">
        <v>43.183333000000005</v>
      </c>
      <c r="G2604">
        <v>-0.43986795724961336</v>
      </c>
      <c r="AC2604">
        <v>25.966667000000001</v>
      </c>
      <c r="AD2604">
        <v>104.266667</v>
      </c>
      <c r="AE2604">
        <v>8.6329670000000007</v>
      </c>
      <c r="AF2604">
        <v>4.5645324180359008</v>
      </c>
    </row>
    <row r="2605" spans="6:32" x14ac:dyDescent="0.25">
      <c r="F2605">
        <v>43.2</v>
      </c>
      <c r="G2605">
        <v>-0.43986795724961336</v>
      </c>
      <c r="AC2605">
        <v>25.983333000000002</v>
      </c>
      <c r="AD2605">
        <v>104.283333</v>
      </c>
      <c r="AE2605">
        <v>8.6329670000000007</v>
      </c>
      <c r="AF2605">
        <v>4.5645324180359008</v>
      </c>
    </row>
    <row r="2606" spans="6:32" x14ac:dyDescent="0.25">
      <c r="F2606">
        <v>43.216667000000001</v>
      </c>
      <c r="G2606">
        <v>-0.43986795724961336</v>
      </c>
      <c r="AC2606">
        <v>26</v>
      </c>
      <c r="AD2606">
        <v>104.3</v>
      </c>
      <c r="AE2606">
        <v>8.6330010000000001</v>
      </c>
      <c r="AF2606">
        <v>4.5649442340549076</v>
      </c>
    </row>
    <row r="2607" spans="6:32" x14ac:dyDescent="0.25">
      <c r="F2607">
        <v>43.233333000000002</v>
      </c>
      <c r="G2607">
        <v>-0.43986795724961336</v>
      </c>
      <c r="AC2607">
        <v>26.016666999999998</v>
      </c>
      <c r="AD2607">
        <v>104.316667</v>
      </c>
      <c r="AE2607">
        <v>8.6330010000000001</v>
      </c>
      <c r="AF2607">
        <v>4.5649442340549076</v>
      </c>
    </row>
    <row r="2608" spans="6:32" x14ac:dyDescent="0.25">
      <c r="F2608">
        <v>43.25</v>
      </c>
      <c r="G2608">
        <v>-0.43986795724961336</v>
      </c>
      <c r="AC2608">
        <v>26.033332999999999</v>
      </c>
      <c r="AD2608">
        <v>104.333333</v>
      </c>
      <c r="AE2608">
        <v>8.6330349999999996</v>
      </c>
      <c r="AF2608">
        <v>4.5653560500739134</v>
      </c>
    </row>
    <row r="2609" spans="6:32" x14ac:dyDescent="0.25">
      <c r="F2609">
        <v>43.266666999999998</v>
      </c>
      <c r="G2609">
        <v>-0.44026766103277548</v>
      </c>
      <c r="AC2609">
        <v>26.049999999999997</v>
      </c>
      <c r="AD2609">
        <v>104.35</v>
      </c>
      <c r="AE2609">
        <v>8.6330349999999996</v>
      </c>
      <c r="AF2609">
        <v>4.5653560500739134</v>
      </c>
    </row>
    <row r="2610" spans="6:32" x14ac:dyDescent="0.25">
      <c r="F2610">
        <v>43.283332999999999</v>
      </c>
      <c r="G2610">
        <v>-0.44026766103277548</v>
      </c>
      <c r="AC2610">
        <v>26.06666700000001</v>
      </c>
      <c r="AD2610">
        <v>104.36666700000001</v>
      </c>
      <c r="AE2610">
        <v>8.6330349999999996</v>
      </c>
      <c r="AF2610">
        <v>4.5653560500739134</v>
      </c>
    </row>
    <row r="2611" spans="6:32" x14ac:dyDescent="0.25">
      <c r="F2611">
        <v>43.3</v>
      </c>
      <c r="G2611">
        <v>-0.44026766103277548</v>
      </c>
      <c r="AC2611">
        <v>26.083332999999996</v>
      </c>
      <c r="AD2611">
        <v>104.38333299999999</v>
      </c>
      <c r="AE2611">
        <v>8.6330679999999997</v>
      </c>
      <c r="AF2611">
        <v>4.5657557538570757</v>
      </c>
    </row>
    <row r="2612" spans="6:32" x14ac:dyDescent="0.25">
      <c r="F2612">
        <v>43.31666700000001</v>
      </c>
      <c r="G2612">
        <v>-0.44026766103277548</v>
      </c>
      <c r="AC2612">
        <v>26.100000000000009</v>
      </c>
      <c r="AD2612">
        <v>104.4</v>
      </c>
      <c r="AE2612">
        <v>8.6330679999999997</v>
      </c>
      <c r="AF2612">
        <v>4.5657557538570757</v>
      </c>
    </row>
    <row r="2613" spans="6:32" x14ac:dyDescent="0.25">
      <c r="F2613">
        <v>43.333332999999996</v>
      </c>
      <c r="G2613">
        <v>-0.44026766103277548</v>
      </c>
      <c r="AC2613">
        <v>26.116667000000007</v>
      </c>
      <c r="AD2613">
        <v>104.416667</v>
      </c>
      <c r="AE2613">
        <v>8.6331019999999992</v>
      </c>
      <c r="AF2613">
        <v>4.5661675698760815</v>
      </c>
    </row>
    <row r="2614" spans="6:32" x14ac:dyDescent="0.25">
      <c r="F2614">
        <v>43.350000000000009</v>
      </c>
      <c r="G2614">
        <v>-0.44067947705180333</v>
      </c>
      <c r="AC2614">
        <v>26.133333000000007</v>
      </c>
      <c r="AD2614">
        <v>104.433333</v>
      </c>
      <c r="AE2614">
        <v>8.6331019999999992</v>
      </c>
      <c r="AF2614">
        <v>4.5661675698760815</v>
      </c>
    </row>
    <row r="2615" spans="6:32" x14ac:dyDescent="0.25">
      <c r="F2615">
        <v>43.366667000000007</v>
      </c>
      <c r="G2615">
        <v>-0.44067947705180333</v>
      </c>
      <c r="AC2615">
        <v>26.150000000000006</v>
      </c>
      <c r="AD2615">
        <v>104.45</v>
      </c>
      <c r="AE2615">
        <v>8.6331019999999992</v>
      </c>
      <c r="AF2615">
        <v>4.5661675698760815</v>
      </c>
    </row>
    <row r="2616" spans="6:32" x14ac:dyDescent="0.25">
      <c r="F2616">
        <v>43.383333000000007</v>
      </c>
      <c r="G2616">
        <v>-0.44067947705180333</v>
      </c>
      <c r="AC2616">
        <v>26.166667000000004</v>
      </c>
      <c r="AD2616">
        <v>104.466667</v>
      </c>
      <c r="AE2616">
        <v>8.6331019999999992</v>
      </c>
      <c r="AF2616">
        <v>4.5661675698760815</v>
      </c>
    </row>
    <row r="2617" spans="6:32" x14ac:dyDescent="0.25">
      <c r="F2617">
        <v>43.400000000000006</v>
      </c>
      <c r="G2617">
        <v>-0.44067947705180333</v>
      </c>
      <c r="AC2617">
        <v>26.183333000000005</v>
      </c>
      <c r="AD2617">
        <v>104.483333</v>
      </c>
      <c r="AE2617">
        <v>8.6331360000000004</v>
      </c>
      <c r="AF2617">
        <v>4.5665793858951105</v>
      </c>
    </row>
    <row r="2618" spans="6:32" x14ac:dyDescent="0.25">
      <c r="F2618">
        <v>43.416667000000004</v>
      </c>
      <c r="G2618">
        <v>-0.44067947705180333</v>
      </c>
      <c r="AC2618">
        <v>26.200000000000003</v>
      </c>
      <c r="AD2618">
        <v>104.5</v>
      </c>
      <c r="AE2618">
        <v>8.6331360000000004</v>
      </c>
      <c r="AF2618">
        <v>4.5665793858951105</v>
      </c>
    </row>
    <row r="2619" spans="6:32" x14ac:dyDescent="0.25">
      <c r="F2619">
        <v>43.433333000000005</v>
      </c>
      <c r="G2619">
        <v>-0.44109129307080958</v>
      </c>
      <c r="AC2619">
        <v>26.216667000000001</v>
      </c>
      <c r="AD2619">
        <v>104.516667</v>
      </c>
      <c r="AE2619">
        <v>8.6331360000000004</v>
      </c>
      <c r="AF2619">
        <v>4.5665793858951105</v>
      </c>
    </row>
    <row r="2620" spans="6:32" x14ac:dyDescent="0.25">
      <c r="F2620">
        <v>43.45</v>
      </c>
      <c r="G2620">
        <v>-0.44109129307080958</v>
      </c>
      <c r="AC2620">
        <v>26.233333000000002</v>
      </c>
      <c r="AD2620">
        <v>104.533333</v>
      </c>
      <c r="AE2620">
        <v>8.6331690000000005</v>
      </c>
      <c r="AF2620">
        <v>4.5669790896782718</v>
      </c>
    </row>
    <row r="2621" spans="6:32" x14ac:dyDescent="0.25">
      <c r="F2621">
        <v>43.466667000000001</v>
      </c>
      <c r="G2621">
        <v>-0.44109129307080958</v>
      </c>
      <c r="AC2621">
        <v>26.25</v>
      </c>
      <c r="AD2621">
        <v>104.55</v>
      </c>
      <c r="AE2621">
        <v>8.6331690000000005</v>
      </c>
      <c r="AF2621">
        <v>4.5669790896782718</v>
      </c>
    </row>
    <row r="2622" spans="6:32" x14ac:dyDescent="0.25">
      <c r="F2622">
        <v>43.483333000000002</v>
      </c>
      <c r="G2622">
        <v>-0.44109129307080958</v>
      </c>
      <c r="AC2622">
        <v>26.266666999999998</v>
      </c>
      <c r="AD2622">
        <v>104.566667</v>
      </c>
      <c r="AE2622">
        <v>8.6331690000000005</v>
      </c>
      <c r="AF2622">
        <v>4.5669790896782718</v>
      </c>
    </row>
    <row r="2623" spans="6:32" x14ac:dyDescent="0.25">
      <c r="F2623">
        <v>43.5</v>
      </c>
      <c r="G2623">
        <v>-0.4414909968539717</v>
      </c>
      <c r="AC2623">
        <v>26.283332999999999</v>
      </c>
      <c r="AD2623">
        <v>104.583333</v>
      </c>
      <c r="AE2623">
        <v>8.6331690000000005</v>
      </c>
      <c r="AF2623">
        <v>4.5669790896782718</v>
      </c>
    </row>
    <row r="2624" spans="6:32" x14ac:dyDescent="0.25">
      <c r="F2624">
        <v>43.516666999999998</v>
      </c>
      <c r="G2624">
        <v>-0.4414909968539717</v>
      </c>
      <c r="AC2624">
        <v>26.299999999999997</v>
      </c>
      <c r="AD2624">
        <v>104.6</v>
      </c>
      <c r="AE2624">
        <v>8.633203</v>
      </c>
      <c r="AF2624">
        <v>4.5673909056972777</v>
      </c>
    </row>
    <row r="2625" spans="6:32" x14ac:dyDescent="0.25">
      <c r="F2625">
        <v>43.533332999999999</v>
      </c>
      <c r="G2625">
        <v>-0.4414909968539717</v>
      </c>
      <c r="AC2625">
        <v>26.31666700000001</v>
      </c>
      <c r="AD2625">
        <v>104.61666700000001</v>
      </c>
      <c r="AE2625">
        <v>8.633203</v>
      </c>
      <c r="AF2625">
        <v>4.5673909056972777</v>
      </c>
    </row>
    <row r="2626" spans="6:32" x14ac:dyDescent="0.25">
      <c r="F2626">
        <v>43.55</v>
      </c>
      <c r="G2626">
        <v>-0.4414909968539717</v>
      </c>
      <c r="AC2626">
        <v>26.333332999999996</v>
      </c>
      <c r="AD2626">
        <v>104.63333299999999</v>
      </c>
      <c r="AE2626">
        <v>8.633203</v>
      </c>
      <c r="AF2626">
        <v>4.5673909056972777</v>
      </c>
    </row>
    <row r="2627" spans="6:32" x14ac:dyDescent="0.25">
      <c r="F2627">
        <v>43.56666700000001</v>
      </c>
      <c r="G2627">
        <v>-0.44190281287297795</v>
      </c>
      <c r="AC2627">
        <v>26.350000000000009</v>
      </c>
      <c r="AD2627">
        <v>104.65</v>
      </c>
      <c r="AE2627">
        <v>8.6332369999999994</v>
      </c>
      <c r="AF2627">
        <v>4.5678027217162844</v>
      </c>
    </row>
    <row r="2628" spans="6:32" x14ac:dyDescent="0.25">
      <c r="F2628">
        <v>43.583332999999996</v>
      </c>
      <c r="G2628">
        <v>-0.44190281287297795</v>
      </c>
      <c r="AC2628">
        <v>26.366667000000007</v>
      </c>
      <c r="AD2628">
        <v>104.666667</v>
      </c>
      <c r="AE2628">
        <v>8.6332369999999994</v>
      </c>
      <c r="AF2628">
        <v>4.5678027217162844</v>
      </c>
    </row>
    <row r="2629" spans="6:32" x14ac:dyDescent="0.25">
      <c r="F2629">
        <v>43.600000000000009</v>
      </c>
      <c r="G2629">
        <v>-0.44190281287297795</v>
      </c>
      <c r="AC2629">
        <v>26.383333000000007</v>
      </c>
      <c r="AD2629">
        <v>104.683333</v>
      </c>
      <c r="AE2629">
        <v>8.6332369999999994</v>
      </c>
      <c r="AF2629">
        <v>4.5678027217162844</v>
      </c>
    </row>
    <row r="2630" spans="6:32" x14ac:dyDescent="0.25">
      <c r="F2630">
        <v>43.616667000000007</v>
      </c>
      <c r="G2630">
        <v>-0.44231462889200585</v>
      </c>
      <c r="AC2630">
        <v>26.400000000000006</v>
      </c>
      <c r="AD2630">
        <v>104.7</v>
      </c>
      <c r="AE2630">
        <v>8.6332699999999996</v>
      </c>
      <c r="AF2630">
        <v>4.5682024254994467</v>
      </c>
    </row>
    <row r="2631" spans="6:32" x14ac:dyDescent="0.25">
      <c r="F2631">
        <v>43.633333000000007</v>
      </c>
      <c r="G2631">
        <v>-0.44231462889200585</v>
      </c>
      <c r="AC2631">
        <v>26.416667000000004</v>
      </c>
      <c r="AD2631">
        <v>104.716667</v>
      </c>
      <c r="AE2631">
        <v>8.6332699999999996</v>
      </c>
      <c r="AF2631">
        <v>4.5682024254994467</v>
      </c>
    </row>
    <row r="2632" spans="6:32" x14ac:dyDescent="0.25">
      <c r="F2632">
        <v>43.650000000000006</v>
      </c>
      <c r="G2632">
        <v>-0.44231462889200585</v>
      </c>
      <c r="AC2632">
        <v>26.433333000000005</v>
      </c>
      <c r="AD2632">
        <v>104.733333</v>
      </c>
      <c r="AE2632">
        <v>8.6332699999999996</v>
      </c>
      <c r="AF2632">
        <v>4.5682024254994467</v>
      </c>
    </row>
    <row r="2633" spans="6:32" x14ac:dyDescent="0.25">
      <c r="F2633">
        <v>43.666667000000004</v>
      </c>
      <c r="G2633">
        <v>-0.44271433267514632</v>
      </c>
      <c r="AC2633">
        <v>26.450000000000003</v>
      </c>
      <c r="AD2633">
        <v>104.75</v>
      </c>
      <c r="AE2633">
        <v>8.6333040000000008</v>
      </c>
      <c r="AF2633">
        <v>4.5686142415184747</v>
      </c>
    </row>
    <row r="2634" spans="6:32" x14ac:dyDescent="0.25">
      <c r="F2634">
        <v>43.683333000000005</v>
      </c>
      <c r="G2634">
        <v>-0.44271433267514632</v>
      </c>
      <c r="AC2634">
        <v>26.466667000000001</v>
      </c>
      <c r="AD2634">
        <v>104.766667</v>
      </c>
      <c r="AE2634">
        <v>8.6333040000000008</v>
      </c>
      <c r="AF2634">
        <v>4.5686142415184747</v>
      </c>
    </row>
    <row r="2635" spans="6:32" x14ac:dyDescent="0.25">
      <c r="F2635">
        <v>43.7</v>
      </c>
      <c r="G2635">
        <v>-0.44271433267514632</v>
      </c>
      <c r="AC2635">
        <v>26.483333000000002</v>
      </c>
      <c r="AD2635">
        <v>104.783333</v>
      </c>
      <c r="AE2635">
        <v>8.6333040000000008</v>
      </c>
      <c r="AF2635">
        <v>4.5686142415184747</v>
      </c>
    </row>
    <row r="2636" spans="6:32" x14ac:dyDescent="0.25">
      <c r="F2636">
        <v>43.716667000000001</v>
      </c>
      <c r="G2636">
        <v>-0.44271433267514632</v>
      </c>
      <c r="AC2636">
        <v>26.5</v>
      </c>
      <c r="AD2636">
        <v>104.8</v>
      </c>
      <c r="AE2636">
        <v>8.6333040000000008</v>
      </c>
      <c r="AF2636">
        <v>4.5686142415184747</v>
      </c>
    </row>
    <row r="2637" spans="6:32" x14ac:dyDescent="0.25">
      <c r="F2637">
        <v>43.733333000000002</v>
      </c>
      <c r="G2637">
        <v>-0.44271433267514632</v>
      </c>
      <c r="AC2637">
        <v>26.516666999999998</v>
      </c>
      <c r="AD2637">
        <v>104.816667</v>
      </c>
      <c r="AE2637">
        <v>8.6333380000000002</v>
      </c>
      <c r="AF2637">
        <v>4.5690260575374806</v>
      </c>
    </row>
    <row r="2638" spans="6:32" x14ac:dyDescent="0.25">
      <c r="F2638">
        <v>43.75</v>
      </c>
      <c r="G2638">
        <v>-0.44312614869417416</v>
      </c>
      <c r="AC2638">
        <v>26.533332999999999</v>
      </c>
      <c r="AD2638">
        <v>104.833333</v>
      </c>
      <c r="AE2638">
        <v>8.6333380000000002</v>
      </c>
      <c r="AF2638">
        <v>4.5690260575374806</v>
      </c>
    </row>
    <row r="2639" spans="6:32" x14ac:dyDescent="0.25">
      <c r="F2639">
        <v>43.766666999999998</v>
      </c>
      <c r="G2639">
        <v>-0.44312614869417416</v>
      </c>
      <c r="AC2639">
        <v>26.549999999999997</v>
      </c>
      <c r="AD2639">
        <v>104.85</v>
      </c>
      <c r="AE2639">
        <v>8.6333380000000002</v>
      </c>
      <c r="AF2639">
        <v>4.5690260575374806</v>
      </c>
    </row>
    <row r="2640" spans="6:32" x14ac:dyDescent="0.25">
      <c r="F2640">
        <v>43.783332999999999</v>
      </c>
      <c r="G2640">
        <v>-0.44312614869417416</v>
      </c>
      <c r="AC2640">
        <v>26.56666700000001</v>
      </c>
      <c r="AD2640">
        <v>104.86666700000001</v>
      </c>
      <c r="AE2640">
        <v>8.6333710000000004</v>
      </c>
      <c r="AF2640">
        <v>4.5694257613206428</v>
      </c>
    </row>
    <row r="2641" spans="6:32" x14ac:dyDescent="0.25">
      <c r="F2641">
        <v>43.8</v>
      </c>
      <c r="G2641">
        <v>-0.44312614869417416</v>
      </c>
      <c r="AC2641">
        <v>26.583332999999996</v>
      </c>
      <c r="AD2641">
        <v>104.88333299999999</v>
      </c>
      <c r="AE2641">
        <v>8.6333710000000004</v>
      </c>
      <c r="AF2641">
        <v>4.5694257613206428</v>
      </c>
    </row>
    <row r="2642" spans="6:32" x14ac:dyDescent="0.25">
      <c r="F2642">
        <v>43.81666700000001</v>
      </c>
      <c r="G2642">
        <v>-0.44312614869417416</v>
      </c>
      <c r="AC2642">
        <v>26.600000000000009</v>
      </c>
      <c r="AD2642">
        <v>104.9</v>
      </c>
      <c r="AE2642">
        <v>8.6333710000000004</v>
      </c>
      <c r="AF2642">
        <v>4.5694257613206428</v>
      </c>
    </row>
    <row r="2643" spans="6:32" x14ac:dyDescent="0.25">
      <c r="F2643">
        <v>43.833332999999996</v>
      </c>
      <c r="G2643">
        <v>-0.44312614869417416</v>
      </c>
      <c r="AC2643">
        <v>26.616667000000007</v>
      </c>
      <c r="AD2643">
        <v>104.916667</v>
      </c>
      <c r="AE2643">
        <v>8.6333710000000004</v>
      </c>
      <c r="AF2643">
        <v>4.5694257613206428</v>
      </c>
    </row>
    <row r="2644" spans="6:32" x14ac:dyDescent="0.25">
      <c r="F2644">
        <v>43.850000000000009</v>
      </c>
      <c r="G2644">
        <v>-0.44353796471318052</v>
      </c>
      <c r="AC2644">
        <v>26.633333000000007</v>
      </c>
      <c r="AD2644">
        <v>104.933333</v>
      </c>
      <c r="AE2644">
        <v>8.6334049999999998</v>
      </c>
      <c r="AF2644">
        <v>4.5698375773396496</v>
      </c>
    </row>
    <row r="2645" spans="6:32" x14ac:dyDescent="0.25">
      <c r="F2645">
        <v>43.866667000000007</v>
      </c>
      <c r="G2645">
        <v>-0.44353796471318052</v>
      </c>
      <c r="AC2645">
        <v>26.650000000000006</v>
      </c>
      <c r="AD2645">
        <v>104.95</v>
      </c>
      <c r="AE2645">
        <v>8.6334049999999998</v>
      </c>
      <c r="AF2645">
        <v>4.5698375773396496</v>
      </c>
    </row>
    <row r="2646" spans="6:32" x14ac:dyDescent="0.25">
      <c r="F2646">
        <v>43.883333000000007</v>
      </c>
      <c r="G2646">
        <v>-0.44353796471318052</v>
      </c>
      <c r="AC2646">
        <v>26.666667000000004</v>
      </c>
      <c r="AD2646">
        <v>104.966667</v>
      </c>
      <c r="AE2646">
        <v>8.6334049999999998</v>
      </c>
      <c r="AF2646">
        <v>4.5698375773396496</v>
      </c>
    </row>
    <row r="2647" spans="6:32" x14ac:dyDescent="0.25">
      <c r="F2647">
        <v>43.900000000000006</v>
      </c>
      <c r="G2647">
        <v>-0.44353796471318052</v>
      </c>
      <c r="AC2647">
        <v>26.683333000000005</v>
      </c>
      <c r="AD2647">
        <v>104.983333</v>
      </c>
      <c r="AE2647">
        <v>8.6334389999999992</v>
      </c>
      <c r="AF2647">
        <v>4.5702493933586554</v>
      </c>
    </row>
    <row r="2648" spans="6:32" x14ac:dyDescent="0.25">
      <c r="F2648">
        <v>43.916667000000004</v>
      </c>
      <c r="G2648">
        <v>-0.44353796471318052</v>
      </c>
      <c r="AC2648">
        <v>26.700000000000003</v>
      </c>
      <c r="AD2648">
        <v>105</v>
      </c>
      <c r="AE2648">
        <v>8.6334389999999992</v>
      </c>
      <c r="AF2648">
        <v>4.5702493933586554</v>
      </c>
    </row>
    <row r="2649" spans="6:32" x14ac:dyDescent="0.25">
      <c r="F2649">
        <v>43.933333000000005</v>
      </c>
      <c r="G2649">
        <v>-0.44353796471318052</v>
      </c>
      <c r="AC2649">
        <v>26.716667000000001</v>
      </c>
      <c r="AD2649">
        <v>105.016667</v>
      </c>
      <c r="AE2649">
        <v>8.6334719999999994</v>
      </c>
      <c r="AF2649">
        <v>4.5706490971418168</v>
      </c>
    </row>
    <row r="2650" spans="6:32" x14ac:dyDescent="0.25">
      <c r="F2650">
        <v>43.95</v>
      </c>
      <c r="G2650">
        <v>-0.44353796471318052</v>
      </c>
      <c r="AC2650">
        <v>26.733333000000002</v>
      </c>
      <c r="AD2650">
        <v>105.033333</v>
      </c>
      <c r="AE2650">
        <v>8.6334719999999994</v>
      </c>
      <c r="AF2650">
        <v>4.5706490971418168</v>
      </c>
    </row>
    <row r="2651" spans="6:32" x14ac:dyDescent="0.25">
      <c r="F2651">
        <v>43.966667000000001</v>
      </c>
      <c r="G2651">
        <v>-0.44353796471318052</v>
      </c>
      <c r="AC2651">
        <v>26.75</v>
      </c>
      <c r="AD2651">
        <v>105.05</v>
      </c>
      <c r="AE2651">
        <v>8.6334719999999994</v>
      </c>
      <c r="AF2651">
        <v>4.5706490971418168</v>
      </c>
    </row>
    <row r="2652" spans="6:32" x14ac:dyDescent="0.25">
      <c r="F2652">
        <v>43.983333000000002</v>
      </c>
      <c r="G2652">
        <v>-0.44353796471318052</v>
      </c>
      <c r="AC2652">
        <v>26.766666999999998</v>
      </c>
      <c r="AD2652">
        <v>105.066667</v>
      </c>
      <c r="AE2652">
        <v>8.6335060000000006</v>
      </c>
      <c r="AF2652">
        <v>4.5710609131608448</v>
      </c>
    </row>
    <row r="2653" spans="6:32" x14ac:dyDescent="0.25">
      <c r="F2653">
        <v>44</v>
      </c>
      <c r="G2653">
        <v>-0.44353796471318052</v>
      </c>
      <c r="AC2653">
        <v>26.783332999999999</v>
      </c>
      <c r="AD2653">
        <v>105.083333</v>
      </c>
      <c r="AE2653">
        <v>8.6335060000000006</v>
      </c>
      <c r="AF2653">
        <v>4.5710609131608448</v>
      </c>
    </row>
    <row r="2654" spans="6:32" x14ac:dyDescent="0.25">
      <c r="F2654">
        <v>44.016666999999998</v>
      </c>
      <c r="G2654">
        <v>-0.44393766849634253</v>
      </c>
      <c r="AC2654">
        <v>26.799999999999997</v>
      </c>
      <c r="AD2654">
        <v>105.1</v>
      </c>
      <c r="AE2654">
        <v>8.63354</v>
      </c>
      <c r="AF2654">
        <v>4.5714727291798516</v>
      </c>
    </row>
    <row r="2655" spans="6:32" x14ac:dyDescent="0.25">
      <c r="F2655">
        <v>44.033332999999999</v>
      </c>
      <c r="G2655">
        <v>-0.44393766849634253</v>
      </c>
      <c r="AC2655">
        <v>26.81666700000001</v>
      </c>
      <c r="AD2655">
        <v>105.11666700000001</v>
      </c>
      <c r="AE2655">
        <v>8.63354</v>
      </c>
      <c r="AF2655">
        <v>4.5714727291798516</v>
      </c>
    </row>
    <row r="2656" spans="6:32" x14ac:dyDescent="0.25">
      <c r="F2656">
        <v>44.05</v>
      </c>
      <c r="G2656">
        <v>-0.44393766849634253</v>
      </c>
      <c r="AC2656">
        <v>26.833332999999996</v>
      </c>
      <c r="AD2656">
        <v>105.13333299999999</v>
      </c>
      <c r="AE2656">
        <v>8.63354</v>
      </c>
      <c r="AF2656">
        <v>4.5714727291798516</v>
      </c>
    </row>
    <row r="2657" spans="6:32" x14ac:dyDescent="0.25">
      <c r="F2657">
        <v>44.06666700000001</v>
      </c>
      <c r="G2657">
        <v>-0.44393766849634253</v>
      </c>
      <c r="AC2657">
        <v>26.850000000000009</v>
      </c>
      <c r="AD2657">
        <v>105.15</v>
      </c>
      <c r="AE2657">
        <v>8.6335730000000002</v>
      </c>
      <c r="AF2657">
        <v>4.5718724329630138</v>
      </c>
    </row>
    <row r="2658" spans="6:32" x14ac:dyDescent="0.25">
      <c r="F2658">
        <v>44.083332999999996</v>
      </c>
      <c r="G2658">
        <v>-0.44393766849634253</v>
      </c>
      <c r="AC2658">
        <v>26.866667000000007</v>
      </c>
      <c r="AD2658">
        <v>105.166667</v>
      </c>
      <c r="AE2658">
        <v>8.6335730000000002</v>
      </c>
      <c r="AF2658">
        <v>4.5718724329630138</v>
      </c>
    </row>
    <row r="2659" spans="6:32" x14ac:dyDescent="0.25">
      <c r="F2659">
        <v>44.100000000000009</v>
      </c>
      <c r="G2659">
        <v>-0.44393766849634253</v>
      </c>
      <c r="AC2659">
        <v>26.883333000000007</v>
      </c>
      <c r="AD2659">
        <v>105.183333</v>
      </c>
      <c r="AE2659">
        <v>8.6335730000000002</v>
      </c>
      <c r="AF2659">
        <v>4.5718724329630138</v>
      </c>
    </row>
    <row r="2660" spans="6:32" x14ac:dyDescent="0.25">
      <c r="F2660">
        <v>44.116667000000007</v>
      </c>
      <c r="G2660">
        <v>-0.44434948451534889</v>
      </c>
      <c r="AC2660">
        <v>26.900000000000006</v>
      </c>
      <c r="AD2660">
        <v>105.2</v>
      </c>
      <c r="AE2660">
        <v>8.6336069999999996</v>
      </c>
      <c r="AF2660">
        <v>4.5722842489820197</v>
      </c>
    </row>
    <row r="2661" spans="6:32" x14ac:dyDescent="0.25">
      <c r="F2661">
        <v>44.133333000000007</v>
      </c>
      <c r="G2661">
        <v>-0.44434948451534889</v>
      </c>
      <c r="AC2661">
        <v>26.916667000000004</v>
      </c>
      <c r="AD2661">
        <v>105.216667</v>
      </c>
      <c r="AE2661">
        <v>8.6336069999999996</v>
      </c>
      <c r="AF2661">
        <v>4.5722842489820197</v>
      </c>
    </row>
    <row r="2662" spans="6:32" x14ac:dyDescent="0.25">
      <c r="F2662">
        <v>44.150000000000006</v>
      </c>
      <c r="G2662">
        <v>-0.44434948451534889</v>
      </c>
      <c r="AC2662">
        <v>26.933333000000005</v>
      </c>
      <c r="AD2662">
        <v>105.233333</v>
      </c>
      <c r="AE2662">
        <v>8.6336069999999996</v>
      </c>
      <c r="AF2662">
        <v>4.5722842489820197</v>
      </c>
    </row>
    <row r="2663" spans="6:32" x14ac:dyDescent="0.25">
      <c r="F2663">
        <v>44.166667000000004</v>
      </c>
      <c r="G2663">
        <v>-0.44434948451534889</v>
      </c>
      <c r="AC2663">
        <v>26.950000000000003</v>
      </c>
      <c r="AD2663">
        <v>105.25</v>
      </c>
      <c r="AE2663">
        <v>8.6336410000000008</v>
      </c>
      <c r="AF2663">
        <v>4.5726960650010477</v>
      </c>
    </row>
    <row r="2664" spans="6:32" x14ac:dyDescent="0.25">
      <c r="F2664">
        <v>44.183333000000005</v>
      </c>
      <c r="G2664">
        <v>-0.44434948451534889</v>
      </c>
      <c r="AC2664">
        <v>26.966667000000001</v>
      </c>
      <c r="AD2664">
        <v>105.266667</v>
      </c>
      <c r="AE2664">
        <v>8.6336410000000008</v>
      </c>
      <c r="AF2664">
        <v>4.5726960650010477</v>
      </c>
    </row>
    <row r="2665" spans="6:32" x14ac:dyDescent="0.25">
      <c r="F2665">
        <v>44.2</v>
      </c>
      <c r="G2665">
        <v>-0.44434948451534889</v>
      </c>
      <c r="AC2665">
        <v>26.983333000000002</v>
      </c>
      <c r="AD2665">
        <v>105.283333</v>
      </c>
      <c r="AE2665">
        <v>8.6336739999999992</v>
      </c>
      <c r="AF2665">
        <v>4.5730957687841887</v>
      </c>
    </row>
    <row r="2666" spans="6:32" x14ac:dyDescent="0.25">
      <c r="F2666">
        <v>44.216667000000001</v>
      </c>
      <c r="G2666">
        <v>-0.44476130053437674</v>
      </c>
      <c r="AC2666">
        <v>27</v>
      </c>
      <c r="AD2666">
        <v>105.3</v>
      </c>
      <c r="AE2666">
        <v>8.6336739999999992</v>
      </c>
      <c r="AF2666">
        <v>4.5730957687841887</v>
      </c>
    </row>
    <row r="2667" spans="6:32" x14ac:dyDescent="0.25">
      <c r="F2667">
        <v>44.233333000000002</v>
      </c>
      <c r="G2667">
        <v>-0.44476130053437674</v>
      </c>
      <c r="AC2667">
        <v>27.016666999999998</v>
      </c>
      <c r="AD2667">
        <v>105.316667</v>
      </c>
      <c r="AE2667">
        <v>8.6336739999999992</v>
      </c>
      <c r="AF2667">
        <v>4.5730957687841887</v>
      </c>
    </row>
    <row r="2668" spans="6:32" x14ac:dyDescent="0.25">
      <c r="F2668">
        <v>44.25</v>
      </c>
      <c r="G2668">
        <v>-0.44476130053437674</v>
      </c>
      <c r="AC2668">
        <v>27.033332999999999</v>
      </c>
      <c r="AD2668">
        <v>105.333333</v>
      </c>
      <c r="AE2668">
        <v>8.6337080000000004</v>
      </c>
      <c r="AF2668">
        <v>4.5735075848032158</v>
      </c>
    </row>
    <row r="2669" spans="6:32" x14ac:dyDescent="0.25">
      <c r="F2669">
        <v>44.266666999999998</v>
      </c>
      <c r="G2669">
        <v>-0.44476130053437674</v>
      </c>
      <c r="AC2669">
        <v>27.049999999999997</v>
      </c>
      <c r="AD2669">
        <v>105.35</v>
      </c>
      <c r="AE2669">
        <v>8.6337080000000004</v>
      </c>
      <c r="AF2669">
        <v>4.5735075848032158</v>
      </c>
    </row>
    <row r="2670" spans="6:32" x14ac:dyDescent="0.25">
      <c r="F2670">
        <v>44.283332999999999</v>
      </c>
      <c r="G2670">
        <v>-0.44476130053437674</v>
      </c>
      <c r="AC2670">
        <v>27.06666700000001</v>
      </c>
      <c r="AD2670">
        <v>105.36666700000001</v>
      </c>
      <c r="AE2670">
        <v>8.6337410000000006</v>
      </c>
      <c r="AF2670">
        <v>4.5739072885863781</v>
      </c>
    </row>
    <row r="2671" spans="6:32" x14ac:dyDescent="0.25">
      <c r="F2671">
        <v>44.3</v>
      </c>
      <c r="G2671">
        <v>-0.44516100431753874</v>
      </c>
      <c r="AC2671">
        <v>27.083332999999996</v>
      </c>
      <c r="AD2671">
        <v>105.38333299999999</v>
      </c>
      <c r="AE2671">
        <v>8.6337410000000006</v>
      </c>
      <c r="AF2671">
        <v>4.5739072885863781</v>
      </c>
    </row>
    <row r="2672" spans="6:32" x14ac:dyDescent="0.25">
      <c r="F2672">
        <v>44.31666700000001</v>
      </c>
      <c r="G2672">
        <v>-0.44516100431753874</v>
      </c>
      <c r="AC2672">
        <v>27.100000000000009</v>
      </c>
      <c r="AD2672">
        <v>105.4</v>
      </c>
      <c r="AE2672">
        <v>8.633775</v>
      </c>
      <c r="AF2672">
        <v>4.5743191046053848</v>
      </c>
    </row>
    <row r="2673" spans="6:32" x14ac:dyDescent="0.25">
      <c r="F2673">
        <v>44.333332999999996</v>
      </c>
      <c r="G2673">
        <v>-0.44516100431753874</v>
      </c>
      <c r="AC2673">
        <v>27.116667000000007</v>
      </c>
      <c r="AD2673">
        <v>105.416667</v>
      </c>
      <c r="AE2673">
        <v>8.633775</v>
      </c>
      <c r="AF2673">
        <v>4.5743191046053848</v>
      </c>
    </row>
    <row r="2674" spans="6:32" x14ac:dyDescent="0.25">
      <c r="F2674">
        <v>44.350000000000009</v>
      </c>
      <c r="G2674">
        <v>-0.44516100431753874</v>
      </c>
      <c r="AC2674">
        <v>27.133333000000007</v>
      </c>
      <c r="AD2674">
        <v>105.433333</v>
      </c>
      <c r="AE2674">
        <v>8.633775</v>
      </c>
      <c r="AF2674">
        <v>4.5743191046053848</v>
      </c>
    </row>
    <row r="2675" spans="6:32" x14ac:dyDescent="0.25">
      <c r="F2675">
        <v>44.366667000000007</v>
      </c>
      <c r="G2675">
        <v>-0.44516100431753874</v>
      </c>
      <c r="AC2675">
        <v>27.150000000000006</v>
      </c>
      <c r="AD2675">
        <v>105.45</v>
      </c>
      <c r="AE2675">
        <v>8.633775</v>
      </c>
      <c r="AF2675">
        <v>4.5743191046053848</v>
      </c>
    </row>
    <row r="2676" spans="6:32" x14ac:dyDescent="0.25">
      <c r="F2676">
        <v>44.383333000000007</v>
      </c>
      <c r="G2676">
        <v>-0.44557282033654511</v>
      </c>
      <c r="AC2676">
        <v>27.166667000000004</v>
      </c>
      <c r="AD2676">
        <v>105.466667</v>
      </c>
      <c r="AE2676">
        <v>8.6338089999999994</v>
      </c>
      <c r="AF2676">
        <v>4.5747309206243907</v>
      </c>
    </row>
    <row r="2677" spans="6:32" x14ac:dyDescent="0.25">
      <c r="F2677">
        <v>44.400000000000006</v>
      </c>
      <c r="G2677">
        <v>-0.44557282033654511</v>
      </c>
      <c r="AC2677">
        <v>27.183333000000005</v>
      </c>
      <c r="AD2677">
        <v>105.483333</v>
      </c>
      <c r="AE2677">
        <v>8.6338089999999994</v>
      </c>
      <c r="AF2677">
        <v>4.5747309206243907</v>
      </c>
    </row>
    <row r="2678" spans="6:32" x14ac:dyDescent="0.25">
      <c r="F2678">
        <v>44.416667000000004</v>
      </c>
      <c r="G2678">
        <v>-0.44557282033654511</v>
      </c>
      <c r="AC2678">
        <v>27.200000000000003</v>
      </c>
      <c r="AD2678">
        <v>105.5</v>
      </c>
      <c r="AE2678">
        <v>8.6338089999999994</v>
      </c>
      <c r="AF2678">
        <v>4.5747309206243907</v>
      </c>
    </row>
    <row r="2679" spans="6:32" x14ac:dyDescent="0.25">
      <c r="F2679">
        <v>44.433333000000005</v>
      </c>
      <c r="G2679">
        <v>-0.44598463635555136</v>
      </c>
      <c r="AC2679">
        <v>27.216667000000001</v>
      </c>
      <c r="AD2679">
        <v>105.516667</v>
      </c>
      <c r="AE2679">
        <v>8.6338089999999994</v>
      </c>
      <c r="AF2679">
        <v>4.5747309206243907</v>
      </c>
    </row>
    <row r="2680" spans="6:32" x14ac:dyDescent="0.25">
      <c r="F2680">
        <v>44.45</v>
      </c>
      <c r="G2680">
        <v>-0.44598463635555136</v>
      </c>
      <c r="AC2680">
        <v>27.233333000000002</v>
      </c>
      <c r="AD2680">
        <v>105.533333</v>
      </c>
      <c r="AE2680">
        <v>8.6338419999999996</v>
      </c>
      <c r="AF2680">
        <v>4.5751306244075529</v>
      </c>
    </row>
    <row r="2681" spans="6:32" x14ac:dyDescent="0.25">
      <c r="F2681">
        <v>44.466667000000001</v>
      </c>
      <c r="G2681">
        <v>-0.44638434013871348</v>
      </c>
      <c r="AC2681">
        <v>27.25</v>
      </c>
      <c r="AD2681">
        <v>105.55</v>
      </c>
      <c r="AE2681">
        <v>8.6338419999999996</v>
      </c>
      <c r="AF2681">
        <v>4.5751306244075529</v>
      </c>
    </row>
    <row r="2682" spans="6:32" x14ac:dyDescent="0.25">
      <c r="F2682">
        <v>44.483333000000002</v>
      </c>
      <c r="G2682">
        <v>-0.44679615615771973</v>
      </c>
      <c r="AC2682">
        <v>27.266666999999998</v>
      </c>
      <c r="AD2682">
        <v>105.566667</v>
      </c>
      <c r="AE2682">
        <v>8.6338419999999996</v>
      </c>
      <c r="AF2682">
        <v>4.5751306244075529</v>
      </c>
    </row>
    <row r="2683" spans="6:32" x14ac:dyDescent="0.25">
      <c r="F2683">
        <v>44.5</v>
      </c>
      <c r="G2683">
        <v>-0.44679615615771973</v>
      </c>
      <c r="AC2683">
        <v>27.283332999999999</v>
      </c>
      <c r="AD2683">
        <v>105.583333</v>
      </c>
      <c r="AE2683">
        <v>8.6338760000000008</v>
      </c>
      <c r="AF2683">
        <v>4.5755424404265801</v>
      </c>
    </row>
    <row r="2684" spans="6:32" x14ac:dyDescent="0.25">
      <c r="F2684">
        <v>44.516666999999998</v>
      </c>
      <c r="G2684">
        <v>-0.44720797217674757</v>
      </c>
      <c r="AC2684">
        <v>27.299999999999997</v>
      </c>
      <c r="AD2684">
        <v>105.6</v>
      </c>
      <c r="AE2684">
        <v>8.6338760000000008</v>
      </c>
      <c r="AF2684">
        <v>4.5755424404265801</v>
      </c>
    </row>
    <row r="2685" spans="6:32" x14ac:dyDescent="0.25">
      <c r="F2685">
        <v>44.533332999999999</v>
      </c>
      <c r="G2685">
        <v>-0.44760767595990969</v>
      </c>
      <c r="AC2685">
        <v>27.31666700000001</v>
      </c>
      <c r="AD2685">
        <v>105.61666700000001</v>
      </c>
      <c r="AE2685">
        <v>8.6338760000000008</v>
      </c>
      <c r="AF2685">
        <v>4.5755424404265801</v>
      </c>
    </row>
    <row r="2686" spans="6:32" x14ac:dyDescent="0.25">
      <c r="F2686">
        <v>44.55</v>
      </c>
      <c r="G2686">
        <v>-0.44801949197891594</v>
      </c>
      <c r="AC2686">
        <v>27.333332999999996</v>
      </c>
      <c r="AD2686">
        <v>105.63333299999999</v>
      </c>
      <c r="AE2686">
        <v>8.6338760000000008</v>
      </c>
      <c r="AF2686">
        <v>4.5755424404265801</v>
      </c>
    </row>
    <row r="2687" spans="6:32" x14ac:dyDescent="0.25">
      <c r="F2687">
        <v>44.56666700000001</v>
      </c>
      <c r="G2687">
        <v>-0.4484313079979223</v>
      </c>
      <c r="AC2687">
        <v>27.350000000000009</v>
      </c>
      <c r="AD2687">
        <v>105.65</v>
      </c>
      <c r="AE2687">
        <v>8.6338760000000008</v>
      </c>
      <c r="AF2687">
        <v>4.5755424404265801</v>
      </c>
    </row>
    <row r="2688" spans="6:32" x14ac:dyDescent="0.25">
      <c r="F2688">
        <v>44.583332999999996</v>
      </c>
      <c r="G2688">
        <v>-0.4484313079979223</v>
      </c>
      <c r="AC2688">
        <v>27.366667000000007</v>
      </c>
      <c r="AD2688">
        <v>105.666667</v>
      </c>
      <c r="AE2688">
        <v>8.6339100000000002</v>
      </c>
      <c r="AF2688">
        <v>4.5759542564455868</v>
      </c>
    </row>
    <row r="2689" spans="6:32" x14ac:dyDescent="0.25">
      <c r="F2689">
        <v>44.600000000000009</v>
      </c>
      <c r="G2689">
        <v>-0.44883101178108431</v>
      </c>
      <c r="AC2689">
        <v>27.383333000000007</v>
      </c>
      <c r="AD2689">
        <v>105.683333</v>
      </c>
      <c r="AE2689">
        <v>8.6339100000000002</v>
      </c>
      <c r="AF2689">
        <v>4.5759542564455868</v>
      </c>
    </row>
    <row r="2690" spans="6:32" x14ac:dyDescent="0.25">
      <c r="F2690">
        <v>44.616667000000007</v>
      </c>
      <c r="G2690">
        <v>-0.44924282780011215</v>
      </c>
      <c r="AC2690">
        <v>27.400000000000006</v>
      </c>
      <c r="AD2690">
        <v>105.7</v>
      </c>
      <c r="AE2690">
        <v>8.6339100000000002</v>
      </c>
      <c r="AF2690">
        <v>4.5759542564455868</v>
      </c>
    </row>
    <row r="2691" spans="6:32" x14ac:dyDescent="0.25">
      <c r="F2691">
        <v>44.633333000000007</v>
      </c>
      <c r="G2691">
        <v>-0.44965464381911852</v>
      </c>
      <c r="AC2691">
        <v>27.416667000000004</v>
      </c>
      <c r="AD2691">
        <v>105.716667</v>
      </c>
      <c r="AE2691">
        <v>8.6339100000000002</v>
      </c>
      <c r="AF2691">
        <v>4.5759542564455868</v>
      </c>
    </row>
    <row r="2692" spans="6:32" x14ac:dyDescent="0.25">
      <c r="F2692">
        <v>44.650000000000006</v>
      </c>
      <c r="G2692">
        <v>-0.45046616362128689</v>
      </c>
      <c r="AC2692">
        <v>27.433333000000005</v>
      </c>
      <c r="AD2692">
        <v>105.733333</v>
      </c>
      <c r="AE2692">
        <v>8.6339430000000004</v>
      </c>
      <c r="AF2692">
        <v>4.5763539602287491</v>
      </c>
    </row>
    <row r="2693" spans="6:32" x14ac:dyDescent="0.25">
      <c r="F2693">
        <v>44.666667000000004</v>
      </c>
      <c r="G2693">
        <v>-0.45087797964029325</v>
      </c>
      <c r="AC2693">
        <v>27.450000000000003</v>
      </c>
      <c r="AD2693">
        <v>105.75</v>
      </c>
      <c r="AE2693">
        <v>8.6339430000000004</v>
      </c>
      <c r="AF2693">
        <v>4.5763539602287491</v>
      </c>
    </row>
    <row r="2694" spans="6:32" x14ac:dyDescent="0.25">
      <c r="F2694">
        <v>44.683333000000005</v>
      </c>
      <c r="G2694">
        <v>-0.45127768342345526</v>
      </c>
      <c r="AC2694">
        <v>27.466667000000001</v>
      </c>
      <c r="AD2694">
        <v>105.766667</v>
      </c>
      <c r="AE2694">
        <v>8.6339430000000004</v>
      </c>
      <c r="AF2694">
        <v>4.5763539602287491</v>
      </c>
    </row>
    <row r="2695" spans="6:32" x14ac:dyDescent="0.25">
      <c r="F2695">
        <v>44.7</v>
      </c>
      <c r="G2695">
        <v>-0.4516894994424831</v>
      </c>
      <c r="AC2695">
        <v>27.483333000000002</v>
      </c>
      <c r="AD2695">
        <v>105.783333</v>
      </c>
      <c r="AE2695">
        <v>8.6339430000000004</v>
      </c>
      <c r="AF2695">
        <v>4.5763539602287491</v>
      </c>
    </row>
    <row r="2696" spans="6:32" x14ac:dyDescent="0.25">
      <c r="F2696">
        <v>44.716667000000001</v>
      </c>
      <c r="G2696">
        <v>-0.45210131546148935</v>
      </c>
      <c r="AC2696">
        <v>27.5</v>
      </c>
      <c r="AD2696">
        <v>105.8</v>
      </c>
      <c r="AE2696">
        <v>8.6339430000000004</v>
      </c>
      <c r="AF2696">
        <v>4.5763539602287491</v>
      </c>
    </row>
    <row r="2697" spans="6:32" x14ac:dyDescent="0.25">
      <c r="F2697">
        <v>44.733333000000002</v>
      </c>
      <c r="G2697">
        <v>-0.45250101924465147</v>
      </c>
      <c r="AC2697">
        <v>27.516666999999998</v>
      </c>
      <c r="AD2697">
        <v>105.816667</v>
      </c>
      <c r="AE2697">
        <v>8.6339769999999998</v>
      </c>
      <c r="AF2697">
        <v>4.5767657762477558</v>
      </c>
    </row>
    <row r="2698" spans="6:32" x14ac:dyDescent="0.25">
      <c r="F2698">
        <v>44.75</v>
      </c>
      <c r="G2698">
        <v>-0.45250101924465147</v>
      </c>
      <c r="AC2698">
        <v>27.533332999999999</v>
      </c>
      <c r="AD2698">
        <v>105.833333</v>
      </c>
      <c r="AE2698">
        <v>8.6339769999999998</v>
      </c>
      <c r="AF2698">
        <v>4.5767657762477558</v>
      </c>
    </row>
    <row r="2699" spans="6:32" x14ac:dyDescent="0.25">
      <c r="F2699">
        <v>44.766666999999998</v>
      </c>
      <c r="G2699">
        <v>-0.45331253904681984</v>
      </c>
      <c r="AC2699">
        <v>27.549999999999997</v>
      </c>
      <c r="AD2699">
        <v>105.85</v>
      </c>
      <c r="AE2699">
        <v>8.6339769999999998</v>
      </c>
      <c r="AF2699">
        <v>4.5767657762477558</v>
      </c>
    </row>
    <row r="2700" spans="6:32" x14ac:dyDescent="0.25">
      <c r="F2700">
        <v>44.783332999999999</v>
      </c>
      <c r="G2700">
        <v>-0.4537243550658262</v>
      </c>
      <c r="AC2700">
        <v>27.56666700000001</v>
      </c>
      <c r="AD2700">
        <v>105.86666700000001</v>
      </c>
      <c r="AE2700">
        <v>8.6339769999999998</v>
      </c>
      <c r="AF2700">
        <v>4.5767657762477558</v>
      </c>
    </row>
    <row r="2701" spans="6:32" x14ac:dyDescent="0.25">
      <c r="F2701">
        <v>44.8</v>
      </c>
      <c r="G2701">
        <v>-0.45413617108485393</v>
      </c>
      <c r="AC2701">
        <v>27.583332999999996</v>
      </c>
      <c r="AD2701">
        <v>105.88333299999999</v>
      </c>
      <c r="AE2701">
        <v>8.6340109999999992</v>
      </c>
      <c r="AF2701">
        <v>4.5771775922667617</v>
      </c>
    </row>
    <row r="2702" spans="6:32" x14ac:dyDescent="0.25">
      <c r="F2702">
        <v>44.81666700000001</v>
      </c>
      <c r="G2702">
        <v>-0.45453587486801605</v>
      </c>
      <c r="AC2702">
        <v>27.600000000000009</v>
      </c>
      <c r="AD2702">
        <v>105.9</v>
      </c>
      <c r="AE2702">
        <v>8.6340109999999992</v>
      </c>
      <c r="AF2702">
        <v>4.5771775922667617</v>
      </c>
    </row>
    <row r="2703" spans="6:32" x14ac:dyDescent="0.25">
      <c r="F2703">
        <v>44.833332999999996</v>
      </c>
      <c r="G2703">
        <v>-0.4549476908870223</v>
      </c>
      <c r="AC2703">
        <v>27.616667000000007</v>
      </c>
      <c r="AD2703">
        <v>105.916667</v>
      </c>
      <c r="AE2703">
        <v>8.6340109999999992</v>
      </c>
      <c r="AF2703">
        <v>4.5771775922667617</v>
      </c>
    </row>
    <row r="2704" spans="6:32" x14ac:dyDescent="0.25">
      <c r="F2704">
        <v>44.850000000000009</v>
      </c>
      <c r="G2704">
        <v>-0.4549476908870223</v>
      </c>
      <c r="AC2704">
        <v>27.633333000000007</v>
      </c>
      <c r="AD2704">
        <v>105.933333</v>
      </c>
      <c r="AE2704">
        <v>8.6340439999999994</v>
      </c>
      <c r="AF2704">
        <v>4.5775772960499239</v>
      </c>
    </row>
    <row r="2705" spans="6:32" x14ac:dyDescent="0.25">
      <c r="F2705">
        <v>44.866667000000007</v>
      </c>
      <c r="G2705">
        <v>-0.45535950690602867</v>
      </c>
      <c r="AC2705">
        <v>27.650000000000006</v>
      </c>
      <c r="AD2705">
        <v>105.95</v>
      </c>
      <c r="AE2705">
        <v>8.6340439999999994</v>
      </c>
      <c r="AF2705">
        <v>4.5775772960499239</v>
      </c>
    </row>
    <row r="2706" spans="6:32" x14ac:dyDescent="0.25">
      <c r="F2706">
        <v>44.883333000000007</v>
      </c>
      <c r="G2706">
        <v>-0.45575921068919067</v>
      </c>
      <c r="AC2706">
        <v>27.666667000000004</v>
      </c>
      <c r="AD2706">
        <v>105.966667</v>
      </c>
      <c r="AE2706">
        <v>8.6340439999999994</v>
      </c>
      <c r="AF2706">
        <v>4.5775772960499239</v>
      </c>
    </row>
    <row r="2707" spans="6:32" x14ac:dyDescent="0.25">
      <c r="F2707">
        <v>44.900000000000006</v>
      </c>
      <c r="G2707">
        <v>-0.45575921068919067</v>
      </c>
      <c r="AC2707">
        <v>27.683333000000005</v>
      </c>
      <c r="AD2707">
        <v>105.983333</v>
      </c>
      <c r="AE2707">
        <v>8.6340439999999994</v>
      </c>
      <c r="AF2707">
        <v>4.5775772960499239</v>
      </c>
    </row>
    <row r="2708" spans="6:32" x14ac:dyDescent="0.25">
      <c r="F2708">
        <v>44.916667000000004</v>
      </c>
      <c r="G2708">
        <v>-0.45617102670821852</v>
      </c>
      <c r="AC2708">
        <v>27.700000000000003</v>
      </c>
      <c r="AD2708">
        <v>106</v>
      </c>
      <c r="AE2708">
        <v>8.6340780000000006</v>
      </c>
      <c r="AF2708">
        <v>4.577989112068952</v>
      </c>
    </row>
    <row r="2709" spans="6:32" x14ac:dyDescent="0.25">
      <c r="F2709">
        <v>44.933333000000005</v>
      </c>
      <c r="G2709">
        <v>-0.45617102670821852</v>
      </c>
      <c r="AC2709">
        <v>27.716667000000001</v>
      </c>
      <c r="AD2709">
        <v>106.016667</v>
      </c>
      <c r="AE2709">
        <v>8.6340780000000006</v>
      </c>
      <c r="AF2709">
        <v>4.577989112068952</v>
      </c>
    </row>
    <row r="2710" spans="6:32" x14ac:dyDescent="0.25">
      <c r="F2710">
        <v>44.95</v>
      </c>
      <c r="G2710">
        <v>-0.45617102670821852</v>
      </c>
      <c r="AC2710">
        <v>27.733333000000002</v>
      </c>
      <c r="AD2710">
        <v>106.033333</v>
      </c>
      <c r="AE2710">
        <v>8.6340780000000006</v>
      </c>
      <c r="AF2710">
        <v>4.577989112068952</v>
      </c>
    </row>
    <row r="2711" spans="6:32" x14ac:dyDescent="0.25">
      <c r="F2711">
        <v>44.966667000000001</v>
      </c>
      <c r="G2711">
        <v>-0.45658284272722488</v>
      </c>
      <c r="AC2711">
        <v>27.75</v>
      </c>
      <c r="AD2711">
        <v>106.05</v>
      </c>
      <c r="AE2711">
        <v>8.6340780000000006</v>
      </c>
      <c r="AF2711">
        <v>4.577989112068952</v>
      </c>
    </row>
    <row r="2712" spans="6:32" x14ac:dyDescent="0.25">
      <c r="F2712">
        <v>44.983333000000002</v>
      </c>
      <c r="G2712">
        <v>-0.45658284272722488</v>
      </c>
      <c r="AC2712">
        <v>27.766666999999998</v>
      </c>
      <c r="AD2712">
        <v>106.066667</v>
      </c>
      <c r="AE2712">
        <v>8.634112</v>
      </c>
      <c r="AF2712">
        <v>4.5784009280879578</v>
      </c>
    </row>
    <row r="2713" spans="6:32" x14ac:dyDescent="0.25">
      <c r="F2713">
        <v>45</v>
      </c>
      <c r="G2713">
        <v>-0.45658284272722488</v>
      </c>
      <c r="AC2713">
        <v>27.783332999999999</v>
      </c>
      <c r="AD2713">
        <v>106.083333</v>
      </c>
      <c r="AE2713">
        <v>8.634112</v>
      </c>
      <c r="AF2713">
        <v>4.5784009280879578</v>
      </c>
    </row>
    <row r="2714" spans="6:32" x14ac:dyDescent="0.25">
      <c r="F2714">
        <v>45.016666999999998</v>
      </c>
      <c r="G2714">
        <v>-0.45658284272722488</v>
      </c>
      <c r="AC2714">
        <v>27.799999999999997</v>
      </c>
      <c r="AD2714">
        <v>106.1</v>
      </c>
      <c r="AE2714">
        <v>8.634112</v>
      </c>
      <c r="AF2714">
        <v>4.5784009280879578</v>
      </c>
    </row>
    <row r="2715" spans="6:32" x14ac:dyDescent="0.25">
      <c r="F2715">
        <v>45.033332999999999</v>
      </c>
      <c r="G2715">
        <v>-0.45658284272722488</v>
      </c>
      <c r="AC2715">
        <v>27.81666700000001</v>
      </c>
      <c r="AD2715">
        <v>106.11666700000001</v>
      </c>
      <c r="AE2715">
        <v>8.6341450000000002</v>
      </c>
      <c r="AF2715">
        <v>4.5788006318711201</v>
      </c>
    </row>
    <row r="2716" spans="6:32" x14ac:dyDescent="0.25">
      <c r="F2716">
        <v>45.05</v>
      </c>
      <c r="G2716">
        <v>-0.45658284272722488</v>
      </c>
      <c r="AC2716">
        <v>27.833332999999996</v>
      </c>
      <c r="AD2716">
        <v>106.13333299999999</v>
      </c>
      <c r="AE2716">
        <v>8.6341450000000002</v>
      </c>
      <c r="AF2716">
        <v>4.5788006318711201</v>
      </c>
    </row>
    <row r="2717" spans="6:32" x14ac:dyDescent="0.25">
      <c r="F2717">
        <v>45.06666700000001</v>
      </c>
      <c r="G2717">
        <v>-0.45658284272722488</v>
      </c>
      <c r="AC2717">
        <v>27.850000000000009</v>
      </c>
      <c r="AD2717">
        <v>106.15</v>
      </c>
      <c r="AE2717">
        <v>8.6341450000000002</v>
      </c>
      <c r="AF2717">
        <v>4.5788006318711201</v>
      </c>
    </row>
    <row r="2718" spans="6:32" x14ac:dyDescent="0.25">
      <c r="F2718">
        <v>45.083332999999996</v>
      </c>
      <c r="G2718">
        <v>-0.45658284272722488</v>
      </c>
      <c r="AC2718">
        <v>27.866667000000007</v>
      </c>
      <c r="AD2718">
        <v>106.166667</v>
      </c>
      <c r="AE2718">
        <v>8.6341789999999996</v>
      </c>
      <c r="AF2718">
        <v>4.5792124478901259</v>
      </c>
    </row>
    <row r="2719" spans="6:32" x14ac:dyDescent="0.25">
      <c r="F2719">
        <v>45.100000000000009</v>
      </c>
      <c r="G2719">
        <v>-0.45617102670821852</v>
      </c>
      <c r="AC2719">
        <v>27.883333000000007</v>
      </c>
      <c r="AD2719">
        <v>106.183333</v>
      </c>
      <c r="AE2719">
        <v>8.6341789999999996</v>
      </c>
      <c r="AF2719">
        <v>4.5792124478901259</v>
      </c>
    </row>
    <row r="2720" spans="6:32" x14ac:dyDescent="0.25">
      <c r="F2720">
        <v>45.116667000000007</v>
      </c>
      <c r="G2720">
        <v>-0.45617102670821852</v>
      </c>
      <c r="AC2720">
        <v>27.900000000000006</v>
      </c>
      <c r="AD2720">
        <v>106.2</v>
      </c>
      <c r="AE2720">
        <v>8.6342130000000008</v>
      </c>
      <c r="AF2720">
        <v>4.5796242639091549</v>
      </c>
    </row>
    <row r="2721" spans="6:32" x14ac:dyDescent="0.25">
      <c r="F2721">
        <v>45.133333000000007</v>
      </c>
      <c r="G2721">
        <v>-0.45617102670821852</v>
      </c>
      <c r="AC2721">
        <v>27.916667000000004</v>
      </c>
      <c r="AD2721">
        <v>106.216667</v>
      </c>
      <c r="AE2721">
        <v>8.6342130000000008</v>
      </c>
      <c r="AF2721">
        <v>4.5796242639091549</v>
      </c>
    </row>
    <row r="2722" spans="6:32" x14ac:dyDescent="0.25">
      <c r="F2722">
        <v>45.150000000000006</v>
      </c>
      <c r="G2722">
        <v>-0.45617102670821852</v>
      </c>
      <c r="AC2722">
        <v>27.933333000000005</v>
      </c>
      <c r="AD2722">
        <v>106.233333</v>
      </c>
      <c r="AE2722">
        <v>8.6342459999999992</v>
      </c>
      <c r="AF2722">
        <v>4.5800239676922949</v>
      </c>
    </row>
    <row r="2723" spans="6:32" x14ac:dyDescent="0.25">
      <c r="F2723">
        <v>45.166667000000004</v>
      </c>
      <c r="G2723">
        <v>-0.45617102670821852</v>
      </c>
      <c r="AC2723">
        <v>27.950000000000003</v>
      </c>
      <c r="AD2723">
        <v>106.25</v>
      </c>
      <c r="AE2723">
        <v>8.6342459999999992</v>
      </c>
      <c r="AF2723">
        <v>4.5800239676922949</v>
      </c>
    </row>
    <row r="2724" spans="6:32" x14ac:dyDescent="0.25">
      <c r="F2724">
        <v>45.183333000000005</v>
      </c>
      <c r="G2724">
        <v>-0.45575921068919067</v>
      </c>
      <c r="AC2724">
        <v>27.966667000000001</v>
      </c>
      <c r="AD2724">
        <v>106.266667</v>
      </c>
      <c r="AE2724">
        <v>8.6342459999999992</v>
      </c>
      <c r="AF2724">
        <v>4.5800239676922949</v>
      </c>
    </row>
    <row r="2725" spans="6:32" x14ac:dyDescent="0.25">
      <c r="F2725">
        <v>45.2</v>
      </c>
      <c r="G2725">
        <v>-0.45575921068919067</v>
      </c>
      <c r="AC2725">
        <v>27.983333000000002</v>
      </c>
      <c r="AD2725">
        <v>106.283333</v>
      </c>
      <c r="AE2725">
        <v>8.6342800000000004</v>
      </c>
      <c r="AF2725">
        <v>4.5804357837113221</v>
      </c>
    </row>
    <row r="2726" spans="6:32" x14ac:dyDescent="0.25">
      <c r="F2726">
        <v>45.216667000000001</v>
      </c>
      <c r="G2726">
        <v>-0.45575921068919067</v>
      </c>
      <c r="AC2726">
        <v>28</v>
      </c>
      <c r="AD2726">
        <v>106.3</v>
      </c>
      <c r="AE2726">
        <v>8.6342800000000004</v>
      </c>
      <c r="AF2726">
        <v>4.5804357837113221</v>
      </c>
    </row>
    <row r="2727" spans="6:32" x14ac:dyDescent="0.25">
      <c r="F2727">
        <v>45.233333000000002</v>
      </c>
      <c r="G2727">
        <v>-0.45535950690602867</v>
      </c>
      <c r="AC2727">
        <v>28.016666999999998</v>
      </c>
      <c r="AD2727">
        <v>106.316667</v>
      </c>
      <c r="AE2727">
        <v>8.6342800000000004</v>
      </c>
      <c r="AF2727">
        <v>4.5804357837113221</v>
      </c>
    </row>
    <row r="2728" spans="6:32" x14ac:dyDescent="0.25">
      <c r="F2728">
        <v>45.25</v>
      </c>
      <c r="G2728">
        <v>-0.45535950690602867</v>
      </c>
      <c r="AC2728">
        <v>28.033332999999999</v>
      </c>
      <c r="AD2728">
        <v>106.333333</v>
      </c>
      <c r="AE2728">
        <v>8.6342800000000004</v>
      </c>
      <c r="AF2728">
        <v>4.5804357837113221</v>
      </c>
    </row>
    <row r="2729" spans="6:32" x14ac:dyDescent="0.25">
      <c r="F2729">
        <v>45.266666999999998</v>
      </c>
      <c r="G2729">
        <v>-0.45535950690602867</v>
      </c>
      <c r="AC2729">
        <v>28.049999999999997</v>
      </c>
      <c r="AD2729">
        <v>106.35</v>
      </c>
      <c r="AE2729">
        <v>8.6343139999999998</v>
      </c>
      <c r="AF2729">
        <v>4.5808475997303288</v>
      </c>
    </row>
    <row r="2730" spans="6:32" x14ac:dyDescent="0.25">
      <c r="F2730">
        <v>45.283332999999999</v>
      </c>
      <c r="G2730">
        <v>-0.4549476908870223</v>
      </c>
      <c r="AC2730">
        <v>28.06666700000001</v>
      </c>
      <c r="AD2730">
        <v>106.36666700000001</v>
      </c>
      <c r="AE2730">
        <v>8.6343139999999998</v>
      </c>
      <c r="AF2730">
        <v>4.5808475997303288</v>
      </c>
    </row>
    <row r="2731" spans="6:32" x14ac:dyDescent="0.25">
      <c r="F2731">
        <v>45.3</v>
      </c>
      <c r="G2731">
        <v>-0.4549476908870223</v>
      </c>
      <c r="AC2731">
        <v>28.083332999999996</v>
      </c>
      <c r="AD2731">
        <v>106.38333299999999</v>
      </c>
      <c r="AE2731">
        <v>8.6343139999999998</v>
      </c>
      <c r="AF2731">
        <v>4.5808475997303288</v>
      </c>
    </row>
    <row r="2732" spans="6:32" x14ac:dyDescent="0.25">
      <c r="F2732">
        <v>45.31666700000001</v>
      </c>
      <c r="G2732">
        <v>-0.45453587486801605</v>
      </c>
      <c r="AC2732">
        <v>28.100000000000009</v>
      </c>
      <c r="AD2732">
        <v>106.4</v>
      </c>
      <c r="AE2732">
        <v>8.634347</v>
      </c>
      <c r="AF2732">
        <v>4.5812473035134911</v>
      </c>
    </row>
    <row r="2733" spans="6:32" x14ac:dyDescent="0.25">
      <c r="F2733">
        <v>45.333332999999996</v>
      </c>
      <c r="G2733">
        <v>-0.45413617108485393</v>
      </c>
      <c r="AC2733">
        <v>28.116667000000007</v>
      </c>
      <c r="AD2733">
        <v>106.416667</v>
      </c>
      <c r="AE2733">
        <v>8.634347</v>
      </c>
      <c r="AF2733">
        <v>4.5812473035134911</v>
      </c>
    </row>
    <row r="2734" spans="6:32" x14ac:dyDescent="0.25">
      <c r="F2734">
        <v>45.350000000000009</v>
      </c>
      <c r="G2734">
        <v>-0.45413617108485393</v>
      </c>
      <c r="AC2734">
        <v>28.133333000000007</v>
      </c>
      <c r="AD2734">
        <v>106.433333</v>
      </c>
      <c r="AE2734">
        <v>8.6343809999999994</v>
      </c>
      <c r="AF2734">
        <v>4.5816591195324978</v>
      </c>
    </row>
    <row r="2735" spans="6:32" x14ac:dyDescent="0.25">
      <c r="F2735">
        <v>45.366667000000007</v>
      </c>
      <c r="G2735">
        <v>-0.45413617108485393</v>
      </c>
      <c r="AC2735">
        <v>28.150000000000006</v>
      </c>
      <c r="AD2735">
        <v>106.45</v>
      </c>
      <c r="AE2735">
        <v>8.6343809999999994</v>
      </c>
      <c r="AF2735">
        <v>4.5816591195324978</v>
      </c>
    </row>
    <row r="2736" spans="6:32" x14ac:dyDescent="0.25">
      <c r="F2736">
        <v>45.383333000000007</v>
      </c>
      <c r="G2736">
        <v>-0.4537243550658262</v>
      </c>
      <c r="AC2736">
        <v>28.166667000000004</v>
      </c>
      <c r="AD2736">
        <v>106.466667</v>
      </c>
      <c r="AE2736">
        <v>8.6343809999999994</v>
      </c>
      <c r="AF2736">
        <v>4.5816591195324978</v>
      </c>
    </row>
    <row r="2737" spans="6:32" x14ac:dyDescent="0.25">
      <c r="F2737">
        <v>45.400000000000006</v>
      </c>
      <c r="G2737">
        <v>-0.4537243550658262</v>
      </c>
      <c r="AC2737">
        <v>28.183333000000005</v>
      </c>
      <c r="AD2737">
        <v>106.483333</v>
      </c>
      <c r="AE2737">
        <v>8.6344150000000006</v>
      </c>
      <c r="AF2737">
        <v>4.582070935551525</v>
      </c>
    </row>
    <row r="2738" spans="6:32" x14ac:dyDescent="0.25">
      <c r="F2738">
        <v>45.416667000000004</v>
      </c>
      <c r="G2738">
        <v>-0.45331253904681984</v>
      </c>
      <c r="AC2738">
        <v>28.200000000000003</v>
      </c>
      <c r="AD2738">
        <v>106.5</v>
      </c>
      <c r="AE2738">
        <v>8.6344150000000006</v>
      </c>
      <c r="AF2738">
        <v>4.582070935551525</v>
      </c>
    </row>
    <row r="2739" spans="6:32" x14ac:dyDescent="0.25">
      <c r="F2739">
        <v>45.433333000000005</v>
      </c>
      <c r="G2739">
        <v>-0.45331253904681984</v>
      </c>
      <c r="AC2739">
        <v>28.216667000000001</v>
      </c>
      <c r="AD2739">
        <v>106.516667</v>
      </c>
      <c r="AE2739">
        <v>8.6344480000000008</v>
      </c>
      <c r="AF2739">
        <v>4.5824706393346872</v>
      </c>
    </row>
    <row r="2740" spans="6:32" x14ac:dyDescent="0.25">
      <c r="F2740">
        <v>45.45</v>
      </c>
      <c r="G2740">
        <v>-0.45291283526365772</v>
      </c>
      <c r="AC2740">
        <v>28.233333000000002</v>
      </c>
      <c r="AD2740">
        <v>106.533333</v>
      </c>
      <c r="AE2740">
        <v>8.6344480000000008</v>
      </c>
      <c r="AF2740">
        <v>4.5824706393346872</v>
      </c>
    </row>
    <row r="2741" spans="6:32" x14ac:dyDescent="0.25">
      <c r="F2741">
        <v>45.466667000000001</v>
      </c>
      <c r="G2741">
        <v>-0.45250101924465147</v>
      </c>
      <c r="AC2741">
        <v>28.25</v>
      </c>
      <c r="AD2741">
        <v>106.55</v>
      </c>
      <c r="AE2741">
        <v>8.6344480000000008</v>
      </c>
      <c r="AF2741">
        <v>4.5824706393346872</v>
      </c>
    </row>
    <row r="2742" spans="6:32" x14ac:dyDescent="0.25">
      <c r="F2742">
        <v>45.483333000000002</v>
      </c>
      <c r="G2742">
        <v>-0.45250101924465147</v>
      </c>
      <c r="AC2742">
        <v>28.266666999999998</v>
      </c>
      <c r="AD2742">
        <v>106.566667</v>
      </c>
      <c r="AE2742">
        <v>8.6344820000000002</v>
      </c>
      <c r="AF2742">
        <v>4.582882455353694</v>
      </c>
    </row>
    <row r="2743" spans="6:32" x14ac:dyDescent="0.25">
      <c r="F2743">
        <v>45.5</v>
      </c>
      <c r="G2743">
        <v>-0.45210131546148935</v>
      </c>
      <c r="AC2743">
        <v>28.283332999999999</v>
      </c>
      <c r="AD2743">
        <v>106.583333</v>
      </c>
      <c r="AE2743">
        <v>8.6344820000000002</v>
      </c>
      <c r="AF2743">
        <v>4.582882455353694</v>
      </c>
    </row>
    <row r="2744" spans="6:32" x14ac:dyDescent="0.25">
      <c r="F2744">
        <v>45.516666999999998</v>
      </c>
      <c r="G2744">
        <v>-0.45210131546148935</v>
      </c>
      <c r="AC2744">
        <v>28.299999999999997</v>
      </c>
      <c r="AD2744">
        <v>106.6</v>
      </c>
      <c r="AE2744">
        <v>8.6344820000000002</v>
      </c>
      <c r="AF2744">
        <v>4.582882455353694</v>
      </c>
    </row>
    <row r="2745" spans="6:32" x14ac:dyDescent="0.25">
      <c r="F2745">
        <v>45.533332999999999</v>
      </c>
      <c r="G2745">
        <v>-0.4516894994424831</v>
      </c>
      <c r="AC2745">
        <v>28.31666700000001</v>
      </c>
      <c r="AD2745">
        <v>106.61666700000001</v>
      </c>
      <c r="AE2745">
        <v>8.6344820000000002</v>
      </c>
      <c r="AF2745">
        <v>4.582882455353694</v>
      </c>
    </row>
    <row r="2746" spans="6:32" x14ac:dyDescent="0.25">
      <c r="F2746">
        <v>45.55</v>
      </c>
      <c r="G2746">
        <v>-0.45127768342345526</v>
      </c>
      <c r="AC2746">
        <v>28.333332999999996</v>
      </c>
      <c r="AD2746">
        <v>106.63333299999999</v>
      </c>
      <c r="AE2746">
        <v>8.6345159999999996</v>
      </c>
      <c r="AF2746">
        <v>4.5832942713726998</v>
      </c>
    </row>
    <row r="2747" spans="6:32" x14ac:dyDescent="0.25">
      <c r="F2747">
        <v>45.56666700000001</v>
      </c>
      <c r="G2747">
        <v>-0.45127768342345526</v>
      </c>
      <c r="AC2747">
        <v>28.350000000000009</v>
      </c>
      <c r="AD2747">
        <v>106.65</v>
      </c>
      <c r="AE2747">
        <v>8.6345159999999996</v>
      </c>
      <c r="AF2747">
        <v>4.5832942713726998</v>
      </c>
    </row>
    <row r="2748" spans="6:32" x14ac:dyDescent="0.25">
      <c r="F2748">
        <v>45.583332999999996</v>
      </c>
      <c r="G2748">
        <v>-0.45087797964029325</v>
      </c>
      <c r="AC2748">
        <v>28.366667000000007</v>
      </c>
      <c r="AD2748">
        <v>106.666667</v>
      </c>
      <c r="AE2748">
        <v>8.6345159999999996</v>
      </c>
      <c r="AF2748">
        <v>4.5832942713726998</v>
      </c>
    </row>
    <row r="2749" spans="6:32" x14ac:dyDescent="0.25">
      <c r="F2749">
        <v>45.600000000000009</v>
      </c>
      <c r="G2749">
        <v>-0.45087797964029325</v>
      </c>
      <c r="AC2749">
        <v>28.383333000000007</v>
      </c>
      <c r="AD2749">
        <v>106.683333</v>
      </c>
      <c r="AE2749">
        <v>8.6345489999999998</v>
      </c>
      <c r="AF2749">
        <v>4.5836939751558621</v>
      </c>
    </row>
    <row r="2750" spans="6:32" x14ac:dyDescent="0.25">
      <c r="F2750">
        <v>45.616667000000007</v>
      </c>
      <c r="G2750">
        <v>-0.45046616362128689</v>
      </c>
      <c r="AC2750">
        <v>28.400000000000006</v>
      </c>
      <c r="AD2750">
        <v>106.7</v>
      </c>
      <c r="AE2750">
        <v>8.6345489999999998</v>
      </c>
      <c r="AF2750">
        <v>4.5836939751558621</v>
      </c>
    </row>
    <row r="2751" spans="6:32" x14ac:dyDescent="0.25">
      <c r="F2751">
        <v>45.633333000000007</v>
      </c>
      <c r="G2751">
        <v>-0.45005434760228052</v>
      </c>
      <c r="AC2751">
        <v>28.416667000000004</v>
      </c>
      <c r="AD2751">
        <v>106.716667</v>
      </c>
      <c r="AE2751">
        <v>8.6345489999999998</v>
      </c>
      <c r="AF2751">
        <v>4.5836939751558621</v>
      </c>
    </row>
    <row r="2752" spans="6:32" x14ac:dyDescent="0.25">
      <c r="F2752">
        <v>45.650000000000006</v>
      </c>
      <c r="G2752">
        <v>-0.45005434760228052</v>
      </c>
      <c r="AC2752">
        <v>28.433333000000005</v>
      </c>
      <c r="AD2752">
        <v>106.733333</v>
      </c>
      <c r="AE2752">
        <v>8.6345829999999992</v>
      </c>
      <c r="AF2752">
        <v>4.5841057911748679</v>
      </c>
    </row>
    <row r="2753" spans="6:32" x14ac:dyDescent="0.25">
      <c r="F2753">
        <v>45.666667000000004</v>
      </c>
      <c r="G2753">
        <v>-0.44965464381911852</v>
      </c>
      <c r="AC2753">
        <v>28.450000000000003</v>
      </c>
      <c r="AD2753">
        <v>106.75</v>
      </c>
      <c r="AE2753">
        <v>8.6345829999999992</v>
      </c>
      <c r="AF2753">
        <v>4.5841057911748679</v>
      </c>
    </row>
    <row r="2754" spans="6:32" x14ac:dyDescent="0.25">
      <c r="F2754">
        <v>45.683333000000005</v>
      </c>
      <c r="G2754">
        <v>-0.44965464381911852</v>
      </c>
      <c r="AC2754">
        <v>28.466667000000001</v>
      </c>
      <c r="AD2754">
        <v>106.766667</v>
      </c>
      <c r="AE2754">
        <v>8.6346170000000004</v>
      </c>
      <c r="AF2754">
        <v>4.584517607193896</v>
      </c>
    </row>
    <row r="2755" spans="6:32" x14ac:dyDescent="0.25">
      <c r="F2755">
        <v>45.7</v>
      </c>
      <c r="G2755">
        <v>-0.44924282780011215</v>
      </c>
      <c r="AC2755">
        <v>28.483333000000002</v>
      </c>
      <c r="AD2755">
        <v>106.783333</v>
      </c>
      <c r="AE2755">
        <v>8.6346170000000004</v>
      </c>
      <c r="AF2755">
        <v>4.584517607193896</v>
      </c>
    </row>
    <row r="2756" spans="6:32" x14ac:dyDescent="0.25">
      <c r="F2756">
        <v>45.716667000000001</v>
      </c>
      <c r="G2756">
        <v>-0.44924282780011215</v>
      </c>
      <c r="AC2756">
        <v>28.5</v>
      </c>
      <c r="AD2756">
        <v>106.8</v>
      </c>
      <c r="AE2756">
        <v>8.6346170000000004</v>
      </c>
      <c r="AF2756">
        <v>4.584517607193896</v>
      </c>
    </row>
    <row r="2757" spans="6:32" x14ac:dyDescent="0.25">
      <c r="F2757">
        <v>45.733333000000002</v>
      </c>
      <c r="G2757">
        <v>-0.44883101178108431</v>
      </c>
      <c r="AC2757">
        <v>28.516666999999998</v>
      </c>
      <c r="AD2757">
        <v>106.816667</v>
      </c>
      <c r="AE2757">
        <v>8.6346500000000006</v>
      </c>
      <c r="AF2757">
        <v>4.5849173109770582</v>
      </c>
    </row>
    <row r="2758" spans="6:32" x14ac:dyDescent="0.25">
      <c r="F2758">
        <v>45.75</v>
      </c>
      <c r="G2758">
        <v>-0.4484313079979223</v>
      </c>
      <c r="AC2758">
        <v>28.533332999999999</v>
      </c>
      <c r="AD2758">
        <v>106.833333</v>
      </c>
      <c r="AE2758">
        <v>8.6346500000000006</v>
      </c>
      <c r="AF2758">
        <v>4.5849173109770582</v>
      </c>
    </row>
    <row r="2759" spans="6:32" x14ac:dyDescent="0.25">
      <c r="F2759">
        <v>45.766666999999998</v>
      </c>
      <c r="G2759">
        <v>-0.4484313079979223</v>
      </c>
      <c r="AC2759">
        <v>28.549999999999997</v>
      </c>
      <c r="AD2759">
        <v>106.85</v>
      </c>
      <c r="AE2759">
        <v>8.6346500000000006</v>
      </c>
      <c r="AF2759">
        <v>4.5849173109770582</v>
      </c>
    </row>
    <row r="2760" spans="6:32" x14ac:dyDescent="0.25">
      <c r="F2760">
        <v>45.783332999999999</v>
      </c>
      <c r="G2760">
        <v>-0.44801949197891594</v>
      </c>
      <c r="AC2760">
        <v>28.56666700000001</v>
      </c>
      <c r="AD2760">
        <v>106.86666700000001</v>
      </c>
      <c r="AE2760">
        <v>8.634684</v>
      </c>
      <c r="AF2760">
        <v>4.5853291269960641</v>
      </c>
    </row>
    <row r="2761" spans="6:32" x14ac:dyDescent="0.25">
      <c r="F2761">
        <v>45.8</v>
      </c>
      <c r="G2761">
        <v>-0.44760767595990969</v>
      </c>
      <c r="AC2761">
        <v>28.583332999999996</v>
      </c>
      <c r="AD2761">
        <v>106.88333299999999</v>
      </c>
      <c r="AE2761">
        <v>8.634684</v>
      </c>
      <c r="AF2761">
        <v>4.5853291269960641</v>
      </c>
    </row>
    <row r="2762" spans="6:32" x14ac:dyDescent="0.25">
      <c r="F2762">
        <v>45.81666700000001</v>
      </c>
      <c r="G2762">
        <v>-0.44760767595990969</v>
      </c>
      <c r="AC2762">
        <v>28.600000000000009</v>
      </c>
      <c r="AD2762">
        <v>106.9</v>
      </c>
      <c r="AE2762">
        <v>8.634684</v>
      </c>
      <c r="AF2762">
        <v>4.5853291269960641</v>
      </c>
    </row>
    <row r="2763" spans="6:32" x14ac:dyDescent="0.25">
      <c r="F2763">
        <v>45.833332999999996</v>
      </c>
      <c r="G2763">
        <v>-0.44720797217674757</v>
      </c>
      <c r="AC2763">
        <v>28.616667000000007</v>
      </c>
      <c r="AD2763">
        <v>106.916667</v>
      </c>
      <c r="AE2763">
        <v>8.634684</v>
      </c>
      <c r="AF2763">
        <v>4.5853291269960641</v>
      </c>
    </row>
    <row r="2764" spans="6:32" x14ac:dyDescent="0.25">
      <c r="F2764">
        <v>45.850000000000009</v>
      </c>
      <c r="G2764">
        <v>-0.44679615615771973</v>
      </c>
      <c r="AC2764">
        <v>28.633333000000007</v>
      </c>
      <c r="AD2764">
        <v>106.933333</v>
      </c>
      <c r="AE2764">
        <v>8.634684</v>
      </c>
      <c r="AF2764">
        <v>4.5853291269960641</v>
      </c>
    </row>
    <row r="2765" spans="6:32" x14ac:dyDescent="0.25">
      <c r="F2765">
        <v>45.866667000000007</v>
      </c>
      <c r="G2765">
        <v>-0.44638434013871348</v>
      </c>
      <c r="AC2765">
        <v>28.650000000000006</v>
      </c>
      <c r="AD2765">
        <v>106.95</v>
      </c>
      <c r="AE2765">
        <v>8.6347179999999994</v>
      </c>
      <c r="AF2765">
        <v>4.5857409430150708</v>
      </c>
    </row>
    <row r="2766" spans="6:32" x14ac:dyDescent="0.25">
      <c r="F2766">
        <v>45.883333000000007</v>
      </c>
      <c r="G2766">
        <v>-0.44638434013871348</v>
      </c>
      <c r="AC2766">
        <v>28.666667000000004</v>
      </c>
      <c r="AD2766">
        <v>106.966667</v>
      </c>
      <c r="AE2766">
        <v>8.6347179999999994</v>
      </c>
      <c r="AF2766">
        <v>4.5857409430150708</v>
      </c>
    </row>
    <row r="2767" spans="6:32" x14ac:dyDescent="0.25">
      <c r="F2767">
        <v>45.900000000000006</v>
      </c>
      <c r="G2767">
        <v>-0.44598463635555136</v>
      </c>
      <c r="AC2767">
        <v>28.683333000000005</v>
      </c>
      <c r="AD2767">
        <v>106.983333</v>
      </c>
      <c r="AE2767">
        <v>8.6347179999999994</v>
      </c>
      <c r="AF2767">
        <v>4.5857409430150708</v>
      </c>
    </row>
    <row r="2768" spans="6:32" x14ac:dyDescent="0.25">
      <c r="F2768">
        <v>45.916667000000004</v>
      </c>
      <c r="G2768">
        <v>-0.44598463635555136</v>
      </c>
      <c r="AC2768">
        <v>28.700000000000003</v>
      </c>
      <c r="AD2768">
        <v>107</v>
      </c>
      <c r="AE2768">
        <v>8.6347179999999994</v>
      </c>
      <c r="AF2768">
        <v>4.5857409430150708</v>
      </c>
    </row>
    <row r="2769" spans="6:32" x14ac:dyDescent="0.25">
      <c r="F2769">
        <v>45.933333000000005</v>
      </c>
      <c r="G2769">
        <v>-0.44557282033654511</v>
      </c>
      <c r="AC2769">
        <v>28.716667000000001</v>
      </c>
      <c r="AD2769">
        <v>107.016667</v>
      </c>
      <c r="AE2769">
        <v>8.6347179999999994</v>
      </c>
      <c r="AF2769">
        <v>4.5857409430150708</v>
      </c>
    </row>
    <row r="2770" spans="6:32" x14ac:dyDescent="0.25">
      <c r="F2770">
        <v>45.95</v>
      </c>
      <c r="G2770">
        <v>-0.44516100431753874</v>
      </c>
      <c r="AC2770">
        <v>28.733333000000002</v>
      </c>
      <c r="AD2770">
        <v>107.033333</v>
      </c>
      <c r="AE2770">
        <v>8.6347509999999996</v>
      </c>
      <c r="AF2770">
        <v>4.5861406467982331</v>
      </c>
    </row>
    <row r="2771" spans="6:32" x14ac:dyDescent="0.25">
      <c r="F2771">
        <v>45.966667000000001</v>
      </c>
      <c r="G2771">
        <v>-0.44476130053437674</v>
      </c>
      <c r="AC2771">
        <v>28.75</v>
      </c>
      <c r="AD2771">
        <v>107.05</v>
      </c>
      <c r="AE2771">
        <v>8.6347509999999996</v>
      </c>
      <c r="AF2771">
        <v>4.5861406467982331</v>
      </c>
    </row>
    <row r="2772" spans="6:32" x14ac:dyDescent="0.25">
      <c r="F2772">
        <v>45.983333000000002</v>
      </c>
      <c r="G2772">
        <v>-0.44476130053437674</v>
      </c>
      <c r="AC2772">
        <v>28.766666999999998</v>
      </c>
      <c r="AD2772">
        <v>107.066667</v>
      </c>
      <c r="AE2772">
        <v>8.6347509999999996</v>
      </c>
      <c r="AF2772">
        <v>4.5861406467982331</v>
      </c>
    </row>
    <row r="2773" spans="6:32" x14ac:dyDescent="0.25">
      <c r="F2773">
        <v>46</v>
      </c>
      <c r="G2773">
        <v>-0.44434948451534889</v>
      </c>
      <c r="AC2773">
        <v>28.783332999999999</v>
      </c>
      <c r="AD2773">
        <v>107.083333</v>
      </c>
      <c r="AE2773">
        <v>8.6347850000000008</v>
      </c>
      <c r="AF2773">
        <v>4.5865524628172603</v>
      </c>
    </row>
    <row r="2774" spans="6:32" x14ac:dyDescent="0.25">
      <c r="F2774">
        <v>46.016666999999998</v>
      </c>
      <c r="G2774">
        <v>-0.44393766849634253</v>
      </c>
      <c r="AC2774">
        <v>28.799999999999997</v>
      </c>
      <c r="AD2774">
        <v>107.1</v>
      </c>
      <c r="AE2774">
        <v>8.6347850000000008</v>
      </c>
      <c r="AF2774">
        <v>4.5865524628172603</v>
      </c>
    </row>
    <row r="2775" spans="6:32" x14ac:dyDescent="0.25">
      <c r="F2775">
        <v>46.033332999999999</v>
      </c>
      <c r="G2775">
        <v>-0.44353796471318052</v>
      </c>
      <c r="AC2775">
        <v>28.81666700000001</v>
      </c>
      <c r="AD2775">
        <v>107.11666700000001</v>
      </c>
      <c r="AE2775">
        <v>8.6347850000000008</v>
      </c>
      <c r="AF2775">
        <v>4.5865524628172603</v>
      </c>
    </row>
    <row r="2776" spans="6:32" x14ac:dyDescent="0.25">
      <c r="F2776">
        <v>46.05</v>
      </c>
      <c r="G2776">
        <v>-0.44312614869417416</v>
      </c>
      <c r="AC2776">
        <v>28.833332999999996</v>
      </c>
      <c r="AD2776">
        <v>107.13333299999999</v>
      </c>
      <c r="AE2776">
        <v>8.6347850000000008</v>
      </c>
      <c r="AF2776">
        <v>4.5865524628172603</v>
      </c>
    </row>
    <row r="2777" spans="6:32" x14ac:dyDescent="0.25">
      <c r="F2777">
        <v>46.06666700000001</v>
      </c>
      <c r="G2777">
        <v>-0.44312614869417416</v>
      </c>
      <c r="AC2777">
        <v>28.850000000000009</v>
      </c>
      <c r="AD2777">
        <v>107.15</v>
      </c>
      <c r="AE2777">
        <v>8.6348179999999992</v>
      </c>
      <c r="AF2777">
        <v>4.5869521666004012</v>
      </c>
    </row>
    <row r="2778" spans="6:32" x14ac:dyDescent="0.25">
      <c r="F2778">
        <v>46.083332999999996</v>
      </c>
      <c r="G2778">
        <v>-0.44271433267514632</v>
      </c>
      <c r="AC2778">
        <v>28.866667000000007</v>
      </c>
      <c r="AD2778">
        <v>107.166667</v>
      </c>
      <c r="AE2778">
        <v>8.6348179999999992</v>
      </c>
      <c r="AF2778">
        <v>4.5869521666004012</v>
      </c>
    </row>
    <row r="2779" spans="6:32" x14ac:dyDescent="0.25">
      <c r="F2779">
        <v>46.100000000000009</v>
      </c>
      <c r="G2779">
        <v>-0.44231462889200585</v>
      </c>
      <c r="AC2779">
        <v>28.883333000000007</v>
      </c>
      <c r="AD2779">
        <v>107.183333</v>
      </c>
      <c r="AE2779">
        <v>8.6348179999999992</v>
      </c>
      <c r="AF2779">
        <v>4.5869521666004012</v>
      </c>
    </row>
    <row r="2780" spans="6:32" x14ac:dyDescent="0.25">
      <c r="F2780">
        <v>46.116667000000007</v>
      </c>
      <c r="G2780">
        <v>-0.44190281287297795</v>
      </c>
      <c r="AC2780">
        <v>28.900000000000006</v>
      </c>
      <c r="AD2780">
        <v>107.2</v>
      </c>
      <c r="AE2780">
        <v>8.6348179999999992</v>
      </c>
      <c r="AF2780">
        <v>4.5869521666004012</v>
      </c>
    </row>
    <row r="2781" spans="6:32" x14ac:dyDescent="0.25">
      <c r="F2781">
        <v>46.133333000000007</v>
      </c>
      <c r="G2781">
        <v>-0.4414909968539717</v>
      </c>
      <c r="AC2781">
        <v>28.916667000000004</v>
      </c>
      <c r="AD2781">
        <v>107.216667</v>
      </c>
      <c r="AE2781">
        <v>8.6348520000000004</v>
      </c>
      <c r="AF2781">
        <v>4.5873639826194283</v>
      </c>
    </row>
    <row r="2782" spans="6:32" x14ac:dyDescent="0.25">
      <c r="F2782">
        <v>46.150000000000006</v>
      </c>
      <c r="G2782">
        <v>-0.44109129307080958</v>
      </c>
      <c r="AC2782">
        <v>28.933333000000005</v>
      </c>
      <c r="AD2782">
        <v>107.233333</v>
      </c>
      <c r="AE2782">
        <v>8.6348520000000004</v>
      </c>
      <c r="AF2782">
        <v>4.5873639826194283</v>
      </c>
    </row>
    <row r="2783" spans="6:32" x14ac:dyDescent="0.25">
      <c r="F2783">
        <v>46.166667000000004</v>
      </c>
      <c r="G2783">
        <v>-0.44067947705180333</v>
      </c>
      <c r="AC2783">
        <v>28.950000000000003</v>
      </c>
      <c r="AD2783">
        <v>107.25</v>
      </c>
      <c r="AE2783">
        <v>8.6348520000000004</v>
      </c>
      <c r="AF2783">
        <v>4.5873639826194283</v>
      </c>
    </row>
    <row r="2784" spans="6:32" x14ac:dyDescent="0.25">
      <c r="F2784">
        <v>46.183333000000005</v>
      </c>
      <c r="G2784">
        <v>-0.44067947705180333</v>
      </c>
      <c r="AC2784">
        <v>28.966667000000001</v>
      </c>
      <c r="AD2784">
        <v>107.266667</v>
      </c>
      <c r="AE2784">
        <v>8.6348520000000004</v>
      </c>
      <c r="AF2784">
        <v>4.5873639826194283</v>
      </c>
    </row>
    <row r="2785" spans="6:32" x14ac:dyDescent="0.25">
      <c r="F2785">
        <v>46.2</v>
      </c>
      <c r="G2785">
        <v>-0.44026766103277548</v>
      </c>
      <c r="AC2785">
        <v>28.983333000000002</v>
      </c>
      <c r="AD2785">
        <v>107.283333</v>
      </c>
      <c r="AE2785">
        <v>8.6348859999999998</v>
      </c>
      <c r="AF2785">
        <v>4.5877757986384351</v>
      </c>
    </row>
    <row r="2786" spans="6:32" x14ac:dyDescent="0.25">
      <c r="F2786">
        <v>46.216667000000001</v>
      </c>
      <c r="G2786">
        <v>-0.43986795724961336</v>
      </c>
      <c r="AC2786">
        <v>29</v>
      </c>
      <c r="AD2786">
        <v>107.3</v>
      </c>
      <c r="AE2786">
        <v>8.6348859999999998</v>
      </c>
      <c r="AF2786">
        <v>4.5877757986384351</v>
      </c>
    </row>
    <row r="2787" spans="6:32" x14ac:dyDescent="0.25">
      <c r="F2787">
        <v>46.233333000000002</v>
      </c>
      <c r="G2787">
        <v>-0.43945614123060711</v>
      </c>
      <c r="AC2787">
        <v>29.016666999999998</v>
      </c>
      <c r="AD2787">
        <v>107.316667</v>
      </c>
      <c r="AE2787">
        <v>8.6348859999999998</v>
      </c>
      <c r="AF2787">
        <v>4.5877757986384351</v>
      </c>
    </row>
    <row r="2788" spans="6:32" x14ac:dyDescent="0.25">
      <c r="F2788">
        <v>46.25</v>
      </c>
      <c r="G2788">
        <v>-0.43904432521160075</v>
      </c>
      <c r="AC2788">
        <v>29.033332999999999</v>
      </c>
      <c r="AD2788">
        <v>107.333333</v>
      </c>
      <c r="AE2788">
        <v>8.6348859999999998</v>
      </c>
      <c r="AF2788">
        <v>4.5877757986384351</v>
      </c>
    </row>
    <row r="2789" spans="6:32" x14ac:dyDescent="0.25">
      <c r="F2789">
        <v>46.266666999999998</v>
      </c>
      <c r="G2789">
        <v>-0.43864462142843874</v>
      </c>
      <c r="AC2789">
        <v>29.049999999999997</v>
      </c>
      <c r="AD2789">
        <v>107.35</v>
      </c>
      <c r="AE2789">
        <v>8.634919</v>
      </c>
      <c r="AF2789">
        <v>4.5881755024215973</v>
      </c>
    </row>
    <row r="2790" spans="6:32" x14ac:dyDescent="0.25">
      <c r="F2790">
        <v>46.283332999999999</v>
      </c>
      <c r="G2790">
        <v>-0.43823280540943244</v>
      </c>
      <c r="AC2790">
        <v>29.06666700000001</v>
      </c>
      <c r="AD2790">
        <v>107.36666700000001</v>
      </c>
      <c r="AE2790">
        <v>8.634919</v>
      </c>
      <c r="AF2790">
        <v>4.5881755024215973</v>
      </c>
    </row>
    <row r="2791" spans="6:32" x14ac:dyDescent="0.25">
      <c r="F2791">
        <v>46.3</v>
      </c>
      <c r="G2791">
        <v>-0.43783310162627037</v>
      </c>
      <c r="AC2791">
        <v>29.083332999999996</v>
      </c>
      <c r="AD2791">
        <v>107.38333299999999</v>
      </c>
      <c r="AE2791">
        <v>8.634919</v>
      </c>
      <c r="AF2791">
        <v>4.5881755024215973</v>
      </c>
    </row>
    <row r="2792" spans="6:32" x14ac:dyDescent="0.25">
      <c r="F2792">
        <v>46.31666700000001</v>
      </c>
      <c r="G2792">
        <v>-0.43742128560724253</v>
      </c>
      <c r="AC2792">
        <v>29.100000000000009</v>
      </c>
      <c r="AD2792">
        <v>107.4</v>
      </c>
      <c r="AE2792">
        <v>8.634919</v>
      </c>
      <c r="AF2792">
        <v>4.5881755024215973</v>
      </c>
    </row>
    <row r="2793" spans="6:32" x14ac:dyDescent="0.25">
      <c r="F2793">
        <v>46.333332999999996</v>
      </c>
      <c r="G2793">
        <v>-0.43700946958823617</v>
      </c>
      <c r="AC2793">
        <v>29.116667000000007</v>
      </c>
      <c r="AD2793">
        <v>107.416667</v>
      </c>
      <c r="AE2793">
        <v>8.6349529999999994</v>
      </c>
      <c r="AF2793">
        <v>4.5885873184406032</v>
      </c>
    </row>
    <row r="2794" spans="6:32" x14ac:dyDescent="0.25">
      <c r="F2794">
        <v>46.350000000000009</v>
      </c>
      <c r="G2794">
        <v>-0.43700946958823617</v>
      </c>
      <c r="AC2794">
        <v>29.133333000000007</v>
      </c>
      <c r="AD2794">
        <v>107.433333</v>
      </c>
      <c r="AE2794">
        <v>8.6349529999999994</v>
      </c>
      <c r="AF2794">
        <v>4.5885873184406032</v>
      </c>
    </row>
    <row r="2795" spans="6:32" x14ac:dyDescent="0.25">
      <c r="F2795">
        <v>46.366667000000007</v>
      </c>
      <c r="G2795">
        <v>-0.43660976580507416</v>
      </c>
      <c r="AC2795">
        <v>29.150000000000006</v>
      </c>
      <c r="AD2795">
        <v>107.45</v>
      </c>
      <c r="AE2795">
        <v>8.6349529999999994</v>
      </c>
      <c r="AF2795">
        <v>4.5885873184406032</v>
      </c>
    </row>
    <row r="2796" spans="6:32" x14ac:dyDescent="0.25">
      <c r="F2796">
        <v>46.383333000000007</v>
      </c>
      <c r="G2796">
        <v>-0.43619794978606785</v>
      </c>
      <c r="AC2796">
        <v>29.166667000000004</v>
      </c>
      <c r="AD2796">
        <v>107.466667</v>
      </c>
      <c r="AE2796">
        <v>8.6349529999999994</v>
      </c>
      <c r="AF2796">
        <v>4.5885873184406032</v>
      </c>
    </row>
    <row r="2797" spans="6:32" x14ac:dyDescent="0.25">
      <c r="F2797">
        <v>46.400000000000006</v>
      </c>
      <c r="G2797">
        <v>-0.43578613376703995</v>
      </c>
      <c r="AC2797">
        <v>29.183333000000005</v>
      </c>
      <c r="AD2797">
        <v>107.483333</v>
      </c>
      <c r="AE2797">
        <v>8.6349529999999994</v>
      </c>
      <c r="AF2797">
        <v>4.5885873184406032</v>
      </c>
    </row>
    <row r="2798" spans="6:32" x14ac:dyDescent="0.25">
      <c r="F2798">
        <v>46.416667000000004</v>
      </c>
      <c r="G2798">
        <v>-0.43538642998389948</v>
      </c>
      <c r="AC2798">
        <v>29.200000000000003</v>
      </c>
      <c r="AD2798">
        <v>107.5</v>
      </c>
      <c r="AE2798">
        <v>8.6349529999999994</v>
      </c>
      <c r="AF2798">
        <v>4.5885873184406032</v>
      </c>
    </row>
    <row r="2799" spans="6:32" x14ac:dyDescent="0.25">
      <c r="F2799">
        <v>46.433333000000005</v>
      </c>
      <c r="G2799">
        <v>-0.43497461396487158</v>
      </c>
      <c r="AC2799">
        <v>29.216667000000001</v>
      </c>
      <c r="AD2799">
        <v>107.516667</v>
      </c>
      <c r="AE2799">
        <v>8.6349529999999994</v>
      </c>
      <c r="AF2799">
        <v>4.5885873184406032</v>
      </c>
    </row>
    <row r="2800" spans="6:32" x14ac:dyDescent="0.25">
      <c r="F2800">
        <v>46.45</v>
      </c>
      <c r="G2800">
        <v>-0.43456279794586533</v>
      </c>
      <c r="AC2800">
        <v>29.233333000000002</v>
      </c>
      <c r="AD2800">
        <v>107.533333</v>
      </c>
      <c r="AE2800">
        <v>8.6349529999999994</v>
      </c>
      <c r="AF2800">
        <v>4.5885873184406032</v>
      </c>
    </row>
    <row r="2801" spans="6:32" x14ac:dyDescent="0.25">
      <c r="F2801">
        <v>46.466667000000001</v>
      </c>
      <c r="G2801">
        <v>-0.43416309416270327</v>
      </c>
      <c r="AC2801">
        <v>29.25</v>
      </c>
      <c r="AD2801">
        <v>107.55</v>
      </c>
      <c r="AE2801">
        <v>8.6349529999999994</v>
      </c>
      <c r="AF2801">
        <v>4.5885873184406032</v>
      </c>
    </row>
    <row r="2802" spans="6:32" x14ac:dyDescent="0.25">
      <c r="F2802">
        <v>46.483333000000002</v>
      </c>
      <c r="G2802">
        <v>-0.43375127814369691</v>
      </c>
      <c r="AC2802">
        <v>29.266666999999998</v>
      </c>
      <c r="AD2802">
        <v>107.566667</v>
      </c>
      <c r="AE2802">
        <v>8.6349529999999994</v>
      </c>
      <c r="AF2802">
        <v>4.5885873184406032</v>
      </c>
    </row>
    <row r="2803" spans="6:32" x14ac:dyDescent="0.25">
      <c r="F2803">
        <v>46.5</v>
      </c>
      <c r="G2803">
        <v>-0.43333946212466912</v>
      </c>
      <c r="AC2803">
        <v>29.283332999999999</v>
      </c>
      <c r="AD2803">
        <v>107.583333</v>
      </c>
      <c r="AE2803">
        <v>8.6349529999999994</v>
      </c>
      <c r="AF2803">
        <v>4.5885873184406032</v>
      </c>
    </row>
    <row r="2804" spans="6:32" x14ac:dyDescent="0.25">
      <c r="F2804">
        <v>46.516666999999998</v>
      </c>
      <c r="G2804">
        <v>-0.432939758341507</v>
      </c>
      <c r="AC2804">
        <v>29.299999999999997</v>
      </c>
      <c r="AD2804">
        <v>107.6</v>
      </c>
      <c r="AE2804">
        <v>8.6349529999999994</v>
      </c>
      <c r="AF2804">
        <v>4.5885873184406032</v>
      </c>
    </row>
    <row r="2805" spans="6:32" x14ac:dyDescent="0.25">
      <c r="F2805">
        <v>46.533332999999999</v>
      </c>
      <c r="G2805">
        <v>-0.43252794232250075</v>
      </c>
      <c r="AC2805">
        <v>29.31666700000001</v>
      </c>
      <c r="AD2805">
        <v>107.61666700000001</v>
      </c>
      <c r="AE2805">
        <v>8.6349529999999994</v>
      </c>
      <c r="AF2805">
        <v>4.5885873184406032</v>
      </c>
    </row>
    <row r="2806" spans="6:32" x14ac:dyDescent="0.25">
      <c r="F2806">
        <v>46.55</v>
      </c>
      <c r="G2806">
        <v>-0.43211612630349439</v>
      </c>
      <c r="AC2806">
        <v>29.333332999999996</v>
      </c>
      <c r="AD2806">
        <v>107.63333299999999</v>
      </c>
      <c r="AE2806">
        <v>8.6349870000000006</v>
      </c>
      <c r="AF2806">
        <v>4.5889991344596313</v>
      </c>
    </row>
    <row r="2807" spans="6:32" x14ac:dyDescent="0.25">
      <c r="F2807">
        <v>46.56666700000001</v>
      </c>
      <c r="G2807">
        <v>-0.43171642252033238</v>
      </c>
      <c r="AC2807">
        <v>29.350000000000009</v>
      </c>
      <c r="AD2807">
        <v>107.65</v>
      </c>
      <c r="AE2807">
        <v>8.6349870000000006</v>
      </c>
      <c r="AF2807">
        <v>4.5889991344596313</v>
      </c>
    </row>
    <row r="2808" spans="6:32" x14ac:dyDescent="0.25">
      <c r="F2808">
        <v>46.583332999999996</v>
      </c>
      <c r="G2808">
        <v>-0.43130460650132607</v>
      </c>
      <c r="AC2808">
        <v>29.366667000000007</v>
      </c>
      <c r="AD2808">
        <v>107.666667</v>
      </c>
      <c r="AE2808">
        <v>8.6349870000000006</v>
      </c>
      <c r="AF2808">
        <v>4.5889991344596313</v>
      </c>
    </row>
    <row r="2809" spans="6:32" x14ac:dyDescent="0.25">
      <c r="F2809">
        <v>46.600000000000009</v>
      </c>
      <c r="G2809">
        <v>-0.43089279048229817</v>
      </c>
      <c r="AC2809">
        <v>29.383333000000007</v>
      </c>
      <c r="AD2809">
        <v>107.683333</v>
      </c>
      <c r="AE2809">
        <v>8.6349870000000006</v>
      </c>
      <c r="AF2809">
        <v>4.5889991344596313</v>
      </c>
    </row>
    <row r="2810" spans="6:32" x14ac:dyDescent="0.25">
      <c r="F2810">
        <v>46.616667000000007</v>
      </c>
      <c r="G2810">
        <v>-0.43049308669913616</v>
      </c>
      <c r="AC2810">
        <v>29.400000000000006</v>
      </c>
      <c r="AD2810">
        <v>107.7</v>
      </c>
      <c r="AE2810">
        <v>8.6349870000000006</v>
      </c>
      <c r="AF2810">
        <v>4.5889991344596313</v>
      </c>
    </row>
    <row r="2811" spans="6:32" x14ac:dyDescent="0.25">
      <c r="F2811">
        <v>46.633333000000007</v>
      </c>
      <c r="G2811">
        <v>-0.4300812706801298</v>
      </c>
      <c r="AC2811">
        <v>29.416667000000004</v>
      </c>
      <c r="AD2811">
        <v>107.716667</v>
      </c>
      <c r="AE2811">
        <v>8.6349870000000006</v>
      </c>
      <c r="AF2811">
        <v>4.5889991344596313</v>
      </c>
    </row>
    <row r="2812" spans="6:32" x14ac:dyDescent="0.25">
      <c r="F2812">
        <v>46.650000000000006</v>
      </c>
      <c r="G2812">
        <v>-0.4296694546611235</v>
      </c>
      <c r="AC2812">
        <v>29.433333000000005</v>
      </c>
      <c r="AD2812">
        <v>107.733333</v>
      </c>
      <c r="AE2812">
        <v>8.6350200000000008</v>
      </c>
      <c r="AF2812">
        <v>4.5893988382427935</v>
      </c>
    </row>
    <row r="2813" spans="6:32" x14ac:dyDescent="0.25">
      <c r="F2813">
        <v>46.666667000000004</v>
      </c>
      <c r="G2813">
        <v>-0.42926975087796149</v>
      </c>
      <c r="AC2813">
        <v>29.450000000000003</v>
      </c>
      <c r="AD2813">
        <v>107.75</v>
      </c>
      <c r="AE2813">
        <v>8.6350200000000008</v>
      </c>
      <c r="AF2813">
        <v>4.5893988382427935</v>
      </c>
    </row>
    <row r="2814" spans="6:32" x14ac:dyDescent="0.25">
      <c r="F2814">
        <v>46.683333000000005</v>
      </c>
      <c r="G2814">
        <v>-0.42885793485893359</v>
      </c>
      <c r="AC2814">
        <v>29.466667000000001</v>
      </c>
      <c r="AD2814">
        <v>107.766667</v>
      </c>
      <c r="AE2814">
        <v>8.6350200000000008</v>
      </c>
      <c r="AF2814">
        <v>4.5893988382427935</v>
      </c>
    </row>
    <row r="2815" spans="6:32" x14ac:dyDescent="0.25">
      <c r="F2815">
        <v>46.7</v>
      </c>
      <c r="G2815">
        <v>-0.42844611883992734</v>
      </c>
      <c r="AC2815">
        <v>29.483333000000002</v>
      </c>
      <c r="AD2815">
        <v>107.783333</v>
      </c>
      <c r="AE2815">
        <v>8.6350200000000008</v>
      </c>
      <c r="AF2815">
        <v>4.5893988382427935</v>
      </c>
    </row>
    <row r="2816" spans="6:32" x14ac:dyDescent="0.25">
      <c r="F2816">
        <v>46.716667000000001</v>
      </c>
      <c r="G2816">
        <v>-0.42763459903775891</v>
      </c>
      <c r="AC2816">
        <v>29.5</v>
      </c>
      <c r="AD2816">
        <v>107.8</v>
      </c>
      <c r="AE2816">
        <v>8.6350200000000008</v>
      </c>
      <c r="AF2816">
        <v>4.5893988382427935</v>
      </c>
    </row>
    <row r="2817" spans="6:32" x14ac:dyDescent="0.25">
      <c r="F2817">
        <v>46.733333000000002</v>
      </c>
      <c r="G2817">
        <v>-0.42722278301875261</v>
      </c>
      <c r="AC2817">
        <v>29.516666999999998</v>
      </c>
      <c r="AD2817">
        <v>107.816667</v>
      </c>
      <c r="AE2817">
        <v>8.6350200000000008</v>
      </c>
      <c r="AF2817">
        <v>4.5893988382427935</v>
      </c>
    </row>
    <row r="2818" spans="6:32" x14ac:dyDescent="0.25">
      <c r="F2818">
        <v>46.75</v>
      </c>
      <c r="G2818">
        <v>-0.42682307923559054</v>
      </c>
      <c r="AC2818">
        <v>29.533332999999999</v>
      </c>
      <c r="AD2818">
        <v>107.833333</v>
      </c>
      <c r="AE2818">
        <v>8.6350540000000002</v>
      </c>
      <c r="AF2818">
        <v>4.5898106542618002</v>
      </c>
    </row>
    <row r="2819" spans="6:32" x14ac:dyDescent="0.25">
      <c r="F2819">
        <v>46.766666999999998</v>
      </c>
      <c r="G2819">
        <v>-0.42641126321656275</v>
      </c>
      <c r="AC2819">
        <v>29.549999999999997</v>
      </c>
      <c r="AD2819">
        <v>107.85</v>
      </c>
      <c r="AE2819">
        <v>8.6350540000000002</v>
      </c>
      <c r="AF2819">
        <v>4.5898106542618002</v>
      </c>
    </row>
    <row r="2820" spans="6:32" x14ac:dyDescent="0.25">
      <c r="F2820">
        <v>46.783332999999999</v>
      </c>
      <c r="G2820">
        <v>-0.42599944719755639</v>
      </c>
      <c r="AC2820">
        <v>29.56666700000001</v>
      </c>
      <c r="AD2820">
        <v>107.86666700000001</v>
      </c>
      <c r="AE2820">
        <v>8.6350540000000002</v>
      </c>
      <c r="AF2820">
        <v>4.5898106542618002</v>
      </c>
    </row>
    <row r="2821" spans="6:32" x14ac:dyDescent="0.25">
      <c r="F2821">
        <v>46.8</v>
      </c>
      <c r="G2821">
        <v>-0.42559974341439438</v>
      </c>
      <c r="AC2821">
        <v>29.583332999999996</v>
      </c>
      <c r="AD2821">
        <v>107.88333299999999</v>
      </c>
      <c r="AE2821">
        <v>8.6350879999999997</v>
      </c>
      <c r="AF2821">
        <v>4.5902224702808061</v>
      </c>
    </row>
    <row r="2822" spans="6:32" x14ac:dyDescent="0.25">
      <c r="F2822">
        <v>46.81666700000001</v>
      </c>
      <c r="G2822">
        <v>-0.42518792739538802</v>
      </c>
      <c r="AC2822">
        <v>29.600000000000009</v>
      </c>
      <c r="AD2822">
        <v>107.9</v>
      </c>
      <c r="AE2822">
        <v>8.6350879999999997</v>
      </c>
      <c r="AF2822">
        <v>4.5902224702808061</v>
      </c>
    </row>
    <row r="2823" spans="6:32" x14ac:dyDescent="0.25">
      <c r="F2823">
        <v>46.833332999999996</v>
      </c>
      <c r="G2823">
        <v>-0.42478822361222596</v>
      </c>
      <c r="AC2823">
        <v>29.616667000000007</v>
      </c>
      <c r="AD2823">
        <v>107.916667</v>
      </c>
      <c r="AE2823">
        <v>8.6350879999999997</v>
      </c>
      <c r="AF2823">
        <v>4.5902224702808061</v>
      </c>
    </row>
    <row r="2824" spans="6:32" x14ac:dyDescent="0.25">
      <c r="F2824">
        <v>46.850000000000009</v>
      </c>
      <c r="G2824">
        <v>-0.42437640759321971</v>
      </c>
      <c r="AC2824">
        <v>29.633333000000007</v>
      </c>
      <c r="AD2824">
        <v>107.933333</v>
      </c>
      <c r="AE2824">
        <v>8.6351209999999998</v>
      </c>
      <c r="AF2824">
        <v>4.5906221740639674</v>
      </c>
    </row>
    <row r="2825" spans="6:32" x14ac:dyDescent="0.25">
      <c r="F2825">
        <v>46.866667000000007</v>
      </c>
      <c r="G2825">
        <v>-0.42396459157419181</v>
      </c>
      <c r="AC2825">
        <v>29.650000000000006</v>
      </c>
      <c r="AD2825">
        <v>107.95</v>
      </c>
      <c r="AE2825">
        <v>8.6351209999999998</v>
      </c>
      <c r="AF2825">
        <v>4.5906221740639674</v>
      </c>
    </row>
    <row r="2826" spans="6:32" x14ac:dyDescent="0.25">
      <c r="F2826">
        <v>46.883333000000007</v>
      </c>
      <c r="G2826">
        <v>-0.4235648877910298</v>
      </c>
      <c r="AC2826">
        <v>29.666667000000004</v>
      </c>
      <c r="AD2826">
        <v>107.966667</v>
      </c>
      <c r="AE2826">
        <v>8.6351209999999998</v>
      </c>
      <c r="AF2826">
        <v>4.5906221740639674</v>
      </c>
    </row>
    <row r="2827" spans="6:32" x14ac:dyDescent="0.25">
      <c r="F2827">
        <v>46.900000000000006</v>
      </c>
      <c r="G2827">
        <v>-0.42315307177202344</v>
      </c>
      <c r="AC2827">
        <v>29.683333000000005</v>
      </c>
      <c r="AD2827">
        <v>107.983333</v>
      </c>
      <c r="AE2827">
        <v>8.6351549999999992</v>
      </c>
      <c r="AF2827">
        <v>4.5910339900829742</v>
      </c>
    </row>
    <row r="2828" spans="6:32" x14ac:dyDescent="0.25">
      <c r="F2828">
        <v>46.916667000000004</v>
      </c>
      <c r="G2828">
        <v>-0.42274125575301713</v>
      </c>
      <c r="AC2828">
        <v>29.700000000000003</v>
      </c>
      <c r="AD2828">
        <v>108</v>
      </c>
      <c r="AE2828">
        <v>8.6351549999999992</v>
      </c>
      <c r="AF2828">
        <v>4.5910339900829742</v>
      </c>
    </row>
    <row r="2829" spans="6:32" x14ac:dyDescent="0.25">
      <c r="F2829">
        <v>46.933333000000005</v>
      </c>
      <c r="G2829">
        <v>-0.42234155196985512</v>
      </c>
      <c r="AC2829">
        <v>29.716667000000001</v>
      </c>
      <c r="AD2829">
        <v>108.016667</v>
      </c>
      <c r="AE2829">
        <v>8.6351549999999992</v>
      </c>
      <c r="AF2829">
        <v>4.5910339900829742</v>
      </c>
    </row>
    <row r="2830" spans="6:32" x14ac:dyDescent="0.25">
      <c r="F2830">
        <v>46.95</v>
      </c>
      <c r="G2830">
        <v>-0.42192973595084876</v>
      </c>
      <c r="AC2830">
        <v>29.733333000000002</v>
      </c>
      <c r="AD2830">
        <v>108.033333</v>
      </c>
      <c r="AE2830">
        <v>8.6351890000000004</v>
      </c>
      <c r="AF2830">
        <v>4.5914458061020023</v>
      </c>
    </row>
    <row r="2831" spans="6:32" x14ac:dyDescent="0.25">
      <c r="F2831">
        <v>46.966667000000001</v>
      </c>
      <c r="G2831">
        <v>-0.42151791993182097</v>
      </c>
      <c r="AC2831">
        <v>29.75</v>
      </c>
      <c r="AD2831">
        <v>108.05</v>
      </c>
      <c r="AE2831">
        <v>8.6351890000000004</v>
      </c>
      <c r="AF2831">
        <v>4.5914458061020023</v>
      </c>
    </row>
    <row r="2832" spans="6:32" x14ac:dyDescent="0.25">
      <c r="F2832">
        <v>46.983333000000002</v>
      </c>
      <c r="G2832">
        <v>-0.42111821614865885</v>
      </c>
      <c r="AC2832">
        <v>29.766666999999998</v>
      </c>
      <c r="AD2832">
        <v>108.066667</v>
      </c>
      <c r="AE2832">
        <v>8.6351890000000004</v>
      </c>
      <c r="AF2832">
        <v>4.5914458061020023</v>
      </c>
    </row>
    <row r="2833" spans="6:32" x14ac:dyDescent="0.25">
      <c r="F2833">
        <v>47</v>
      </c>
      <c r="G2833">
        <v>-0.4202945841106463</v>
      </c>
      <c r="AC2833">
        <v>29.783332999999999</v>
      </c>
      <c r="AD2833">
        <v>108.083333</v>
      </c>
      <c r="AE2833">
        <v>8.6351890000000004</v>
      </c>
      <c r="AF2833">
        <v>4.5914458061020023</v>
      </c>
    </row>
    <row r="2834" spans="6:32" x14ac:dyDescent="0.25">
      <c r="F2834">
        <v>47.016666999999998</v>
      </c>
      <c r="G2834">
        <v>-0.41989488032748418</v>
      </c>
      <c r="AC2834">
        <v>29.799999999999997</v>
      </c>
      <c r="AD2834">
        <v>108.1</v>
      </c>
      <c r="AE2834">
        <v>8.6352220000000006</v>
      </c>
      <c r="AF2834">
        <v>4.5918455098851645</v>
      </c>
    </row>
    <row r="2835" spans="6:32" x14ac:dyDescent="0.25">
      <c r="F2835">
        <v>47.033332999999999</v>
      </c>
      <c r="G2835">
        <v>-0.41948306430845639</v>
      </c>
      <c r="AC2835">
        <v>29.81666700000001</v>
      </c>
      <c r="AD2835">
        <v>108.11666700000001</v>
      </c>
      <c r="AE2835">
        <v>8.6352220000000006</v>
      </c>
      <c r="AF2835">
        <v>4.5918455098851645</v>
      </c>
    </row>
    <row r="2836" spans="6:32" x14ac:dyDescent="0.25">
      <c r="F2836">
        <v>47.05</v>
      </c>
      <c r="G2836">
        <v>-0.41907124828945003</v>
      </c>
      <c r="AC2836">
        <v>29.833332999999996</v>
      </c>
      <c r="AD2836">
        <v>108.13333299999999</v>
      </c>
      <c r="AE2836">
        <v>8.6352220000000006</v>
      </c>
      <c r="AF2836">
        <v>4.5918455098851645</v>
      </c>
    </row>
    <row r="2837" spans="6:32" x14ac:dyDescent="0.25">
      <c r="F2837">
        <v>47.06666700000001</v>
      </c>
      <c r="G2837">
        <v>-0.41867154450628802</v>
      </c>
      <c r="AC2837">
        <v>29.850000000000009</v>
      </c>
      <c r="AD2837">
        <v>108.15</v>
      </c>
      <c r="AE2837">
        <v>8.6352220000000006</v>
      </c>
      <c r="AF2837">
        <v>4.5918455098851645</v>
      </c>
    </row>
    <row r="2838" spans="6:32" x14ac:dyDescent="0.25">
      <c r="F2838">
        <v>47.083332999999996</v>
      </c>
      <c r="G2838">
        <v>-0.41825972848728171</v>
      </c>
      <c r="AC2838">
        <v>29.866667000000007</v>
      </c>
      <c r="AD2838">
        <v>108.166667</v>
      </c>
      <c r="AE2838">
        <v>8.6352220000000006</v>
      </c>
      <c r="AF2838">
        <v>4.5918455098851645</v>
      </c>
    </row>
    <row r="2839" spans="6:32" x14ac:dyDescent="0.25">
      <c r="F2839">
        <v>47.100000000000009</v>
      </c>
      <c r="G2839">
        <v>-0.41784791246827535</v>
      </c>
      <c r="AC2839">
        <v>29.883333000000007</v>
      </c>
      <c r="AD2839">
        <v>108.183333</v>
      </c>
      <c r="AE2839">
        <v>8.635256</v>
      </c>
      <c r="AF2839">
        <v>4.5922573259041704</v>
      </c>
    </row>
    <row r="2840" spans="6:32" x14ac:dyDescent="0.25">
      <c r="F2840">
        <v>47.116667000000007</v>
      </c>
      <c r="G2840">
        <v>-0.41744820868511334</v>
      </c>
      <c r="AC2840">
        <v>29.900000000000006</v>
      </c>
      <c r="AD2840">
        <v>108.2</v>
      </c>
      <c r="AE2840">
        <v>8.635256</v>
      </c>
      <c r="AF2840">
        <v>4.5922573259041704</v>
      </c>
    </row>
    <row r="2841" spans="6:32" x14ac:dyDescent="0.25">
      <c r="F2841">
        <v>47.133333000000007</v>
      </c>
      <c r="G2841">
        <v>-0.41703639266608544</v>
      </c>
      <c r="AC2841">
        <v>29.916667000000004</v>
      </c>
      <c r="AD2841">
        <v>108.216667</v>
      </c>
      <c r="AE2841">
        <v>8.635256</v>
      </c>
      <c r="AF2841">
        <v>4.5922573259041704</v>
      </c>
    </row>
    <row r="2842" spans="6:32" x14ac:dyDescent="0.25">
      <c r="F2842">
        <v>47.150000000000006</v>
      </c>
      <c r="G2842">
        <v>-0.41662457664707914</v>
      </c>
      <c r="AC2842">
        <v>29.933333000000005</v>
      </c>
      <c r="AD2842">
        <v>108.233333</v>
      </c>
      <c r="AE2842">
        <v>8.6352899999999995</v>
      </c>
      <c r="AF2842">
        <v>4.5926691419231771</v>
      </c>
    </row>
    <row r="2843" spans="6:32" x14ac:dyDescent="0.25">
      <c r="F2843">
        <v>47.166667000000004</v>
      </c>
      <c r="G2843">
        <v>-0.41581305684491077</v>
      </c>
      <c r="AC2843">
        <v>29.950000000000003</v>
      </c>
      <c r="AD2843">
        <v>108.25</v>
      </c>
      <c r="AE2843">
        <v>8.6352899999999995</v>
      </c>
      <c r="AF2843">
        <v>4.5926691419231771</v>
      </c>
    </row>
    <row r="2844" spans="6:32" x14ac:dyDescent="0.25">
      <c r="F2844">
        <v>47.183333000000005</v>
      </c>
      <c r="G2844">
        <v>-0.41540124082588298</v>
      </c>
      <c r="AC2844">
        <v>29.966667000000001</v>
      </c>
      <c r="AD2844">
        <v>108.266667</v>
      </c>
      <c r="AE2844">
        <v>8.6352899999999995</v>
      </c>
      <c r="AF2844">
        <v>4.5926691419231771</v>
      </c>
    </row>
    <row r="2845" spans="6:32" x14ac:dyDescent="0.25">
      <c r="F2845">
        <v>47.2</v>
      </c>
      <c r="G2845">
        <v>-0.4150015370427424</v>
      </c>
      <c r="AC2845">
        <v>29.983333000000002</v>
      </c>
      <c r="AD2845">
        <v>108.283333</v>
      </c>
      <c r="AE2845">
        <v>8.6353229999999996</v>
      </c>
      <c r="AF2845">
        <v>4.5930688457063393</v>
      </c>
    </row>
    <row r="2846" spans="6:32" x14ac:dyDescent="0.25">
      <c r="F2846">
        <v>47.216667000000001</v>
      </c>
      <c r="G2846">
        <v>-0.41458972102371455</v>
      </c>
      <c r="AC2846">
        <v>30</v>
      </c>
      <c r="AD2846">
        <v>108.3</v>
      </c>
      <c r="AE2846">
        <v>8.6353229999999996</v>
      </c>
      <c r="AF2846">
        <v>4.5930688457063393</v>
      </c>
    </row>
    <row r="2847" spans="6:32" x14ac:dyDescent="0.25">
      <c r="F2847">
        <v>47.233333000000002</v>
      </c>
      <c r="G2847">
        <v>-0.4141779050047083</v>
      </c>
      <c r="AC2847">
        <v>30.016666999999998</v>
      </c>
      <c r="AD2847">
        <v>108.316667</v>
      </c>
      <c r="AE2847">
        <v>8.6353229999999996</v>
      </c>
      <c r="AF2847">
        <v>4.5930688457063393</v>
      </c>
    </row>
    <row r="2848" spans="6:32" x14ac:dyDescent="0.25">
      <c r="F2848">
        <v>47.25</v>
      </c>
      <c r="G2848">
        <v>-0.41377820122154618</v>
      </c>
      <c r="AC2848">
        <v>30.033332999999999</v>
      </c>
      <c r="AD2848">
        <v>108.333333</v>
      </c>
      <c r="AE2848">
        <v>8.6353229999999996</v>
      </c>
      <c r="AF2848">
        <v>4.5930688457063393</v>
      </c>
    </row>
    <row r="2849" spans="6:32" x14ac:dyDescent="0.25">
      <c r="F2849">
        <v>47.266666999999998</v>
      </c>
      <c r="G2849">
        <v>-0.41295456918351203</v>
      </c>
      <c r="AC2849">
        <v>30.049999999999997</v>
      </c>
      <c r="AD2849">
        <v>108.35</v>
      </c>
      <c r="AE2849">
        <v>8.6353229999999996</v>
      </c>
      <c r="AF2849">
        <v>4.5930688457063393</v>
      </c>
    </row>
    <row r="2850" spans="6:32" x14ac:dyDescent="0.25">
      <c r="F2850">
        <v>47.283332999999999</v>
      </c>
      <c r="G2850">
        <v>-0.41255486540035002</v>
      </c>
      <c r="AC2850">
        <v>30.06666700000001</v>
      </c>
      <c r="AD2850">
        <v>108.36666700000001</v>
      </c>
      <c r="AE2850">
        <v>8.6353570000000008</v>
      </c>
      <c r="AF2850">
        <v>4.5934806617253665</v>
      </c>
    </row>
    <row r="2851" spans="6:32" x14ac:dyDescent="0.25">
      <c r="F2851">
        <v>47.3</v>
      </c>
      <c r="G2851">
        <v>-0.41214304938134372</v>
      </c>
      <c r="AC2851">
        <v>30.083332999999996</v>
      </c>
      <c r="AD2851">
        <v>108.38333299999999</v>
      </c>
      <c r="AE2851">
        <v>8.6353570000000008</v>
      </c>
      <c r="AF2851">
        <v>4.5934806617253665</v>
      </c>
    </row>
    <row r="2852" spans="6:32" x14ac:dyDescent="0.25">
      <c r="F2852">
        <v>47.31666700000001</v>
      </c>
      <c r="G2852">
        <v>-0.41173123336233736</v>
      </c>
      <c r="AC2852">
        <v>30.100000000000009</v>
      </c>
      <c r="AD2852">
        <v>108.4</v>
      </c>
      <c r="AE2852">
        <v>8.6353570000000008</v>
      </c>
      <c r="AF2852">
        <v>4.5934806617253665</v>
      </c>
    </row>
    <row r="2853" spans="6:32" x14ac:dyDescent="0.25">
      <c r="F2853">
        <v>47.333332999999996</v>
      </c>
      <c r="G2853">
        <v>-0.41133152957917535</v>
      </c>
      <c r="AC2853">
        <v>30.116667000000007</v>
      </c>
      <c r="AD2853">
        <v>108.416667</v>
      </c>
      <c r="AE2853">
        <v>8.6353570000000008</v>
      </c>
      <c r="AF2853">
        <v>4.5934806617253665</v>
      </c>
    </row>
    <row r="2854" spans="6:32" x14ac:dyDescent="0.25">
      <c r="F2854">
        <v>47.350000000000009</v>
      </c>
      <c r="G2854">
        <v>-0.41091971356016899</v>
      </c>
      <c r="AC2854">
        <v>30.133333000000007</v>
      </c>
      <c r="AD2854">
        <v>108.433333</v>
      </c>
      <c r="AE2854">
        <v>8.6353570000000008</v>
      </c>
      <c r="AF2854">
        <v>4.5934806617253665</v>
      </c>
    </row>
    <row r="2855" spans="6:32" x14ac:dyDescent="0.25">
      <c r="F2855">
        <v>47.366667000000007</v>
      </c>
      <c r="G2855">
        <v>-0.41052000977700698</v>
      </c>
      <c r="AC2855">
        <v>30.150000000000006</v>
      </c>
      <c r="AD2855">
        <v>108.45</v>
      </c>
      <c r="AE2855">
        <v>8.6353570000000008</v>
      </c>
      <c r="AF2855">
        <v>4.5934806617253665</v>
      </c>
    </row>
    <row r="2856" spans="6:32" x14ac:dyDescent="0.25">
      <c r="F2856">
        <v>47.383333000000007</v>
      </c>
      <c r="G2856">
        <v>-0.41010819375797913</v>
      </c>
      <c r="AC2856">
        <v>30.166667000000004</v>
      </c>
      <c r="AD2856">
        <v>108.466667</v>
      </c>
      <c r="AE2856">
        <v>8.6353570000000008</v>
      </c>
      <c r="AF2856">
        <v>4.5934806617253665</v>
      </c>
    </row>
    <row r="2857" spans="6:32" x14ac:dyDescent="0.25">
      <c r="F2857">
        <v>47.400000000000006</v>
      </c>
      <c r="G2857">
        <v>-0.40969637773897277</v>
      </c>
      <c r="AC2857">
        <v>30.183333000000005</v>
      </c>
      <c r="AD2857">
        <v>108.483333</v>
      </c>
      <c r="AE2857">
        <v>8.6353570000000008</v>
      </c>
      <c r="AF2857">
        <v>4.5934806617253665</v>
      </c>
    </row>
    <row r="2858" spans="6:32" x14ac:dyDescent="0.25">
      <c r="F2858">
        <v>47.416667000000004</v>
      </c>
      <c r="G2858">
        <v>-0.40929667395581076</v>
      </c>
      <c r="AC2858">
        <v>30.200000000000003</v>
      </c>
      <c r="AD2858">
        <v>108.5</v>
      </c>
      <c r="AE2858">
        <v>8.6353570000000008</v>
      </c>
      <c r="AF2858">
        <v>4.5934806617253665</v>
      </c>
    </row>
    <row r="2859" spans="6:32" x14ac:dyDescent="0.25">
      <c r="F2859">
        <v>47.433333000000005</v>
      </c>
      <c r="G2859">
        <v>-0.40847304191777656</v>
      </c>
      <c r="AC2859">
        <v>30.216667000000001</v>
      </c>
      <c r="AD2859">
        <v>108.516667</v>
      </c>
      <c r="AE2859">
        <v>8.6353570000000008</v>
      </c>
      <c r="AF2859">
        <v>4.5934806617253665</v>
      </c>
    </row>
    <row r="2860" spans="6:32" x14ac:dyDescent="0.25">
      <c r="F2860">
        <v>47.45</v>
      </c>
      <c r="G2860">
        <v>-0.40807333813463603</v>
      </c>
      <c r="AC2860">
        <v>30.233333000000002</v>
      </c>
      <c r="AD2860">
        <v>108.533333</v>
      </c>
      <c r="AE2860">
        <v>8.6353570000000008</v>
      </c>
      <c r="AF2860">
        <v>4.5934806617253665</v>
      </c>
    </row>
    <row r="2861" spans="6:32" x14ac:dyDescent="0.25">
      <c r="F2861">
        <v>47.466667000000001</v>
      </c>
      <c r="G2861">
        <v>-0.40766152211560819</v>
      </c>
      <c r="AC2861">
        <v>30.25</v>
      </c>
      <c r="AD2861">
        <v>108.55</v>
      </c>
      <c r="AE2861">
        <v>8.6353570000000008</v>
      </c>
      <c r="AF2861">
        <v>4.5934806617253665</v>
      </c>
    </row>
    <row r="2862" spans="6:32" x14ac:dyDescent="0.25">
      <c r="F2862">
        <v>47.483333000000002</v>
      </c>
      <c r="G2862">
        <v>-0.40724970609660194</v>
      </c>
      <c r="AC2862">
        <v>30.266666999999998</v>
      </c>
      <c r="AD2862">
        <v>108.566667</v>
      </c>
      <c r="AE2862">
        <v>8.6353910000000003</v>
      </c>
      <c r="AF2862">
        <v>4.5938924777443733</v>
      </c>
    </row>
    <row r="2863" spans="6:32" x14ac:dyDescent="0.25">
      <c r="F2863">
        <v>47.5</v>
      </c>
      <c r="G2863">
        <v>-0.40685000231343982</v>
      </c>
      <c r="AC2863">
        <v>30.283332999999999</v>
      </c>
      <c r="AD2863">
        <v>108.583333</v>
      </c>
      <c r="AE2863">
        <v>8.6354240000000004</v>
      </c>
      <c r="AF2863">
        <v>4.5942921815275355</v>
      </c>
    </row>
    <row r="2864" spans="6:32" x14ac:dyDescent="0.25">
      <c r="F2864">
        <v>47.516666999999998</v>
      </c>
      <c r="G2864">
        <v>-0.40602637027540567</v>
      </c>
      <c r="AC2864">
        <v>30.299999999999997</v>
      </c>
      <c r="AD2864">
        <v>108.6</v>
      </c>
      <c r="AE2864">
        <v>8.6354579999999999</v>
      </c>
      <c r="AF2864">
        <v>4.5947039975465422</v>
      </c>
    </row>
    <row r="2865" spans="6:32" x14ac:dyDescent="0.25">
      <c r="F2865">
        <v>47.533332999999999</v>
      </c>
      <c r="G2865">
        <v>-0.4056266664922436</v>
      </c>
      <c r="AC2865">
        <v>30.31666700000001</v>
      </c>
      <c r="AD2865">
        <v>108.61666700000001</v>
      </c>
      <c r="AE2865">
        <v>8.6355590000000007</v>
      </c>
      <c r="AF2865">
        <v>4.5959273333677375</v>
      </c>
    </row>
    <row r="2866" spans="6:32" x14ac:dyDescent="0.25">
      <c r="F2866">
        <v>47.55</v>
      </c>
      <c r="G2866">
        <v>-0.40521485047323735</v>
      </c>
      <c r="AC2866">
        <v>30.333332999999996</v>
      </c>
      <c r="AD2866">
        <v>108.63333299999999</v>
      </c>
      <c r="AE2866">
        <v>8.6356599999999997</v>
      </c>
      <c r="AF2866">
        <v>4.5971506691889124</v>
      </c>
    </row>
    <row r="2867" spans="6:32" x14ac:dyDescent="0.25">
      <c r="F2867">
        <v>47.56666700000001</v>
      </c>
      <c r="G2867">
        <v>-0.40480303445423099</v>
      </c>
      <c r="AC2867">
        <v>30.350000000000009</v>
      </c>
      <c r="AD2867">
        <v>108.65</v>
      </c>
      <c r="AE2867">
        <v>8.6357949999999999</v>
      </c>
      <c r="AF2867">
        <v>4.5987858210291153</v>
      </c>
    </row>
    <row r="2868" spans="6:32" x14ac:dyDescent="0.25">
      <c r="F2868">
        <v>47.583332999999996</v>
      </c>
      <c r="G2868">
        <v>-0.40440333067106898</v>
      </c>
      <c r="AC2868">
        <v>30.366667000000007</v>
      </c>
      <c r="AD2868">
        <v>108.666667</v>
      </c>
      <c r="AE2868">
        <v>8.6358960000000007</v>
      </c>
      <c r="AF2868">
        <v>4.6000091568503114</v>
      </c>
    </row>
    <row r="2869" spans="6:32" x14ac:dyDescent="0.25">
      <c r="F2869">
        <v>47.600000000000009</v>
      </c>
      <c r="G2869">
        <v>-0.40399151465206262</v>
      </c>
      <c r="AC2869">
        <v>30.383333000000007</v>
      </c>
      <c r="AD2869">
        <v>108.683333</v>
      </c>
      <c r="AE2869">
        <v>8.6360299999999999</v>
      </c>
      <c r="AF2869">
        <v>4.6016321964546476</v>
      </c>
    </row>
    <row r="2870" spans="6:32" x14ac:dyDescent="0.25">
      <c r="F2870">
        <v>47.616667000000007</v>
      </c>
      <c r="G2870">
        <v>-0.40317999484987277</v>
      </c>
      <c r="AC2870">
        <v>30.400000000000006</v>
      </c>
      <c r="AD2870">
        <v>108.7</v>
      </c>
      <c r="AE2870">
        <v>8.6361650000000001</v>
      </c>
      <c r="AF2870">
        <v>4.6032673482948505</v>
      </c>
    </row>
    <row r="2871" spans="6:32" x14ac:dyDescent="0.25">
      <c r="F2871">
        <v>47.633333000000007</v>
      </c>
      <c r="G2871">
        <v>-0.40276817883086641</v>
      </c>
      <c r="AC2871">
        <v>30.416667000000004</v>
      </c>
      <c r="AD2871">
        <v>108.716667</v>
      </c>
      <c r="AE2871">
        <v>8.6362989999999993</v>
      </c>
      <c r="AF2871">
        <v>4.6048903878991876</v>
      </c>
    </row>
    <row r="2872" spans="6:32" x14ac:dyDescent="0.25">
      <c r="F2872">
        <v>47.650000000000006</v>
      </c>
      <c r="G2872">
        <v>-0.40235636281186016</v>
      </c>
      <c r="AC2872">
        <v>30.433333000000005</v>
      </c>
      <c r="AD2872">
        <v>108.733333</v>
      </c>
      <c r="AE2872">
        <v>8.6364339999999995</v>
      </c>
      <c r="AF2872">
        <v>4.6065255397393896</v>
      </c>
    </row>
    <row r="2873" spans="6:32" x14ac:dyDescent="0.25">
      <c r="F2873">
        <v>47.666667000000004</v>
      </c>
      <c r="G2873">
        <v>-0.40195665902869804</v>
      </c>
      <c r="AC2873">
        <v>30.450000000000003</v>
      </c>
      <c r="AD2873">
        <v>108.75</v>
      </c>
      <c r="AE2873">
        <v>8.6365350000000003</v>
      </c>
      <c r="AF2873">
        <v>4.6077488755605867</v>
      </c>
    </row>
    <row r="2874" spans="6:32" x14ac:dyDescent="0.25">
      <c r="F2874">
        <v>47.683333000000005</v>
      </c>
      <c r="G2874">
        <v>-0.40113302699066389</v>
      </c>
      <c r="AC2874">
        <v>30.466667000000001</v>
      </c>
      <c r="AD2874">
        <v>108.766667</v>
      </c>
      <c r="AE2874">
        <v>8.6366359999999993</v>
      </c>
      <c r="AF2874">
        <v>4.6089722113817606</v>
      </c>
    </row>
    <row r="2875" spans="6:32" x14ac:dyDescent="0.25">
      <c r="F2875">
        <v>47.7</v>
      </c>
      <c r="G2875">
        <v>-0.40073332320750182</v>
      </c>
      <c r="AC2875">
        <v>30.483333000000002</v>
      </c>
      <c r="AD2875">
        <v>108.783333</v>
      </c>
      <c r="AE2875">
        <v>8.6367370000000001</v>
      </c>
      <c r="AF2875">
        <v>4.6101955472029568</v>
      </c>
    </row>
    <row r="2876" spans="6:32" x14ac:dyDescent="0.25">
      <c r="F2876">
        <v>47.716667000000001</v>
      </c>
      <c r="G2876">
        <v>-0.40032150718849557</v>
      </c>
      <c r="AC2876">
        <v>30.5</v>
      </c>
      <c r="AD2876">
        <v>108.8</v>
      </c>
      <c r="AE2876">
        <v>8.6368039999999997</v>
      </c>
      <c r="AF2876">
        <v>4.6110070670051257</v>
      </c>
    </row>
    <row r="2877" spans="6:32" x14ac:dyDescent="0.25">
      <c r="F2877">
        <v>47.733333000000002</v>
      </c>
      <c r="G2877">
        <v>-0.3995099873863272</v>
      </c>
      <c r="AC2877">
        <v>30.516666999999998</v>
      </c>
      <c r="AD2877">
        <v>108.816667</v>
      </c>
      <c r="AE2877">
        <v>8.6368379999999991</v>
      </c>
      <c r="AF2877">
        <v>4.6114188830241316</v>
      </c>
    </row>
    <row r="2878" spans="6:32" x14ac:dyDescent="0.25">
      <c r="F2878">
        <v>47.75</v>
      </c>
      <c r="G2878">
        <v>-0.3990981713672993</v>
      </c>
      <c r="AC2878">
        <v>30.533332999999999</v>
      </c>
      <c r="AD2878">
        <v>108.833333</v>
      </c>
      <c r="AE2878">
        <v>8.6369050000000005</v>
      </c>
      <c r="AF2878">
        <v>4.612230402826321</v>
      </c>
    </row>
    <row r="2879" spans="6:32" x14ac:dyDescent="0.25">
      <c r="F2879">
        <v>47.766666999999998</v>
      </c>
      <c r="G2879">
        <v>-0.398686355348293</v>
      </c>
      <c r="AC2879">
        <v>30.549999999999997</v>
      </c>
      <c r="AD2879">
        <v>108.85</v>
      </c>
      <c r="AE2879">
        <v>8.6369050000000005</v>
      </c>
      <c r="AF2879">
        <v>4.612230402826321</v>
      </c>
    </row>
    <row r="2880" spans="6:32" x14ac:dyDescent="0.25">
      <c r="F2880">
        <v>47.783332999999999</v>
      </c>
      <c r="G2880">
        <v>-0.39828665156513099</v>
      </c>
      <c r="AC2880">
        <v>30.56666700000001</v>
      </c>
      <c r="AD2880">
        <v>108.86666700000001</v>
      </c>
      <c r="AE2880">
        <v>8.6369050000000005</v>
      </c>
      <c r="AF2880">
        <v>4.612230402826321</v>
      </c>
    </row>
    <row r="2881" spans="6:32" x14ac:dyDescent="0.25">
      <c r="F2881">
        <v>47.8</v>
      </c>
      <c r="G2881">
        <v>-0.39747513176296262</v>
      </c>
      <c r="AC2881">
        <v>30.583332999999996</v>
      </c>
      <c r="AD2881">
        <v>108.88333299999999</v>
      </c>
      <c r="AE2881">
        <v>8.6369050000000005</v>
      </c>
      <c r="AF2881">
        <v>4.612230402826321</v>
      </c>
    </row>
    <row r="2882" spans="6:32" x14ac:dyDescent="0.25">
      <c r="F2882">
        <v>47.81666700000001</v>
      </c>
      <c r="G2882">
        <v>-0.39706331574395626</v>
      </c>
      <c r="AC2882">
        <v>30.600000000000009</v>
      </c>
      <c r="AD2882">
        <v>108.9</v>
      </c>
      <c r="AE2882">
        <v>8.6368720000000003</v>
      </c>
      <c r="AF2882">
        <v>4.6118306990431597</v>
      </c>
    </row>
    <row r="2883" spans="6:32" x14ac:dyDescent="0.25">
      <c r="F2883">
        <v>47.833332999999996</v>
      </c>
      <c r="G2883">
        <v>-0.39665149972492841</v>
      </c>
      <c r="AC2883">
        <v>30.616667000000007</v>
      </c>
      <c r="AD2883">
        <v>108.916667</v>
      </c>
      <c r="AE2883">
        <v>8.6368039999999997</v>
      </c>
      <c r="AF2883">
        <v>4.6110070670051257</v>
      </c>
    </row>
    <row r="2884" spans="6:32" x14ac:dyDescent="0.25">
      <c r="F2884">
        <v>47.850000000000009</v>
      </c>
      <c r="G2884">
        <v>-0.3962517959417664</v>
      </c>
      <c r="AC2884">
        <v>30.633333000000007</v>
      </c>
      <c r="AD2884">
        <v>108.933333</v>
      </c>
      <c r="AE2884">
        <v>8.6367030000000007</v>
      </c>
      <c r="AF2884">
        <v>4.6097837311839509</v>
      </c>
    </row>
    <row r="2885" spans="6:32" x14ac:dyDescent="0.25">
      <c r="F2885">
        <v>47.866667000000007</v>
      </c>
      <c r="G2885">
        <v>-0.39542816390375368</v>
      </c>
      <c r="AC2885">
        <v>30.650000000000006</v>
      </c>
      <c r="AD2885">
        <v>108.95</v>
      </c>
      <c r="AE2885">
        <v>8.6365689999999997</v>
      </c>
      <c r="AF2885">
        <v>4.6081606915795925</v>
      </c>
    </row>
    <row r="2886" spans="6:32" x14ac:dyDescent="0.25">
      <c r="F2886">
        <v>47.883333000000007</v>
      </c>
      <c r="G2886">
        <v>-0.39502846012059167</v>
      </c>
      <c r="AC2886">
        <v>30.666667000000004</v>
      </c>
      <c r="AD2886">
        <v>108.966667</v>
      </c>
      <c r="AE2886">
        <v>8.6364000000000001</v>
      </c>
      <c r="AF2886">
        <v>4.6061137237203837</v>
      </c>
    </row>
    <row r="2887" spans="6:32" x14ac:dyDescent="0.25">
      <c r="F2887">
        <v>47.900000000000006</v>
      </c>
      <c r="G2887">
        <v>-0.39461664410156383</v>
      </c>
      <c r="AC2887">
        <v>30.683333000000005</v>
      </c>
      <c r="AD2887">
        <v>108.983333</v>
      </c>
      <c r="AE2887">
        <v>8.6361980000000003</v>
      </c>
      <c r="AF2887">
        <v>4.6036670520780119</v>
      </c>
    </row>
    <row r="2888" spans="6:32" x14ac:dyDescent="0.25">
      <c r="F2888">
        <v>47.916667000000004</v>
      </c>
      <c r="G2888">
        <v>-0.39420482808255758</v>
      </c>
      <c r="AC2888">
        <v>30.700000000000003</v>
      </c>
      <c r="AD2888">
        <v>109</v>
      </c>
      <c r="AE2888">
        <v>8.6359630000000003</v>
      </c>
      <c r="AF2888">
        <v>4.6008206766524795</v>
      </c>
    </row>
    <row r="2889" spans="6:32" x14ac:dyDescent="0.25">
      <c r="F2889">
        <v>47.933333000000005</v>
      </c>
      <c r="G2889">
        <v>-0.39339330828038921</v>
      </c>
      <c r="AC2889">
        <v>30.716667000000001</v>
      </c>
      <c r="AD2889">
        <v>109.016667</v>
      </c>
      <c r="AE2889">
        <v>8.6356599999999997</v>
      </c>
      <c r="AF2889">
        <v>4.5971506691889124</v>
      </c>
    </row>
    <row r="2890" spans="6:32" x14ac:dyDescent="0.25">
      <c r="F2890">
        <v>47.95</v>
      </c>
      <c r="G2890">
        <v>-0.39298149226138285</v>
      </c>
      <c r="AC2890">
        <v>30.733333000000002</v>
      </c>
      <c r="AD2890">
        <v>109.033333</v>
      </c>
      <c r="AE2890">
        <v>8.6352899999999995</v>
      </c>
      <c r="AF2890">
        <v>4.5926691419231771</v>
      </c>
    </row>
    <row r="2891" spans="6:32" x14ac:dyDescent="0.25">
      <c r="F2891">
        <v>47.966667000000001</v>
      </c>
      <c r="G2891">
        <v>-0.39258178847822073</v>
      </c>
      <c r="AC2891">
        <v>30.75</v>
      </c>
      <c r="AD2891">
        <v>109.05</v>
      </c>
      <c r="AE2891">
        <v>8.6348520000000004</v>
      </c>
      <c r="AF2891">
        <v>4.5873639826194283</v>
      </c>
    </row>
    <row r="2892" spans="6:32" x14ac:dyDescent="0.25">
      <c r="F2892">
        <v>47.983333000000002</v>
      </c>
      <c r="G2892">
        <v>-0.39175815644018663</v>
      </c>
      <c r="AC2892">
        <v>30.766666999999998</v>
      </c>
      <c r="AD2892">
        <v>109.066667</v>
      </c>
      <c r="AE2892">
        <v>8.6343809999999994</v>
      </c>
      <c r="AF2892">
        <v>4.5816591195324978</v>
      </c>
    </row>
    <row r="2893" spans="6:32" x14ac:dyDescent="0.25">
      <c r="F2893">
        <v>48</v>
      </c>
      <c r="G2893">
        <v>-0.39135845265702462</v>
      </c>
      <c r="AC2893">
        <v>30.783332999999999</v>
      </c>
      <c r="AD2893">
        <v>109.083333</v>
      </c>
      <c r="AE2893">
        <v>8.6338760000000008</v>
      </c>
      <c r="AF2893">
        <v>4.5755424404265801</v>
      </c>
    </row>
    <row r="2894" spans="6:32" x14ac:dyDescent="0.25">
      <c r="F2894">
        <v>48.016666999999998</v>
      </c>
      <c r="G2894">
        <v>-0.39094663663801826</v>
      </c>
      <c r="AC2894">
        <v>30.799999999999997</v>
      </c>
      <c r="AD2894">
        <v>109.1</v>
      </c>
      <c r="AE2894">
        <v>8.6333040000000008</v>
      </c>
      <c r="AF2894">
        <v>4.5686142415184747</v>
      </c>
    </row>
    <row r="2895" spans="6:32" x14ac:dyDescent="0.25">
      <c r="F2895">
        <v>48.033332999999999</v>
      </c>
      <c r="G2895">
        <v>-0.39053482061899042</v>
      </c>
      <c r="AC2895">
        <v>30.81666700000001</v>
      </c>
      <c r="AD2895">
        <v>109.11666700000001</v>
      </c>
      <c r="AE2895">
        <v>8.6325299999999991</v>
      </c>
      <c r="AF2895">
        <v>4.5592393709679753</v>
      </c>
    </row>
    <row r="2896" spans="6:32" x14ac:dyDescent="0.25">
      <c r="F2896">
        <v>48.05</v>
      </c>
      <c r="G2896">
        <v>-0.39013511683584989</v>
      </c>
      <c r="AC2896">
        <v>30.833332999999996</v>
      </c>
      <c r="AD2896">
        <v>109.13333299999999</v>
      </c>
      <c r="AE2896">
        <v>8.6313519999999997</v>
      </c>
      <c r="AF2896">
        <v>4.5449711571327569</v>
      </c>
    </row>
    <row r="2897" spans="6:32" x14ac:dyDescent="0.25">
      <c r="F2897">
        <v>48.06666700000001</v>
      </c>
      <c r="G2897">
        <v>-0.38931148479781574</v>
      </c>
      <c r="AC2897">
        <v>30.850000000000009</v>
      </c>
      <c r="AD2897">
        <v>109.15</v>
      </c>
      <c r="AE2897">
        <v>8.6302749999999993</v>
      </c>
      <c r="AF2897">
        <v>4.5319262791187125</v>
      </c>
    </row>
    <row r="2898" spans="6:32" x14ac:dyDescent="0.25">
      <c r="F2898">
        <v>48.083332999999996</v>
      </c>
      <c r="G2898">
        <v>-0.38891178101465368</v>
      </c>
      <c r="AC2898">
        <v>30.866667000000007</v>
      </c>
      <c r="AD2898">
        <v>109.166667</v>
      </c>
      <c r="AE2898">
        <v>8.6292310000000008</v>
      </c>
      <c r="AF2898">
        <v>4.5192811048878507</v>
      </c>
    </row>
    <row r="2899" spans="6:32" x14ac:dyDescent="0.25">
      <c r="F2899">
        <v>48.100000000000009</v>
      </c>
      <c r="G2899">
        <v>-0.38849996499564737</v>
      </c>
      <c r="AC2899">
        <v>30.883333000000007</v>
      </c>
      <c r="AD2899">
        <v>109.183333</v>
      </c>
      <c r="AE2899">
        <v>8.6282549999999993</v>
      </c>
      <c r="AF2899">
        <v>4.5074595626949812</v>
      </c>
    </row>
    <row r="2900" spans="6:32" x14ac:dyDescent="0.25">
      <c r="F2900">
        <v>48.116667000000007</v>
      </c>
      <c r="G2900">
        <v>-0.38808814897661953</v>
      </c>
      <c r="AC2900">
        <v>30.900000000000006</v>
      </c>
      <c r="AD2900">
        <v>109.2</v>
      </c>
      <c r="AE2900">
        <v>8.6272789999999997</v>
      </c>
      <c r="AF2900">
        <v>4.4956380205021338</v>
      </c>
    </row>
    <row r="2901" spans="6:32" x14ac:dyDescent="0.25">
      <c r="F2901">
        <v>48.133333000000007</v>
      </c>
      <c r="G2901">
        <v>-0.38768844519345746</v>
      </c>
      <c r="AC2901">
        <v>30.916667000000004</v>
      </c>
      <c r="AD2901">
        <v>109.216667</v>
      </c>
      <c r="AE2901">
        <v>8.6263369999999995</v>
      </c>
      <c r="AF2901">
        <v>4.4842282943282914</v>
      </c>
    </row>
    <row r="2902" spans="6:32" x14ac:dyDescent="0.25">
      <c r="F2902">
        <v>48.150000000000006</v>
      </c>
      <c r="G2902">
        <v>-0.38686481315544485</v>
      </c>
      <c r="AC2902">
        <v>30.933333000000005</v>
      </c>
      <c r="AD2902">
        <v>109.233333</v>
      </c>
      <c r="AE2902">
        <v>8.6253949999999993</v>
      </c>
      <c r="AF2902">
        <v>4.4728185681544499</v>
      </c>
    </row>
    <row r="2903" spans="6:32" x14ac:dyDescent="0.25">
      <c r="F2903">
        <v>48.166667000000004</v>
      </c>
      <c r="G2903">
        <v>-0.38646510937228279</v>
      </c>
      <c r="AC2903">
        <v>30.950000000000003</v>
      </c>
      <c r="AD2903">
        <v>109.25</v>
      </c>
      <c r="AE2903">
        <v>8.6244519999999998</v>
      </c>
      <c r="AF2903">
        <v>4.4613967297447639</v>
      </c>
    </row>
    <row r="2904" spans="6:32" x14ac:dyDescent="0.25">
      <c r="F2904">
        <v>48.183333000000005</v>
      </c>
      <c r="G2904">
        <v>-0.38605329335327648</v>
      </c>
      <c r="AC2904">
        <v>30.966667000000001</v>
      </c>
      <c r="AD2904">
        <v>109.266667</v>
      </c>
      <c r="AE2904">
        <v>8.6234760000000001</v>
      </c>
      <c r="AF2904">
        <v>4.4495751875519156</v>
      </c>
    </row>
    <row r="2905" spans="6:32" x14ac:dyDescent="0.25">
      <c r="F2905">
        <v>48.2</v>
      </c>
      <c r="G2905">
        <v>-0.38524177355108657</v>
      </c>
      <c r="AC2905">
        <v>30.983333000000002</v>
      </c>
      <c r="AD2905">
        <v>109.283333</v>
      </c>
      <c r="AE2905">
        <v>8.6225339999999999</v>
      </c>
      <c r="AF2905">
        <v>4.4381654613780732</v>
      </c>
    </row>
    <row r="2906" spans="6:32" x14ac:dyDescent="0.25">
      <c r="F2906">
        <v>48.216667000000001</v>
      </c>
      <c r="G2906">
        <v>-0.38482995753208027</v>
      </c>
      <c r="AC2906">
        <v>31</v>
      </c>
      <c r="AD2906">
        <v>109.3</v>
      </c>
      <c r="AE2906">
        <v>8.6215240000000009</v>
      </c>
      <c r="AF2906">
        <v>4.4259321031662191</v>
      </c>
    </row>
    <row r="2907" spans="6:32" x14ac:dyDescent="0.25">
      <c r="F2907">
        <v>48.233333000000002</v>
      </c>
      <c r="G2907">
        <v>-0.38441814151307396</v>
      </c>
      <c r="AC2907">
        <v>31.016666999999998</v>
      </c>
      <c r="AD2907">
        <v>109.316667</v>
      </c>
      <c r="AE2907">
        <v>8.6205479999999994</v>
      </c>
      <c r="AF2907">
        <v>4.4141105609733495</v>
      </c>
    </row>
    <row r="2908" spans="6:32" x14ac:dyDescent="0.25">
      <c r="F2908">
        <v>48.25</v>
      </c>
      <c r="G2908">
        <v>-0.38360662171088405</v>
      </c>
      <c r="AC2908">
        <v>31.033332999999999</v>
      </c>
      <c r="AD2908">
        <v>109.333333</v>
      </c>
      <c r="AE2908">
        <v>8.6195050000000002</v>
      </c>
      <c r="AF2908">
        <v>4.4014774989783332</v>
      </c>
    </row>
    <row r="2909" spans="6:32" x14ac:dyDescent="0.25">
      <c r="F2909">
        <v>48.266666999999998</v>
      </c>
      <c r="G2909">
        <v>-0.38320691792774353</v>
      </c>
      <c r="AC2909">
        <v>31.049999999999997</v>
      </c>
      <c r="AD2909">
        <v>109.35</v>
      </c>
      <c r="AE2909">
        <v>8.6184609999999999</v>
      </c>
      <c r="AF2909">
        <v>4.388832324747451</v>
      </c>
    </row>
    <row r="2910" spans="6:32" x14ac:dyDescent="0.25">
      <c r="F2910">
        <v>48.283332999999999</v>
      </c>
      <c r="G2910">
        <v>-0.38238328588970938</v>
      </c>
      <c r="AC2910">
        <v>31.06666700000001</v>
      </c>
      <c r="AD2910">
        <v>109.36666700000001</v>
      </c>
      <c r="AE2910">
        <v>8.6174180000000007</v>
      </c>
      <c r="AF2910">
        <v>4.3761992627524346</v>
      </c>
    </row>
    <row r="2911" spans="6:32" x14ac:dyDescent="0.25">
      <c r="F2911">
        <v>48.3</v>
      </c>
      <c r="G2911">
        <v>-0.38198358210654731</v>
      </c>
      <c r="AC2911">
        <v>31.083332999999996</v>
      </c>
      <c r="AD2911">
        <v>109.38333299999999</v>
      </c>
      <c r="AE2911">
        <v>8.6163070000000008</v>
      </c>
      <c r="AF2911">
        <v>4.3627425687193835</v>
      </c>
    </row>
    <row r="2912" spans="6:32" x14ac:dyDescent="0.25">
      <c r="F2912">
        <v>48.31666700000001</v>
      </c>
      <c r="G2912">
        <v>-0.38115995006851316</v>
      </c>
      <c r="AC2912">
        <v>31.100000000000009</v>
      </c>
      <c r="AD2912">
        <v>109.4</v>
      </c>
      <c r="AE2912">
        <v>8.6152300000000004</v>
      </c>
      <c r="AF2912">
        <v>4.3496976907053391</v>
      </c>
    </row>
    <row r="2913" spans="6:32" x14ac:dyDescent="0.25">
      <c r="F2913">
        <v>48.333332999999996</v>
      </c>
      <c r="G2913">
        <v>-0.3807602462853511</v>
      </c>
      <c r="AC2913">
        <v>31.116667000000007</v>
      </c>
      <c r="AD2913">
        <v>109.416667</v>
      </c>
      <c r="AE2913">
        <v>8.6140860000000004</v>
      </c>
      <c r="AF2913">
        <v>4.3358412928891266</v>
      </c>
    </row>
    <row r="2914" spans="6:32" x14ac:dyDescent="0.25">
      <c r="F2914">
        <v>48.350000000000009</v>
      </c>
      <c r="G2914">
        <v>-0.37993661424733849</v>
      </c>
      <c r="AC2914">
        <v>31.133333000000007</v>
      </c>
      <c r="AD2914">
        <v>109.433333</v>
      </c>
      <c r="AE2914">
        <v>8.6129420000000003</v>
      </c>
      <c r="AF2914">
        <v>4.3219848950729141</v>
      </c>
    </row>
    <row r="2915" spans="6:32" x14ac:dyDescent="0.25">
      <c r="F2915">
        <v>48.366667000000007</v>
      </c>
      <c r="G2915">
        <v>-0.37953691046417642</v>
      </c>
      <c r="AC2915">
        <v>31.150000000000006</v>
      </c>
      <c r="AD2915">
        <v>109.45</v>
      </c>
      <c r="AE2915">
        <v>8.6117640000000009</v>
      </c>
      <c r="AF2915">
        <v>4.3077166812376948</v>
      </c>
    </row>
    <row r="2916" spans="6:32" x14ac:dyDescent="0.25">
      <c r="F2916">
        <v>48.383333000000007</v>
      </c>
      <c r="G2916">
        <v>-0.37871327842614227</v>
      </c>
      <c r="AC2916">
        <v>31.166667000000004</v>
      </c>
      <c r="AD2916">
        <v>109.466667</v>
      </c>
      <c r="AE2916">
        <v>8.6105859999999996</v>
      </c>
      <c r="AF2916">
        <v>4.2934484674024542</v>
      </c>
    </row>
    <row r="2917" spans="6:32" x14ac:dyDescent="0.25">
      <c r="F2917">
        <v>48.400000000000006</v>
      </c>
      <c r="G2917">
        <v>-0.37831357464298021</v>
      </c>
      <c r="AC2917">
        <v>31.183333000000005</v>
      </c>
      <c r="AD2917">
        <v>109.483333</v>
      </c>
      <c r="AE2917">
        <v>8.6093740000000007</v>
      </c>
      <c r="AF2917">
        <v>4.2787684375482282</v>
      </c>
    </row>
    <row r="2918" spans="6:32" x14ac:dyDescent="0.25">
      <c r="F2918">
        <v>48.416667000000004</v>
      </c>
      <c r="G2918">
        <v>-0.3779017586239739</v>
      </c>
      <c r="AC2918">
        <v>31.200000000000003</v>
      </c>
      <c r="AD2918">
        <v>109.5</v>
      </c>
      <c r="AE2918">
        <v>8.6081289999999999</v>
      </c>
      <c r="AF2918">
        <v>4.2636887039108196</v>
      </c>
    </row>
    <row r="2919" spans="6:32" x14ac:dyDescent="0.25">
      <c r="F2919">
        <v>48.433333000000005</v>
      </c>
      <c r="G2919">
        <v>-0.37709023882180553</v>
      </c>
      <c r="AC2919">
        <v>31.216667000000001</v>
      </c>
      <c r="AD2919">
        <v>109.516667</v>
      </c>
      <c r="AE2919">
        <v>8.6068829999999998</v>
      </c>
      <c r="AF2919">
        <v>4.2485968580375664</v>
      </c>
    </row>
    <row r="2920" spans="6:32" x14ac:dyDescent="0.25">
      <c r="F2920">
        <v>48.45</v>
      </c>
      <c r="G2920">
        <v>-0.37667842280277769</v>
      </c>
      <c r="AC2920">
        <v>31.233333000000002</v>
      </c>
      <c r="AD2920">
        <v>109.533333</v>
      </c>
      <c r="AE2920">
        <v>8.6056050000000006</v>
      </c>
      <c r="AF2920">
        <v>4.2331174206170168</v>
      </c>
    </row>
    <row r="2921" spans="6:32" x14ac:dyDescent="0.25">
      <c r="F2921">
        <v>48.466667000000001</v>
      </c>
      <c r="G2921">
        <v>-0.37586690300060932</v>
      </c>
      <c r="AC2921">
        <v>31.25</v>
      </c>
      <c r="AD2921">
        <v>109.55</v>
      </c>
      <c r="AE2921">
        <v>8.6043260000000004</v>
      </c>
      <c r="AF2921">
        <v>4.2176258709606023</v>
      </c>
    </row>
    <row r="2922" spans="6:32" x14ac:dyDescent="0.25">
      <c r="F2922">
        <v>48.483333000000002</v>
      </c>
      <c r="G2922">
        <v>-0.37545508698160301</v>
      </c>
      <c r="AC2922">
        <v>31.266666999999998</v>
      </c>
      <c r="AD2922">
        <v>109.566667</v>
      </c>
      <c r="AE2922">
        <v>8.6030130000000007</v>
      </c>
      <c r="AF2922">
        <v>4.2017225052851801</v>
      </c>
    </row>
    <row r="2923" spans="6:32" x14ac:dyDescent="0.25">
      <c r="F2923">
        <v>48.5</v>
      </c>
      <c r="G2923">
        <v>-0.37464356717943459</v>
      </c>
      <c r="AC2923">
        <v>31.283332999999999</v>
      </c>
      <c r="AD2923">
        <v>109.583333</v>
      </c>
      <c r="AE2923">
        <v>8.6016670000000008</v>
      </c>
      <c r="AF2923">
        <v>4.1854194358265966</v>
      </c>
    </row>
    <row r="2924" spans="6:32" x14ac:dyDescent="0.25">
      <c r="F2924">
        <v>48.516666999999998</v>
      </c>
      <c r="G2924">
        <v>-0.37381993514140049</v>
      </c>
      <c r="AC2924">
        <v>31.299999999999997</v>
      </c>
      <c r="AD2924">
        <v>109.6</v>
      </c>
      <c r="AE2924">
        <v>8.60032</v>
      </c>
      <c r="AF2924">
        <v>4.1691042541321472</v>
      </c>
    </row>
    <row r="2925" spans="6:32" x14ac:dyDescent="0.25">
      <c r="F2925">
        <v>48.533332999999999</v>
      </c>
      <c r="G2925">
        <v>-0.37342023135823843</v>
      </c>
      <c r="AC2925">
        <v>31.31666700000001</v>
      </c>
      <c r="AD2925">
        <v>109.61666700000001</v>
      </c>
      <c r="AE2925">
        <v>8.5989400000000007</v>
      </c>
      <c r="AF2925">
        <v>4.152389368654557</v>
      </c>
    </row>
    <row r="2926" spans="6:32" x14ac:dyDescent="0.25">
      <c r="F2926">
        <v>48.55</v>
      </c>
      <c r="G2926">
        <v>-0.37259659932020428</v>
      </c>
      <c r="AC2926">
        <v>31.333332999999996</v>
      </c>
      <c r="AD2926">
        <v>109.63333299999999</v>
      </c>
      <c r="AE2926">
        <v>8.5975610000000007</v>
      </c>
      <c r="AF2926">
        <v>4.1356865954128113</v>
      </c>
    </row>
    <row r="2927" spans="6:32" x14ac:dyDescent="0.25">
      <c r="F2927">
        <v>48.56666700000001</v>
      </c>
      <c r="G2927">
        <v>-0.3721968955370637</v>
      </c>
      <c r="AC2927">
        <v>31.350000000000009</v>
      </c>
      <c r="AD2927">
        <v>109.65</v>
      </c>
      <c r="AE2927">
        <v>8.5961470000000002</v>
      </c>
      <c r="AF2927">
        <v>4.1185598939161938</v>
      </c>
    </row>
    <row r="2928" spans="6:32" x14ac:dyDescent="0.25">
      <c r="F2928">
        <v>48.583332999999996</v>
      </c>
      <c r="G2928">
        <v>-0.37137326349902955</v>
      </c>
      <c r="AC2928">
        <v>31.366667000000007</v>
      </c>
      <c r="AD2928">
        <v>109.666667</v>
      </c>
      <c r="AE2928">
        <v>8.5946999999999996</v>
      </c>
      <c r="AF2928">
        <v>4.1010334886364141</v>
      </c>
    </row>
    <row r="2929" spans="6:32" x14ac:dyDescent="0.25">
      <c r="F2929">
        <v>48.600000000000009</v>
      </c>
      <c r="G2929">
        <v>-0.37097355971586754</v>
      </c>
      <c r="AC2929">
        <v>31.383333000000007</v>
      </c>
      <c r="AD2929">
        <v>109.683333</v>
      </c>
      <c r="AE2929">
        <v>8.5932530000000007</v>
      </c>
      <c r="AF2929">
        <v>4.0835070833566558</v>
      </c>
    </row>
    <row r="2930" spans="6:32" x14ac:dyDescent="0.25">
      <c r="F2930">
        <v>48.616667000000007</v>
      </c>
      <c r="G2930">
        <v>-0.37016203991369911</v>
      </c>
      <c r="AC2930">
        <v>31.400000000000006</v>
      </c>
      <c r="AD2930">
        <v>109.7</v>
      </c>
      <c r="AE2930">
        <v>8.5918050000000008</v>
      </c>
      <c r="AF2930">
        <v>4.0659685658410316</v>
      </c>
    </row>
    <row r="2931" spans="6:32" x14ac:dyDescent="0.25">
      <c r="F2931">
        <v>48.633333000000007</v>
      </c>
      <c r="G2931">
        <v>-0.36975022389467133</v>
      </c>
      <c r="AC2931">
        <v>31.416667000000004</v>
      </c>
      <c r="AD2931">
        <v>109.716667</v>
      </c>
      <c r="AE2931">
        <v>8.5902910000000006</v>
      </c>
      <c r="AF2931">
        <v>4.047630640759083</v>
      </c>
    </row>
    <row r="2932" spans="6:32" x14ac:dyDescent="0.25">
      <c r="F2932">
        <v>48.650000000000006</v>
      </c>
      <c r="G2932">
        <v>-0.36893870409250296</v>
      </c>
      <c r="AC2932">
        <v>31.433333000000005</v>
      </c>
      <c r="AD2932">
        <v>109.733333</v>
      </c>
      <c r="AE2932">
        <v>8.5888100000000005</v>
      </c>
      <c r="AF2932">
        <v>4.0296924194602974</v>
      </c>
    </row>
    <row r="2933" spans="6:32" x14ac:dyDescent="0.25">
      <c r="F2933">
        <v>48.666667000000004</v>
      </c>
      <c r="G2933">
        <v>-0.36852688807349659</v>
      </c>
      <c r="AC2933">
        <v>31.450000000000003</v>
      </c>
      <c r="AD2933">
        <v>109.75</v>
      </c>
      <c r="AE2933">
        <v>8.5872620000000008</v>
      </c>
      <c r="AF2933">
        <v>4.010942678359342</v>
      </c>
    </row>
    <row r="2934" spans="6:32" x14ac:dyDescent="0.25">
      <c r="F2934">
        <v>48.683333000000005</v>
      </c>
      <c r="G2934">
        <v>-0.36771536827132822</v>
      </c>
      <c r="AC2934">
        <v>31.466667000000001</v>
      </c>
      <c r="AD2934">
        <v>109.766667</v>
      </c>
      <c r="AE2934">
        <v>8.5857469999999996</v>
      </c>
      <c r="AF2934">
        <v>3.9925926410415284</v>
      </c>
    </row>
    <row r="2935" spans="6:32" x14ac:dyDescent="0.25">
      <c r="F2935">
        <v>48.7</v>
      </c>
      <c r="G2935">
        <v>-0.36730355225230044</v>
      </c>
      <c r="AC2935">
        <v>31.483333000000002</v>
      </c>
      <c r="AD2935">
        <v>109.783333</v>
      </c>
      <c r="AE2935">
        <v>8.5841650000000005</v>
      </c>
      <c r="AF2935">
        <v>3.9734310839215676</v>
      </c>
    </row>
    <row r="2936" spans="6:32" x14ac:dyDescent="0.25">
      <c r="F2936">
        <v>48.716667000000001</v>
      </c>
      <c r="G2936">
        <v>-0.36649203245013207</v>
      </c>
      <c r="AC2936">
        <v>31.5</v>
      </c>
      <c r="AD2936">
        <v>109.8</v>
      </c>
      <c r="AE2936">
        <v>8.5826170000000008</v>
      </c>
      <c r="AF2936">
        <v>3.9546813428206131</v>
      </c>
    </row>
    <row r="2937" spans="6:32" x14ac:dyDescent="0.25">
      <c r="F2937">
        <v>48.733333000000002</v>
      </c>
      <c r="G2937">
        <v>-0.3660802164311257</v>
      </c>
      <c r="AC2937">
        <v>31.516666999999998</v>
      </c>
      <c r="AD2937">
        <v>109.816667</v>
      </c>
      <c r="AE2937">
        <v>8.5810010000000005</v>
      </c>
      <c r="AF2937">
        <v>3.9351079696816247</v>
      </c>
    </row>
    <row r="2938" spans="6:32" x14ac:dyDescent="0.25">
      <c r="F2938">
        <v>48.75</v>
      </c>
      <c r="G2938">
        <v>-0.3656684004121194</v>
      </c>
      <c r="AC2938">
        <v>31.533332999999999</v>
      </c>
      <c r="AD2938">
        <v>109.833333</v>
      </c>
      <c r="AE2938">
        <v>8.5794200000000007</v>
      </c>
      <c r="AF2938">
        <v>3.9159585247975084</v>
      </c>
    </row>
    <row r="2939" spans="6:32" x14ac:dyDescent="0.25">
      <c r="F2939">
        <v>48.766666999999998</v>
      </c>
      <c r="G2939">
        <v>-0.36485688060992955</v>
      </c>
      <c r="AC2939">
        <v>31.549999999999997</v>
      </c>
      <c r="AD2939">
        <v>109.85</v>
      </c>
      <c r="AE2939">
        <v>8.5778040000000004</v>
      </c>
      <c r="AF2939">
        <v>3.8963851516585191</v>
      </c>
    </row>
    <row r="2940" spans="6:32" x14ac:dyDescent="0.25">
      <c r="F2940">
        <v>48.783332999999999</v>
      </c>
      <c r="G2940">
        <v>-0.36444506459092318</v>
      </c>
      <c r="AC2940">
        <v>31.56666700000001</v>
      </c>
      <c r="AD2940">
        <v>109.86666700000001</v>
      </c>
      <c r="AE2940">
        <v>8.5761889999999994</v>
      </c>
      <c r="AF2940">
        <v>3.8768238907553751</v>
      </c>
    </row>
    <row r="2941" spans="6:32" x14ac:dyDescent="0.25">
      <c r="F2941">
        <v>48.8</v>
      </c>
      <c r="G2941">
        <v>-0.36363354478875481</v>
      </c>
      <c r="AC2941">
        <v>31.583332999999996</v>
      </c>
      <c r="AD2941">
        <v>109.88333299999999</v>
      </c>
      <c r="AE2941">
        <v>8.5745389999999997</v>
      </c>
      <c r="AF2941">
        <v>3.85683870159738</v>
      </c>
    </row>
    <row r="2942" spans="6:32" x14ac:dyDescent="0.25">
      <c r="F2942">
        <v>48.81666700000001</v>
      </c>
      <c r="G2942">
        <v>-0.36322172876972703</v>
      </c>
      <c r="AC2942">
        <v>31.600000000000009</v>
      </c>
      <c r="AD2942">
        <v>109.9</v>
      </c>
      <c r="AE2942">
        <v>8.5728899999999992</v>
      </c>
      <c r="AF2942">
        <v>3.8368656246752293</v>
      </c>
    </row>
    <row r="2943" spans="6:32" x14ac:dyDescent="0.25">
      <c r="F2943">
        <v>48.833332999999996</v>
      </c>
      <c r="G2943">
        <v>-0.36282202498656496</v>
      </c>
      <c r="AC2943">
        <v>31.616667000000007</v>
      </c>
      <c r="AD2943">
        <v>109.916667</v>
      </c>
      <c r="AE2943">
        <v>8.5712410000000006</v>
      </c>
      <c r="AF2943">
        <v>3.8168925477530999</v>
      </c>
    </row>
    <row r="2944" spans="6:32" x14ac:dyDescent="0.25">
      <c r="F2944">
        <v>48.850000000000009</v>
      </c>
      <c r="G2944">
        <v>-0.36199839294855229</v>
      </c>
      <c r="AC2944">
        <v>31.633333000000007</v>
      </c>
      <c r="AD2944">
        <v>109.933333</v>
      </c>
      <c r="AE2944">
        <v>8.5695920000000001</v>
      </c>
      <c r="AF2944">
        <v>3.7969194708309493</v>
      </c>
    </row>
    <row r="2945" spans="6:32" x14ac:dyDescent="0.25">
      <c r="F2945">
        <v>48.866667000000007</v>
      </c>
      <c r="G2945">
        <v>-0.36159868916539023</v>
      </c>
      <c r="AC2945">
        <v>31.650000000000006</v>
      </c>
      <c r="AD2945">
        <v>109.95</v>
      </c>
      <c r="AE2945">
        <v>8.5679090000000002</v>
      </c>
      <c r="AF2945">
        <v>3.7765345778897923</v>
      </c>
    </row>
    <row r="2946" spans="6:32" x14ac:dyDescent="0.25">
      <c r="F2946">
        <v>48.883333000000007</v>
      </c>
      <c r="G2946">
        <v>-0.36077505712735614</v>
      </c>
      <c r="AC2946">
        <v>31.666667000000004</v>
      </c>
      <c r="AD2946">
        <v>109.966667</v>
      </c>
      <c r="AE2946">
        <v>8.5662260000000003</v>
      </c>
      <c r="AF2946">
        <v>3.7561496849486349</v>
      </c>
    </row>
    <row r="2947" spans="6:32" x14ac:dyDescent="0.25">
      <c r="F2947">
        <v>48.900000000000006</v>
      </c>
      <c r="G2947">
        <v>-0.36037535334419407</v>
      </c>
      <c r="AC2947">
        <v>31.683333000000005</v>
      </c>
      <c r="AD2947">
        <v>109.983333</v>
      </c>
      <c r="AE2947">
        <v>8.5645100000000003</v>
      </c>
      <c r="AF2947">
        <v>3.7353650882243161</v>
      </c>
    </row>
    <row r="2948" spans="6:32" x14ac:dyDescent="0.25">
      <c r="F2948">
        <v>48.916667000000004</v>
      </c>
      <c r="G2948">
        <v>-0.3595517213061814</v>
      </c>
      <c r="AC2948">
        <v>31.700000000000003</v>
      </c>
      <c r="AD2948">
        <v>110</v>
      </c>
      <c r="AE2948">
        <v>8.5627929999999992</v>
      </c>
      <c r="AF2948">
        <v>3.7145683792641311</v>
      </c>
    </row>
    <row r="2949" spans="6:32" x14ac:dyDescent="0.25">
      <c r="F2949">
        <v>48.933333000000005</v>
      </c>
      <c r="G2949">
        <v>-0.35915201752301934</v>
      </c>
      <c r="AC2949">
        <v>31.716667000000001</v>
      </c>
      <c r="AD2949">
        <v>110.016667</v>
      </c>
      <c r="AE2949">
        <v>8.5611099999999993</v>
      </c>
      <c r="AF2949">
        <v>3.6941834863229746</v>
      </c>
    </row>
    <row r="2950" spans="6:32" x14ac:dyDescent="0.25">
      <c r="F2950">
        <v>48.95</v>
      </c>
      <c r="G2950">
        <v>-0.35832838548498519</v>
      </c>
      <c r="AC2950">
        <v>31.733333000000002</v>
      </c>
      <c r="AD2950">
        <v>110.033333</v>
      </c>
      <c r="AE2950">
        <v>8.5593599999999999</v>
      </c>
      <c r="AF2950">
        <v>3.6729870735796486</v>
      </c>
    </row>
    <row r="2951" spans="6:32" x14ac:dyDescent="0.25">
      <c r="F2951">
        <v>48.966667000000001</v>
      </c>
      <c r="G2951">
        <v>-0.35792868170182318</v>
      </c>
      <c r="AC2951">
        <v>31.75</v>
      </c>
      <c r="AD2951">
        <v>110.05</v>
      </c>
      <c r="AE2951">
        <v>8.5576439999999998</v>
      </c>
      <c r="AF2951">
        <v>3.6522024768553298</v>
      </c>
    </row>
    <row r="2952" spans="6:32" x14ac:dyDescent="0.25">
      <c r="F2952">
        <v>48.983333000000002</v>
      </c>
      <c r="G2952">
        <v>-0.35751686568281682</v>
      </c>
      <c r="AC2952">
        <v>31.766666999999998</v>
      </c>
      <c r="AD2952">
        <v>110.066667</v>
      </c>
      <c r="AE2952">
        <v>8.5558940000000003</v>
      </c>
      <c r="AF2952">
        <v>3.6310060641120043</v>
      </c>
    </row>
    <row r="2953" spans="6:32" x14ac:dyDescent="0.25">
      <c r="F2953">
        <v>49</v>
      </c>
      <c r="G2953">
        <v>-0.35670534588064845</v>
      </c>
      <c r="AC2953">
        <v>31.783332999999999</v>
      </c>
      <c r="AD2953">
        <v>110.083333</v>
      </c>
      <c r="AE2953">
        <v>8.5541769999999993</v>
      </c>
      <c r="AF2953">
        <v>3.6102093551518193</v>
      </c>
    </row>
    <row r="2954" spans="6:32" x14ac:dyDescent="0.25">
      <c r="F2954">
        <v>49.016666999999998</v>
      </c>
      <c r="G2954">
        <v>-0.35629352986162066</v>
      </c>
      <c r="AC2954">
        <v>31.799999999999997</v>
      </c>
      <c r="AD2954">
        <v>110.1</v>
      </c>
      <c r="AE2954">
        <v>8.5524269999999998</v>
      </c>
      <c r="AF2954">
        <v>3.5890129424084942</v>
      </c>
    </row>
    <row r="2955" spans="6:32" x14ac:dyDescent="0.25">
      <c r="F2955">
        <v>49.033332999999999</v>
      </c>
      <c r="G2955">
        <v>-0.35589382607848008</v>
      </c>
      <c r="AC2955">
        <v>31.81666700000001</v>
      </c>
      <c r="AD2955">
        <v>110.11666700000001</v>
      </c>
      <c r="AE2955">
        <v>8.5506430000000009</v>
      </c>
      <c r="AF2955">
        <v>3.567404713646162</v>
      </c>
    </row>
    <row r="2956" spans="6:32" x14ac:dyDescent="0.25">
      <c r="F2956">
        <v>49.05</v>
      </c>
      <c r="G2956">
        <v>-0.35507019404044593</v>
      </c>
      <c r="AC2956">
        <v>31.833332999999996</v>
      </c>
      <c r="AD2956">
        <v>110.13333299999999</v>
      </c>
      <c r="AE2956">
        <v>8.5488929999999996</v>
      </c>
      <c r="AF2956">
        <v>3.5462083009028151</v>
      </c>
    </row>
    <row r="2957" spans="6:32" x14ac:dyDescent="0.25">
      <c r="F2957">
        <v>49.06666700000001</v>
      </c>
      <c r="G2957">
        <v>-0.35467049025728387</v>
      </c>
      <c r="AC2957">
        <v>31.850000000000009</v>
      </c>
      <c r="AD2957">
        <v>110.15</v>
      </c>
      <c r="AE2957">
        <v>8.5471430000000002</v>
      </c>
      <c r="AF2957">
        <v>3.5250118881594896</v>
      </c>
    </row>
    <row r="2958" spans="6:32" x14ac:dyDescent="0.25">
      <c r="F2958">
        <v>49.083332999999996</v>
      </c>
      <c r="G2958">
        <v>-0.35384685821924972</v>
      </c>
      <c r="AC2958">
        <v>31.866667000000007</v>
      </c>
      <c r="AD2958">
        <v>110.166667</v>
      </c>
      <c r="AE2958">
        <v>8.5453589999999995</v>
      </c>
      <c r="AF2958">
        <v>3.5034036593971365</v>
      </c>
    </row>
    <row r="2959" spans="6:32" x14ac:dyDescent="0.25">
      <c r="F2959">
        <v>49.100000000000009</v>
      </c>
      <c r="G2959">
        <v>-0.35344715443608771</v>
      </c>
      <c r="AC2959">
        <v>31.883333000000007</v>
      </c>
      <c r="AD2959">
        <v>110.183333</v>
      </c>
      <c r="AE2959">
        <v>8.543609</v>
      </c>
      <c r="AF2959">
        <v>3.482207246653811</v>
      </c>
    </row>
    <row r="2960" spans="6:32" x14ac:dyDescent="0.25">
      <c r="F2960">
        <v>49.116667000000007</v>
      </c>
      <c r="G2960">
        <v>-0.35303533841708135</v>
      </c>
      <c r="AC2960">
        <v>31.900000000000006</v>
      </c>
      <c r="AD2960">
        <v>110.2</v>
      </c>
      <c r="AE2960">
        <v>8.5418249999999993</v>
      </c>
      <c r="AF2960">
        <v>3.4605990178914583</v>
      </c>
    </row>
    <row r="2961" spans="6:32" x14ac:dyDescent="0.25">
      <c r="F2961">
        <v>49.133333000000007</v>
      </c>
      <c r="G2961">
        <v>-0.35222381861491298</v>
      </c>
      <c r="AC2961">
        <v>31.916667000000004</v>
      </c>
      <c r="AD2961">
        <v>110.216667</v>
      </c>
      <c r="AE2961">
        <v>8.5400749999999999</v>
      </c>
      <c r="AF2961">
        <v>3.4394026051481328</v>
      </c>
    </row>
    <row r="2962" spans="6:32" x14ac:dyDescent="0.25">
      <c r="F2962">
        <v>49.150000000000006</v>
      </c>
      <c r="G2962">
        <v>-0.35181200259590667</v>
      </c>
      <c r="AC2962">
        <v>31.933333000000005</v>
      </c>
      <c r="AD2962">
        <v>110.233333</v>
      </c>
      <c r="AE2962">
        <v>8.5382909999999992</v>
      </c>
      <c r="AF2962">
        <v>3.4177943763857792</v>
      </c>
    </row>
    <row r="2963" spans="6:32" x14ac:dyDescent="0.25">
      <c r="F2963">
        <v>49.166667000000004</v>
      </c>
      <c r="G2963">
        <v>-0.35100048279371676</v>
      </c>
      <c r="AC2963">
        <v>31.950000000000003</v>
      </c>
      <c r="AD2963">
        <v>110.25</v>
      </c>
      <c r="AE2963">
        <v>8.5365070000000003</v>
      </c>
      <c r="AF2963">
        <v>3.3961861476234469</v>
      </c>
    </row>
    <row r="2964" spans="6:32" x14ac:dyDescent="0.25">
      <c r="F2964">
        <v>49.183333000000005</v>
      </c>
      <c r="G2964">
        <v>-0.35058866677471046</v>
      </c>
      <c r="AC2964">
        <v>31.966667000000001</v>
      </c>
      <c r="AD2964">
        <v>110.266667</v>
      </c>
      <c r="AE2964">
        <v>8.5347240000000006</v>
      </c>
      <c r="AF2964">
        <v>3.3745900310969601</v>
      </c>
    </row>
    <row r="2965" spans="6:32" x14ac:dyDescent="0.25">
      <c r="F2965">
        <v>49.2</v>
      </c>
      <c r="G2965">
        <v>-0.34977714697254209</v>
      </c>
      <c r="AC2965">
        <v>31.983333000000002</v>
      </c>
      <c r="AD2965">
        <v>110.283333</v>
      </c>
      <c r="AE2965">
        <v>8.53294</v>
      </c>
      <c r="AF2965">
        <v>3.3529818023346065</v>
      </c>
    </row>
    <row r="2966" spans="6:32" x14ac:dyDescent="0.25">
      <c r="F2966">
        <v>49.216667000000001</v>
      </c>
      <c r="G2966">
        <v>-0.34936533095351424</v>
      </c>
      <c r="AC2966">
        <v>32</v>
      </c>
      <c r="AD2966">
        <v>110.3</v>
      </c>
      <c r="AE2966">
        <v>8.5311559999999993</v>
      </c>
      <c r="AF2966">
        <v>3.3313735735722534</v>
      </c>
    </row>
    <row r="2967" spans="6:32" x14ac:dyDescent="0.25">
      <c r="F2967">
        <v>49.233333000000002</v>
      </c>
      <c r="G2967">
        <v>-0.34855381115134587</v>
      </c>
      <c r="AC2967">
        <v>32.016666999999998</v>
      </c>
      <c r="AD2967">
        <v>110.316667</v>
      </c>
      <c r="AE2967">
        <v>8.5293720000000004</v>
      </c>
      <c r="AF2967">
        <v>3.3097653448099216</v>
      </c>
    </row>
    <row r="2968" spans="6:32" x14ac:dyDescent="0.25">
      <c r="F2968">
        <v>49.25</v>
      </c>
      <c r="G2968">
        <v>-0.34814199513233957</v>
      </c>
      <c r="AC2968">
        <v>32.033332999999999</v>
      </c>
      <c r="AD2968">
        <v>110.333333</v>
      </c>
      <c r="AE2968">
        <v>8.5275879999999997</v>
      </c>
      <c r="AF2968">
        <v>3.2881571160475689</v>
      </c>
    </row>
    <row r="2969" spans="6:32" x14ac:dyDescent="0.25">
      <c r="F2969">
        <v>49.266666999999998</v>
      </c>
      <c r="G2969">
        <v>-0.3473304753301712</v>
      </c>
      <c r="AC2969">
        <v>32.049999999999997</v>
      </c>
      <c r="AD2969">
        <v>110.35</v>
      </c>
      <c r="AE2969">
        <v>8.5258050000000001</v>
      </c>
      <c r="AF2969">
        <v>3.2665609995210807</v>
      </c>
    </row>
    <row r="2970" spans="6:32" x14ac:dyDescent="0.25">
      <c r="F2970">
        <v>49.283332999999999</v>
      </c>
      <c r="G2970">
        <v>-0.34691865931114335</v>
      </c>
      <c r="AC2970">
        <v>32.06666700000001</v>
      </c>
      <c r="AD2970">
        <v>110.36666700000001</v>
      </c>
      <c r="AE2970">
        <v>8.5240209999999994</v>
      </c>
      <c r="AF2970">
        <v>3.244952770758728</v>
      </c>
    </row>
    <row r="2971" spans="6:32" x14ac:dyDescent="0.25">
      <c r="F2971">
        <v>49.3</v>
      </c>
      <c r="G2971">
        <v>-0.34650684329213705</v>
      </c>
      <c r="AC2971">
        <v>32.083332999999996</v>
      </c>
      <c r="AD2971">
        <v>110.38333299999999</v>
      </c>
      <c r="AE2971">
        <v>8.5222370000000005</v>
      </c>
      <c r="AF2971">
        <v>3.2233445419963958</v>
      </c>
    </row>
    <row r="2972" spans="6:32" x14ac:dyDescent="0.25">
      <c r="F2972">
        <v>49.31666700000001</v>
      </c>
      <c r="G2972">
        <v>-0.34610713950897498</v>
      </c>
      <c r="AC2972">
        <v>32.100000000000009</v>
      </c>
      <c r="AD2972">
        <v>110.4</v>
      </c>
      <c r="AE2972">
        <v>8.5204529999999998</v>
      </c>
      <c r="AF2972">
        <v>3.2017363132340431</v>
      </c>
    </row>
    <row r="2973" spans="6:32" x14ac:dyDescent="0.25">
      <c r="F2973">
        <v>49.333332999999996</v>
      </c>
      <c r="G2973">
        <v>-0.34528350747094083</v>
      </c>
      <c r="AC2973">
        <v>32.116667000000007</v>
      </c>
      <c r="AD2973">
        <v>110.416667</v>
      </c>
      <c r="AE2973">
        <v>8.5186689999999992</v>
      </c>
      <c r="AF2973">
        <v>3.1801280844716895</v>
      </c>
    </row>
    <row r="2974" spans="6:32" x14ac:dyDescent="0.25">
      <c r="F2974">
        <v>49.350000000000009</v>
      </c>
      <c r="G2974">
        <v>-0.34488380368780036</v>
      </c>
      <c r="AC2974">
        <v>32.133333000000007</v>
      </c>
      <c r="AD2974">
        <v>110.433333</v>
      </c>
      <c r="AE2974">
        <v>8.5168859999999995</v>
      </c>
      <c r="AF2974">
        <v>3.1585319679452022</v>
      </c>
    </row>
    <row r="2975" spans="6:32" x14ac:dyDescent="0.25">
      <c r="F2975">
        <v>49.366667000000007</v>
      </c>
      <c r="G2975">
        <v>-0.34406017164976616</v>
      </c>
      <c r="AC2975">
        <v>32.150000000000006</v>
      </c>
      <c r="AD2975">
        <v>110.45</v>
      </c>
      <c r="AE2975">
        <v>8.5151020000000006</v>
      </c>
      <c r="AF2975">
        <v>3.1369237391828704</v>
      </c>
    </row>
    <row r="2976" spans="6:32" x14ac:dyDescent="0.25">
      <c r="F2976">
        <v>49.383333000000007</v>
      </c>
      <c r="G2976">
        <v>-0.34366046786660409</v>
      </c>
      <c r="AC2976">
        <v>32.166667000000004</v>
      </c>
      <c r="AD2976">
        <v>110.466667</v>
      </c>
      <c r="AE2976">
        <v>8.5133179999999999</v>
      </c>
      <c r="AF2976">
        <v>3.1153155104205172</v>
      </c>
    </row>
    <row r="2977" spans="6:32" x14ac:dyDescent="0.25">
      <c r="F2977">
        <v>49.400000000000006</v>
      </c>
      <c r="G2977">
        <v>-0.34284894806443578</v>
      </c>
      <c r="AC2977">
        <v>32.183333000000005</v>
      </c>
      <c r="AD2977">
        <v>110.483333</v>
      </c>
      <c r="AE2977">
        <v>8.5115339999999993</v>
      </c>
      <c r="AF2977">
        <v>3.0937072816581637</v>
      </c>
    </row>
    <row r="2978" spans="6:32" x14ac:dyDescent="0.25">
      <c r="F2978">
        <v>49.416667000000004</v>
      </c>
      <c r="G2978">
        <v>-0.34243713204540788</v>
      </c>
      <c r="AC2978">
        <v>32.200000000000003</v>
      </c>
      <c r="AD2978">
        <v>110.5</v>
      </c>
      <c r="AE2978">
        <v>8.5097500000000004</v>
      </c>
      <c r="AF2978">
        <v>3.0720990528958318</v>
      </c>
    </row>
    <row r="2979" spans="6:32" x14ac:dyDescent="0.25">
      <c r="F2979">
        <v>49.433333000000005</v>
      </c>
      <c r="G2979">
        <v>-0.34162561224323951</v>
      </c>
      <c r="AC2979">
        <v>32.216667000000001</v>
      </c>
      <c r="AD2979">
        <v>110.516667</v>
      </c>
      <c r="AE2979">
        <v>8.5079670000000007</v>
      </c>
      <c r="AF2979">
        <v>3.0505029363693446</v>
      </c>
    </row>
    <row r="2980" spans="6:32" x14ac:dyDescent="0.25">
      <c r="F2980">
        <v>49.45</v>
      </c>
      <c r="G2980">
        <v>-0.3412137962242332</v>
      </c>
      <c r="AC2980">
        <v>32.233333000000002</v>
      </c>
      <c r="AD2980">
        <v>110.533333</v>
      </c>
      <c r="AE2980">
        <v>8.506183</v>
      </c>
      <c r="AF2980">
        <v>3.028894707606991</v>
      </c>
    </row>
    <row r="2981" spans="6:32" x14ac:dyDescent="0.25">
      <c r="F2981">
        <v>49.466667000000001</v>
      </c>
      <c r="G2981">
        <v>-0.34040227642206489</v>
      </c>
      <c r="AC2981">
        <v>32.25</v>
      </c>
      <c r="AD2981">
        <v>110.55</v>
      </c>
      <c r="AE2981">
        <v>8.5043989999999994</v>
      </c>
      <c r="AF2981">
        <v>3.0072864788446378</v>
      </c>
    </row>
    <row r="2982" spans="6:32" x14ac:dyDescent="0.25">
      <c r="F2982">
        <v>49.483333000000002</v>
      </c>
      <c r="G2982">
        <v>-0.33999046040303699</v>
      </c>
      <c r="AC2982">
        <v>32.266666999999998</v>
      </c>
      <c r="AD2982">
        <v>110.566667</v>
      </c>
      <c r="AE2982">
        <v>8.5026150000000005</v>
      </c>
      <c r="AF2982">
        <v>2.985678250082306</v>
      </c>
    </row>
    <row r="2983" spans="6:32" x14ac:dyDescent="0.25">
      <c r="F2983">
        <v>49.5</v>
      </c>
      <c r="G2983">
        <v>-0.33917894060086862</v>
      </c>
      <c r="AC2983">
        <v>32.283332999999999</v>
      </c>
      <c r="AD2983">
        <v>110.583333</v>
      </c>
      <c r="AE2983">
        <v>8.5008309999999998</v>
      </c>
      <c r="AF2983">
        <v>2.9640700213199529</v>
      </c>
    </row>
    <row r="2984" spans="6:32" x14ac:dyDescent="0.25">
      <c r="F2984">
        <v>49.516666999999998</v>
      </c>
      <c r="G2984">
        <v>-0.33876712458186231</v>
      </c>
      <c r="AC2984">
        <v>32.299999999999997</v>
      </c>
      <c r="AD2984">
        <v>110.6</v>
      </c>
      <c r="AE2984">
        <v>8.4990480000000002</v>
      </c>
      <c r="AF2984">
        <v>2.9424739047934656</v>
      </c>
    </row>
    <row r="2985" spans="6:32" x14ac:dyDescent="0.25">
      <c r="F2985">
        <v>49.533332999999999</v>
      </c>
      <c r="G2985">
        <v>-0.33795560477969394</v>
      </c>
      <c r="AC2985">
        <v>32.31666700000001</v>
      </c>
      <c r="AD2985">
        <v>110.61666700000001</v>
      </c>
      <c r="AE2985">
        <v>8.4972639999999995</v>
      </c>
      <c r="AF2985">
        <v>2.9208656760311125</v>
      </c>
    </row>
    <row r="2986" spans="6:32" x14ac:dyDescent="0.25">
      <c r="F2986">
        <v>49.55</v>
      </c>
      <c r="G2986">
        <v>-0.3375437887606661</v>
      </c>
      <c r="AC2986">
        <v>32.333332999999996</v>
      </c>
      <c r="AD2986">
        <v>110.63333299999999</v>
      </c>
      <c r="AE2986">
        <v>8.4954800000000006</v>
      </c>
      <c r="AF2986">
        <v>2.8992574472687807</v>
      </c>
    </row>
    <row r="2987" spans="6:32" x14ac:dyDescent="0.25">
      <c r="F2987">
        <v>49.56666700000001</v>
      </c>
      <c r="G2987">
        <v>-0.33673226895849773</v>
      </c>
      <c r="AC2987">
        <v>32.350000000000009</v>
      </c>
      <c r="AD2987">
        <v>110.65</v>
      </c>
      <c r="AE2987">
        <v>8.4936959999999999</v>
      </c>
      <c r="AF2987">
        <v>2.8776492185064275</v>
      </c>
    </row>
    <row r="2988" spans="6:32" x14ac:dyDescent="0.25">
      <c r="F2988">
        <v>49.583332999999996</v>
      </c>
      <c r="G2988">
        <v>-0.33632045293949142</v>
      </c>
      <c r="AC2988">
        <v>32.366667000000007</v>
      </c>
      <c r="AD2988">
        <v>110.666667</v>
      </c>
      <c r="AE2988">
        <v>8.4919460000000004</v>
      </c>
      <c r="AF2988">
        <v>2.8564528057631016</v>
      </c>
    </row>
    <row r="2989" spans="6:32" x14ac:dyDescent="0.25">
      <c r="F2989">
        <v>49.600000000000009</v>
      </c>
      <c r="G2989">
        <v>-0.33550893313730151</v>
      </c>
      <c r="AC2989">
        <v>32.383333000000007</v>
      </c>
      <c r="AD2989">
        <v>110.683333</v>
      </c>
      <c r="AE2989">
        <v>8.4901619999999998</v>
      </c>
      <c r="AF2989">
        <v>2.8348445770007484</v>
      </c>
    </row>
    <row r="2990" spans="6:32" x14ac:dyDescent="0.25">
      <c r="F2990">
        <v>49.616667000000007</v>
      </c>
      <c r="G2990">
        <v>-0.33509711711829521</v>
      </c>
      <c r="AC2990">
        <v>32.400000000000006</v>
      </c>
      <c r="AD2990">
        <v>110.7</v>
      </c>
      <c r="AE2990">
        <v>8.4883780000000009</v>
      </c>
      <c r="AF2990">
        <v>2.8132363482384166</v>
      </c>
    </row>
    <row r="2991" spans="6:32" x14ac:dyDescent="0.25">
      <c r="F2991">
        <v>49.633333000000007</v>
      </c>
      <c r="G2991">
        <v>-0.33428559731612684</v>
      </c>
      <c r="AC2991">
        <v>32.416667000000004</v>
      </c>
      <c r="AD2991">
        <v>110.716667</v>
      </c>
      <c r="AE2991">
        <v>8.4866279999999996</v>
      </c>
      <c r="AF2991">
        <v>2.7920399354950698</v>
      </c>
    </row>
    <row r="2992" spans="6:32" x14ac:dyDescent="0.25">
      <c r="F2992">
        <v>49.650000000000006</v>
      </c>
      <c r="G2992">
        <v>-0.33387378129712053</v>
      </c>
      <c r="AC2992">
        <v>32.433333000000005</v>
      </c>
      <c r="AD2992">
        <v>110.733333</v>
      </c>
      <c r="AE2992">
        <v>8.4848440000000007</v>
      </c>
      <c r="AF2992">
        <v>2.7704317067327384</v>
      </c>
    </row>
    <row r="2993" spans="6:32" x14ac:dyDescent="0.25">
      <c r="F2993">
        <v>49.666667000000004</v>
      </c>
      <c r="G2993">
        <v>-0.33306226149493062</v>
      </c>
      <c r="AC2993">
        <v>32.450000000000003</v>
      </c>
      <c r="AD2993">
        <v>110.75</v>
      </c>
      <c r="AE2993">
        <v>8.4830609999999993</v>
      </c>
      <c r="AF2993">
        <v>2.7488355902062294</v>
      </c>
    </row>
    <row r="2994" spans="6:32" x14ac:dyDescent="0.25">
      <c r="F2994">
        <v>49.683333000000005</v>
      </c>
      <c r="G2994">
        <v>-0.33223862945691801</v>
      </c>
      <c r="AC2994">
        <v>32.466667000000001</v>
      </c>
      <c r="AD2994">
        <v>110.766667</v>
      </c>
      <c r="AE2994">
        <v>8.4812770000000004</v>
      </c>
      <c r="AF2994">
        <v>2.7272273614438975</v>
      </c>
    </row>
    <row r="2995" spans="6:32" x14ac:dyDescent="0.25">
      <c r="F2995">
        <v>49.7</v>
      </c>
      <c r="G2995">
        <v>-0.33183892567375595</v>
      </c>
      <c r="AC2995">
        <v>32.483333000000002</v>
      </c>
      <c r="AD2995">
        <v>110.783333</v>
      </c>
      <c r="AE2995">
        <v>8.4794929999999997</v>
      </c>
      <c r="AF2995">
        <v>2.7056191326815444</v>
      </c>
    </row>
    <row r="2996" spans="6:32" x14ac:dyDescent="0.25">
      <c r="F2996">
        <v>49.716667000000015</v>
      </c>
      <c r="G2996">
        <v>-0.3310152936357218</v>
      </c>
      <c r="AC2996">
        <v>32.5</v>
      </c>
      <c r="AD2996">
        <v>110.8</v>
      </c>
      <c r="AE2996">
        <v>8.4777430000000003</v>
      </c>
      <c r="AF2996">
        <v>2.6844227199382185</v>
      </c>
    </row>
    <row r="2997" spans="6:32" x14ac:dyDescent="0.25">
      <c r="F2997">
        <v>49.733333000000002</v>
      </c>
      <c r="G2997">
        <v>-0.33061558985255973</v>
      </c>
      <c r="AC2997">
        <v>32.516666999999998</v>
      </c>
      <c r="AD2997">
        <v>110.816667</v>
      </c>
      <c r="AE2997">
        <v>8.4759589999999996</v>
      </c>
      <c r="AF2997">
        <v>2.6628144911758653</v>
      </c>
    </row>
    <row r="2998" spans="6:32" x14ac:dyDescent="0.25">
      <c r="F2998">
        <v>49.750000000000014</v>
      </c>
      <c r="G2998">
        <v>-0.32980407005039136</v>
      </c>
      <c r="AC2998">
        <v>32.533332999999999</v>
      </c>
      <c r="AD2998">
        <v>110.833333</v>
      </c>
      <c r="AE2998">
        <v>8.4741750000000007</v>
      </c>
      <c r="AF2998">
        <v>2.6412062624135335</v>
      </c>
    </row>
    <row r="2999" spans="6:32" x14ac:dyDescent="0.25">
      <c r="F2999">
        <v>49.766666999999998</v>
      </c>
      <c r="G2999">
        <v>-0.32898043801235721</v>
      </c>
      <c r="AC2999">
        <v>32.549999999999997</v>
      </c>
      <c r="AD2999">
        <v>110.85</v>
      </c>
      <c r="AE2999">
        <v>8.4724249999999994</v>
      </c>
      <c r="AF2999">
        <v>2.6200098496701867</v>
      </c>
    </row>
    <row r="3000" spans="6:32" x14ac:dyDescent="0.25">
      <c r="F3000">
        <v>49.783333000000013</v>
      </c>
      <c r="G3000">
        <v>-0.32858073422919515</v>
      </c>
      <c r="AC3000">
        <v>32.56666700000001</v>
      </c>
      <c r="AD3000">
        <v>110.86666700000001</v>
      </c>
      <c r="AE3000">
        <v>8.4706410000000005</v>
      </c>
      <c r="AF3000">
        <v>2.5984016209078553</v>
      </c>
    </row>
    <row r="3001" spans="6:32" x14ac:dyDescent="0.25">
      <c r="F3001">
        <v>49.8</v>
      </c>
      <c r="G3001">
        <v>-0.32775710219118254</v>
      </c>
      <c r="AC3001">
        <v>32.583332999999996</v>
      </c>
      <c r="AD3001">
        <v>110.88333299999999</v>
      </c>
      <c r="AE3001">
        <v>8.4688909999999993</v>
      </c>
      <c r="AF3001">
        <v>2.5772052081645085</v>
      </c>
    </row>
    <row r="3002" spans="6:32" x14ac:dyDescent="0.25">
      <c r="F3002">
        <v>49.81666700000001</v>
      </c>
      <c r="G3002">
        <v>-0.32735739840802047</v>
      </c>
      <c r="AC3002">
        <v>32.600000000000009</v>
      </c>
      <c r="AD3002">
        <v>110.9</v>
      </c>
      <c r="AE3002">
        <v>8.4671070000000004</v>
      </c>
      <c r="AF3002">
        <v>2.5555969794021762</v>
      </c>
    </row>
    <row r="3003" spans="6:32" x14ac:dyDescent="0.25">
      <c r="F3003">
        <v>49.833332999999996</v>
      </c>
      <c r="G3003">
        <v>-0.32653376636998632</v>
      </c>
      <c r="AC3003">
        <v>32.616667000000007</v>
      </c>
      <c r="AD3003">
        <v>110.916667</v>
      </c>
      <c r="AE3003">
        <v>8.4653569999999991</v>
      </c>
      <c r="AF3003">
        <v>2.5344005666588294</v>
      </c>
    </row>
    <row r="3004" spans="6:32" x14ac:dyDescent="0.25">
      <c r="F3004">
        <v>49.850000000000009</v>
      </c>
      <c r="G3004">
        <v>-0.32572224656781795</v>
      </c>
      <c r="AC3004">
        <v>32.633333000000007</v>
      </c>
      <c r="AD3004">
        <v>110.933333</v>
      </c>
      <c r="AE3004">
        <v>8.4635730000000002</v>
      </c>
      <c r="AF3004">
        <v>2.5127923378964976</v>
      </c>
    </row>
    <row r="3005" spans="6:32" x14ac:dyDescent="0.25">
      <c r="F3005">
        <v>49.866666999999993</v>
      </c>
      <c r="G3005">
        <v>-0.32531043054881165</v>
      </c>
      <c r="AC3005">
        <v>32.650000000000006</v>
      </c>
      <c r="AD3005">
        <v>110.95</v>
      </c>
      <c r="AE3005">
        <v>8.4618230000000008</v>
      </c>
      <c r="AF3005">
        <v>2.4915959251531725</v>
      </c>
    </row>
    <row r="3006" spans="6:32" x14ac:dyDescent="0.25">
      <c r="F3006">
        <v>49.883333000000007</v>
      </c>
      <c r="G3006">
        <v>-0.32449891074662174</v>
      </c>
      <c r="AC3006">
        <v>32.666667000000004</v>
      </c>
      <c r="AD3006">
        <v>110.966667</v>
      </c>
      <c r="AE3006">
        <v>8.4600729999999995</v>
      </c>
      <c r="AF3006">
        <v>2.4703995124098257</v>
      </c>
    </row>
    <row r="3007" spans="6:32" x14ac:dyDescent="0.25">
      <c r="F3007">
        <v>49.899999999999991</v>
      </c>
      <c r="G3007">
        <v>-0.32408709472761543</v>
      </c>
      <c r="AC3007">
        <v>32.683333000000005</v>
      </c>
      <c r="AD3007">
        <v>110.983333</v>
      </c>
      <c r="AE3007">
        <v>8.4582890000000006</v>
      </c>
      <c r="AF3007">
        <v>2.4487912836474934</v>
      </c>
    </row>
    <row r="3008" spans="6:32" x14ac:dyDescent="0.25">
      <c r="F3008">
        <v>49.916667000000004</v>
      </c>
      <c r="G3008">
        <v>-0.32327557492544706</v>
      </c>
      <c r="AC3008">
        <v>32.700000000000003</v>
      </c>
      <c r="AD3008">
        <v>111</v>
      </c>
      <c r="AE3008">
        <v>8.4565389999999994</v>
      </c>
      <c r="AF3008">
        <v>2.4275948709041466</v>
      </c>
    </row>
    <row r="3009" spans="6:32" x14ac:dyDescent="0.25">
      <c r="F3009">
        <v>49.93333299999999</v>
      </c>
      <c r="G3009">
        <v>-0.32246405512327869</v>
      </c>
      <c r="AC3009">
        <v>32.716667000000001</v>
      </c>
      <c r="AD3009">
        <v>111.016667</v>
      </c>
      <c r="AE3009">
        <v>8.4547889999999999</v>
      </c>
      <c r="AF3009">
        <v>2.4063984581608211</v>
      </c>
    </row>
    <row r="3010" spans="6:32" x14ac:dyDescent="0.25">
      <c r="F3010">
        <v>49.95</v>
      </c>
      <c r="G3010">
        <v>-0.32205223910425085</v>
      </c>
      <c r="AC3010">
        <v>32.733333000000002</v>
      </c>
      <c r="AD3010">
        <v>111.033333</v>
      </c>
      <c r="AE3010">
        <v>8.4530049999999992</v>
      </c>
      <c r="AF3010">
        <v>2.384790229398468</v>
      </c>
    </row>
    <row r="3011" spans="6:32" x14ac:dyDescent="0.25">
      <c r="F3011">
        <v>49.966667000000015</v>
      </c>
      <c r="G3011">
        <v>-0.32124071930208248</v>
      </c>
      <c r="AC3011">
        <v>32.75</v>
      </c>
      <c r="AD3011">
        <v>111.05</v>
      </c>
      <c r="AE3011">
        <v>8.4512549999999997</v>
      </c>
      <c r="AF3011">
        <v>2.3635938166551429</v>
      </c>
    </row>
    <row r="3012" spans="6:32" x14ac:dyDescent="0.25">
      <c r="F3012">
        <v>49.983333000000002</v>
      </c>
      <c r="G3012">
        <v>-0.32041708726404833</v>
      </c>
      <c r="AC3012">
        <v>32.766666999999998</v>
      </c>
      <c r="AD3012">
        <v>111.066667</v>
      </c>
      <c r="AE3012">
        <v>8.4495050000000003</v>
      </c>
      <c r="AF3012">
        <v>2.3423974039118169</v>
      </c>
    </row>
    <row r="3013" spans="6:32" x14ac:dyDescent="0.25">
      <c r="F3013">
        <v>50.000000000000014</v>
      </c>
      <c r="G3013">
        <v>-0.3200173834809078</v>
      </c>
      <c r="AC3013">
        <v>32.783332999999999</v>
      </c>
      <c r="AD3013">
        <v>111.083333</v>
      </c>
      <c r="AE3013">
        <v>8.4477550000000008</v>
      </c>
      <c r="AF3013">
        <v>2.3212009911684919</v>
      </c>
    </row>
    <row r="3014" spans="6:32" x14ac:dyDescent="0.25">
      <c r="F3014">
        <v>50.016666999999998</v>
      </c>
      <c r="G3014">
        <v>-0.31919375144287365</v>
      </c>
      <c r="AC3014">
        <v>32.799999999999997</v>
      </c>
      <c r="AD3014">
        <v>111.1</v>
      </c>
      <c r="AE3014">
        <v>8.4460049999999995</v>
      </c>
      <c r="AF3014">
        <v>2.3000045784251451</v>
      </c>
    </row>
    <row r="3015" spans="6:32" x14ac:dyDescent="0.25">
      <c r="F3015">
        <v>50.033333000000013</v>
      </c>
      <c r="G3015">
        <v>-0.31838223164070528</v>
      </c>
      <c r="AC3015">
        <v>32.81666700000001</v>
      </c>
      <c r="AD3015">
        <v>111.11666700000001</v>
      </c>
      <c r="AE3015">
        <v>8.4442540000000008</v>
      </c>
      <c r="AF3015">
        <v>2.278796053445975</v>
      </c>
    </row>
    <row r="3016" spans="6:32" x14ac:dyDescent="0.25">
      <c r="F3016">
        <v>50.05</v>
      </c>
      <c r="G3016">
        <v>-0.31797041562167738</v>
      </c>
      <c r="AC3016">
        <v>32.833332999999996</v>
      </c>
      <c r="AD3016">
        <v>111.13333299999999</v>
      </c>
      <c r="AE3016">
        <v>8.4425039999999996</v>
      </c>
      <c r="AF3016">
        <v>2.2575996407026282</v>
      </c>
    </row>
    <row r="3017" spans="6:32" x14ac:dyDescent="0.25">
      <c r="F3017">
        <v>50.06666700000001</v>
      </c>
      <c r="G3017">
        <v>-0.31715889581950907</v>
      </c>
      <c r="AC3017">
        <v>32.850000000000009</v>
      </c>
      <c r="AD3017">
        <v>111.15</v>
      </c>
      <c r="AE3017">
        <v>8.4407540000000001</v>
      </c>
      <c r="AF3017">
        <v>2.2364032279593027</v>
      </c>
    </row>
    <row r="3018" spans="6:32" x14ac:dyDescent="0.25">
      <c r="F3018">
        <v>50.083332999999996</v>
      </c>
      <c r="G3018">
        <v>-0.3163473760173407</v>
      </c>
      <c r="AC3018">
        <v>32.866667000000007</v>
      </c>
      <c r="AD3018">
        <v>111.166667</v>
      </c>
      <c r="AE3018">
        <v>8.4390040000000006</v>
      </c>
      <c r="AF3018">
        <v>2.2152068152159776</v>
      </c>
    </row>
    <row r="3019" spans="6:32" x14ac:dyDescent="0.25">
      <c r="F3019">
        <v>50.100000000000009</v>
      </c>
      <c r="G3019">
        <v>-0.31593555999833439</v>
      </c>
      <c r="AC3019">
        <v>32.883333000000007</v>
      </c>
      <c r="AD3019">
        <v>111.183333</v>
      </c>
      <c r="AE3019">
        <v>8.4372539999999994</v>
      </c>
      <c r="AF3019">
        <v>2.1940104024726303</v>
      </c>
    </row>
    <row r="3020" spans="6:32" x14ac:dyDescent="0.25">
      <c r="F3020">
        <v>50.116666999999993</v>
      </c>
      <c r="G3020">
        <v>-0.31512404019614448</v>
      </c>
      <c r="AC3020">
        <v>32.900000000000006</v>
      </c>
      <c r="AD3020">
        <v>111.2</v>
      </c>
      <c r="AE3020">
        <v>8.4355039999999999</v>
      </c>
      <c r="AF3020">
        <v>2.1728139897293048</v>
      </c>
    </row>
    <row r="3021" spans="6:32" x14ac:dyDescent="0.25">
      <c r="F3021">
        <v>50.133333000000007</v>
      </c>
      <c r="G3021">
        <v>-0.31431252039397611</v>
      </c>
      <c r="AC3021">
        <v>32.916667000000004</v>
      </c>
      <c r="AD3021">
        <v>111.216667</v>
      </c>
      <c r="AE3021">
        <v>8.4337540000000004</v>
      </c>
      <c r="AF3021">
        <v>2.1516175769859798</v>
      </c>
    </row>
    <row r="3022" spans="6:32" x14ac:dyDescent="0.25">
      <c r="F3022">
        <v>50.149999999999991</v>
      </c>
      <c r="G3022">
        <v>-0.31348888835594196</v>
      </c>
      <c r="AC3022">
        <v>32.933333000000005</v>
      </c>
      <c r="AD3022">
        <v>111.233333</v>
      </c>
      <c r="AE3022">
        <v>8.4320029999999999</v>
      </c>
      <c r="AF3022">
        <v>2.1304090520067884</v>
      </c>
    </row>
    <row r="3023" spans="6:32" x14ac:dyDescent="0.25">
      <c r="F3023">
        <v>50.166667000000004</v>
      </c>
      <c r="G3023">
        <v>-0.31308918457280144</v>
      </c>
      <c r="AC3023">
        <v>32.950000000000003</v>
      </c>
      <c r="AD3023">
        <v>111.25</v>
      </c>
      <c r="AE3023">
        <v>8.4302530000000004</v>
      </c>
      <c r="AF3023">
        <v>2.1092126392634629</v>
      </c>
    </row>
    <row r="3024" spans="6:32" x14ac:dyDescent="0.25">
      <c r="F3024">
        <v>50.18333299999999</v>
      </c>
      <c r="G3024">
        <v>-0.31226555253476729</v>
      </c>
      <c r="AC3024">
        <v>32.966667000000001</v>
      </c>
      <c r="AD3024">
        <v>111.266667</v>
      </c>
      <c r="AE3024">
        <v>8.4285029999999992</v>
      </c>
      <c r="AF3024">
        <v>2.0880162265201161</v>
      </c>
    </row>
    <row r="3025" spans="6:32" x14ac:dyDescent="0.25">
      <c r="F3025">
        <v>50.2</v>
      </c>
      <c r="G3025">
        <v>-0.31145403273259892</v>
      </c>
      <c r="AC3025">
        <v>32.983333000000002</v>
      </c>
      <c r="AD3025">
        <v>111.283333</v>
      </c>
      <c r="AE3025">
        <v>8.4267529999999997</v>
      </c>
      <c r="AF3025">
        <v>2.0668198137767906</v>
      </c>
    </row>
    <row r="3026" spans="6:32" x14ac:dyDescent="0.25">
      <c r="F3026">
        <v>50.216667000000015</v>
      </c>
      <c r="G3026">
        <v>-0.31064251293040901</v>
      </c>
      <c r="AC3026">
        <v>33</v>
      </c>
      <c r="AD3026">
        <v>111.3</v>
      </c>
      <c r="AE3026">
        <v>8.4250030000000002</v>
      </c>
      <c r="AF3026">
        <v>2.0456234010334655</v>
      </c>
    </row>
    <row r="3027" spans="6:32" x14ac:dyDescent="0.25">
      <c r="F3027">
        <v>50.233333000000002</v>
      </c>
      <c r="G3027">
        <v>-0.3102306969114027</v>
      </c>
      <c r="AC3027">
        <v>33.016666999999998</v>
      </c>
      <c r="AD3027">
        <v>111.316667</v>
      </c>
      <c r="AE3027">
        <v>8.4232530000000008</v>
      </c>
      <c r="AF3027">
        <v>2.0244269882901396</v>
      </c>
    </row>
    <row r="3028" spans="6:32" x14ac:dyDescent="0.25">
      <c r="F3028">
        <v>50.250000000000014</v>
      </c>
      <c r="G3028">
        <v>-0.30941917710923433</v>
      </c>
      <c r="AC3028">
        <v>33.033332999999999</v>
      </c>
      <c r="AD3028">
        <v>111.333333</v>
      </c>
      <c r="AE3028">
        <v>8.4215029999999995</v>
      </c>
      <c r="AF3028">
        <v>2.0032305755467927</v>
      </c>
    </row>
    <row r="3029" spans="6:32" x14ac:dyDescent="0.25">
      <c r="F3029">
        <v>50.266666999999998</v>
      </c>
      <c r="G3029">
        <v>-0.30900736109022803</v>
      </c>
      <c r="AC3029">
        <v>33.049999999999997</v>
      </c>
      <c r="AD3029">
        <v>111.35</v>
      </c>
      <c r="AE3029">
        <v>8.4197860000000002</v>
      </c>
      <c r="AF3029">
        <v>1.9824338665866292</v>
      </c>
    </row>
    <row r="3030" spans="6:32" x14ac:dyDescent="0.25">
      <c r="F3030">
        <v>50.283333000000013</v>
      </c>
      <c r="G3030">
        <v>-0.30819584128803812</v>
      </c>
      <c r="AC3030">
        <v>33.06666700000001</v>
      </c>
      <c r="AD3030">
        <v>111.36666700000001</v>
      </c>
      <c r="AE3030">
        <v>8.4180360000000007</v>
      </c>
      <c r="AF3030">
        <v>1.9612374538433039</v>
      </c>
    </row>
    <row r="3031" spans="6:32" x14ac:dyDescent="0.25">
      <c r="F3031">
        <v>50.3</v>
      </c>
      <c r="G3031">
        <v>-0.30737220925002551</v>
      </c>
      <c r="AC3031">
        <v>33.083332999999996</v>
      </c>
      <c r="AD3031">
        <v>111.38333299999999</v>
      </c>
      <c r="AE3031">
        <v>8.4162859999999995</v>
      </c>
      <c r="AF3031">
        <v>1.9400410410999571</v>
      </c>
    </row>
    <row r="3032" spans="6:32" x14ac:dyDescent="0.25">
      <c r="F3032">
        <v>50.31666700000001</v>
      </c>
      <c r="G3032">
        <v>-0.30697250546686344</v>
      </c>
      <c r="AC3032">
        <v>33.100000000000009</v>
      </c>
      <c r="AD3032">
        <v>111.4</v>
      </c>
      <c r="AE3032">
        <v>8.4145690000000002</v>
      </c>
      <c r="AF3032">
        <v>1.9192443321397936</v>
      </c>
    </row>
    <row r="3033" spans="6:32" x14ac:dyDescent="0.25">
      <c r="F3033">
        <v>50.333332999999996</v>
      </c>
      <c r="G3033">
        <v>-0.30614887342882929</v>
      </c>
      <c r="AC3033">
        <v>33.116667000000007</v>
      </c>
      <c r="AD3033">
        <v>111.416667</v>
      </c>
      <c r="AE3033">
        <v>8.4128190000000007</v>
      </c>
      <c r="AF3033">
        <v>1.8980479193964683</v>
      </c>
    </row>
    <row r="3034" spans="6:32" x14ac:dyDescent="0.25">
      <c r="F3034">
        <v>50.350000000000009</v>
      </c>
      <c r="G3034">
        <v>-0.30533735362666092</v>
      </c>
      <c r="AC3034">
        <v>33.133333000000007</v>
      </c>
      <c r="AD3034">
        <v>111.433333</v>
      </c>
      <c r="AE3034">
        <v>8.4111030000000007</v>
      </c>
      <c r="AF3034">
        <v>1.8772633226721493</v>
      </c>
    </row>
    <row r="3035" spans="6:32" x14ac:dyDescent="0.25">
      <c r="F3035">
        <v>50.366666999999993</v>
      </c>
      <c r="G3035">
        <v>-0.30452583382449255</v>
      </c>
      <c r="AC3035">
        <v>33.150000000000006</v>
      </c>
      <c r="AD3035">
        <v>111.45</v>
      </c>
      <c r="AE3035">
        <v>8.4093529999999994</v>
      </c>
      <c r="AF3035">
        <v>1.8560669099288023</v>
      </c>
    </row>
    <row r="3036" spans="6:32" x14ac:dyDescent="0.25">
      <c r="F3036">
        <v>50.383333000000007</v>
      </c>
      <c r="G3036">
        <v>-0.30411401780546471</v>
      </c>
      <c r="AC3036">
        <v>33.166667000000004</v>
      </c>
      <c r="AD3036">
        <v>111.466667</v>
      </c>
      <c r="AE3036">
        <v>8.4076360000000001</v>
      </c>
      <c r="AF3036">
        <v>1.835270200968639</v>
      </c>
    </row>
    <row r="3037" spans="6:32" x14ac:dyDescent="0.25">
      <c r="F3037">
        <v>50.399999999999991</v>
      </c>
      <c r="G3037">
        <v>-0.30330249800329634</v>
      </c>
      <c r="AC3037">
        <v>33.183333000000005</v>
      </c>
      <c r="AD3037">
        <v>111.483333</v>
      </c>
      <c r="AE3037">
        <v>8.4058860000000006</v>
      </c>
      <c r="AF3037">
        <v>1.8140737882253135</v>
      </c>
    </row>
    <row r="3038" spans="6:32" x14ac:dyDescent="0.25">
      <c r="F3038">
        <v>50.416667000000004</v>
      </c>
      <c r="G3038">
        <v>-0.30289068198429003</v>
      </c>
      <c r="AC3038">
        <v>33.200000000000003</v>
      </c>
      <c r="AD3038">
        <v>111.5</v>
      </c>
      <c r="AE3038">
        <v>8.4041689999999996</v>
      </c>
      <c r="AF3038">
        <v>1.7932770792651285</v>
      </c>
    </row>
    <row r="3039" spans="6:32" x14ac:dyDescent="0.25">
      <c r="F3039">
        <v>50.43333299999999</v>
      </c>
      <c r="G3039">
        <v>-0.30207916218212161</v>
      </c>
      <c r="AC3039">
        <v>33.216667000000001</v>
      </c>
      <c r="AD3039">
        <v>111.516667</v>
      </c>
      <c r="AE3039">
        <v>8.4024529999999995</v>
      </c>
      <c r="AF3039">
        <v>1.7724924825408095</v>
      </c>
    </row>
    <row r="3040" spans="6:32" x14ac:dyDescent="0.25">
      <c r="F3040">
        <v>50.45</v>
      </c>
      <c r="G3040">
        <v>-0.30126764237993175</v>
      </c>
      <c r="AC3040">
        <v>33.233333000000002</v>
      </c>
      <c r="AD3040">
        <v>111.533333</v>
      </c>
      <c r="AE3040">
        <v>8.4007360000000002</v>
      </c>
      <c r="AF3040">
        <v>1.751695773580646</v>
      </c>
    </row>
    <row r="3041" spans="6:32" x14ac:dyDescent="0.25">
      <c r="F3041">
        <v>50.466667000000015</v>
      </c>
      <c r="G3041">
        <v>-0.30085582636092545</v>
      </c>
      <c r="AC3041">
        <v>33.25</v>
      </c>
      <c r="AD3041">
        <v>111.55</v>
      </c>
      <c r="AE3041">
        <v>8.3990200000000002</v>
      </c>
      <c r="AF3041">
        <v>1.730911176856327</v>
      </c>
    </row>
    <row r="3042" spans="6:32" x14ac:dyDescent="0.25">
      <c r="F3042">
        <v>50.483333000000002</v>
      </c>
      <c r="G3042">
        <v>-0.30004430655875708</v>
      </c>
      <c r="AC3042">
        <v>33.266666999999998</v>
      </c>
      <c r="AD3042">
        <v>111.566667</v>
      </c>
      <c r="AE3042">
        <v>8.3973030000000008</v>
      </c>
      <c r="AF3042">
        <v>1.7101144678961635</v>
      </c>
    </row>
    <row r="3043" spans="6:32" x14ac:dyDescent="0.25">
      <c r="F3043">
        <v>50.500000000000014</v>
      </c>
      <c r="G3043">
        <v>-0.29922067452072293</v>
      </c>
      <c r="AC3043">
        <v>33.283332999999999</v>
      </c>
      <c r="AD3043">
        <v>111.583333</v>
      </c>
      <c r="AE3043">
        <v>8.3955870000000008</v>
      </c>
      <c r="AF3043">
        <v>1.6893298711718445</v>
      </c>
    </row>
    <row r="3044" spans="6:32" x14ac:dyDescent="0.25">
      <c r="F3044">
        <v>50.516666999999998</v>
      </c>
      <c r="G3044">
        <v>-0.29882097073756086</v>
      </c>
      <c r="AC3044">
        <v>33.299999999999997</v>
      </c>
      <c r="AD3044">
        <v>111.6</v>
      </c>
      <c r="AE3044">
        <v>8.3938699999999997</v>
      </c>
      <c r="AF3044">
        <v>1.6685331622116595</v>
      </c>
    </row>
    <row r="3045" spans="6:32" x14ac:dyDescent="0.25">
      <c r="F3045">
        <v>50.533333000000013</v>
      </c>
      <c r="G3045">
        <v>-0.2979973386995482</v>
      </c>
      <c r="AC3045">
        <v>33.31666700000001</v>
      </c>
      <c r="AD3045">
        <v>111.61666700000001</v>
      </c>
      <c r="AE3045">
        <v>8.3921539999999997</v>
      </c>
      <c r="AF3045">
        <v>1.6477485654873405</v>
      </c>
    </row>
    <row r="3046" spans="6:32" x14ac:dyDescent="0.25">
      <c r="F3046">
        <v>50.55</v>
      </c>
      <c r="G3046">
        <v>-0.29759763491638613</v>
      </c>
      <c r="AC3046">
        <v>33.333332999999996</v>
      </c>
      <c r="AD3046">
        <v>111.63333299999999</v>
      </c>
      <c r="AE3046">
        <v>8.3904370000000004</v>
      </c>
      <c r="AF3046">
        <v>1.626951856527177</v>
      </c>
    </row>
    <row r="3047" spans="6:32" x14ac:dyDescent="0.25">
      <c r="F3047">
        <v>50.56666700000001</v>
      </c>
      <c r="G3047">
        <v>-0.29677400287835204</v>
      </c>
      <c r="AC3047">
        <v>33.350000000000009</v>
      </c>
      <c r="AD3047">
        <v>111.65</v>
      </c>
      <c r="AE3047">
        <v>8.3887549999999997</v>
      </c>
      <c r="AF3047">
        <v>1.6065790758218643</v>
      </c>
    </row>
    <row r="3048" spans="6:32" x14ac:dyDescent="0.25">
      <c r="F3048">
        <v>50.583332999999996</v>
      </c>
      <c r="G3048">
        <v>-0.29637429909518997</v>
      </c>
      <c r="AC3048">
        <v>33.366667000000007</v>
      </c>
      <c r="AD3048">
        <v>111.666667</v>
      </c>
      <c r="AE3048">
        <v>8.3870380000000004</v>
      </c>
      <c r="AF3048">
        <v>1.5857823668617008</v>
      </c>
    </row>
    <row r="3049" spans="6:32" x14ac:dyDescent="0.25">
      <c r="F3049">
        <v>50.600000000000009</v>
      </c>
      <c r="G3049">
        <v>-0.29555066705717731</v>
      </c>
      <c r="AC3049">
        <v>33.383333000000007</v>
      </c>
      <c r="AD3049">
        <v>111.683333</v>
      </c>
      <c r="AE3049">
        <v>8.3853550000000006</v>
      </c>
      <c r="AF3049">
        <v>1.5653974739205441</v>
      </c>
    </row>
    <row r="3050" spans="6:32" x14ac:dyDescent="0.25">
      <c r="F3050">
        <v>50.616666999999993</v>
      </c>
      <c r="G3050">
        <v>-0.29473914725498745</v>
      </c>
      <c r="AC3050">
        <v>33.400000000000006</v>
      </c>
      <c r="AD3050">
        <v>111.7</v>
      </c>
      <c r="AE3050">
        <v>8.3836720000000007</v>
      </c>
      <c r="AF3050">
        <v>1.5450125809793869</v>
      </c>
    </row>
    <row r="3051" spans="6:32" x14ac:dyDescent="0.25">
      <c r="F3051">
        <v>50.633333000000007</v>
      </c>
      <c r="G3051">
        <v>-0.29432733123598115</v>
      </c>
      <c r="AC3051">
        <v>33.416667000000004</v>
      </c>
      <c r="AD3051">
        <v>111.716667</v>
      </c>
      <c r="AE3051">
        <v>8.3819900000000001</v>
      </c>
      <c r="AF3051">
        <v>1.5246398002740742</v>
      </c>
    </row>
    <row r="3052" spans="6:32" x14ac:dyDescent="0.25">
      <c r="F3052">
        <v>50.649999999999991</v>
      </c>
      <c r="G3052">
        <v>-0.29351581143381272</v>
      </c>
      <c r="AC3052">
        <v>33.433333000000005</v>
      </c>
      <c r="AD3052">
        <v>111.733333</v>
      </c>
      <c r="AE3052">
        <v>8.3803400000000003</v>
      </c>
      <c r="AF3052">
        <v>1.5046546111160792</v>
      </c>
    </row>
    <row r="3053" spans="6:32" x14ac:dyDescent="0.25">
      <c r="F3053">
        <v>50.666667000000004</v>
      </c>
      <c r="G3053">
        <v>-0.29310399541478493</v>
      </c>
      <c r="AC3053">
        <v>33.450000000000003</v>
      </c>
      <c r="AD3053">
        <v>111.75</v>
      </c>
      <c r="AE3053">
        <v>8.3786579999999997</v>
      </c>
      <c r="AF3053">
        <v>1.4842818304107663</v>
      </c>
    </row>
    <row r="3054" spans="6:32" x14ac:dyDescent="0.25">
      <c r="F3054">
        <v>50.68333299999999</v>
      </c>
      <c r="G3054">
        <v>-0.29229247561261656</v>
      </c>
      <c r="AC3054">
        <v>33.466667000000001</v>
      </c>
      <c r="AD3054">
        <v>111.766667</v>
      </c>
      <c r="AE3054">
        <v>8.377008</v>
      </c>
      <c r="AF3054">
        <v>1.4642966412527714</v>
      </c>
    </row>
    <row r="3055" spans="6:32" x14ac:dyDescent="0.25">
      <c r="F3055">
        <v>50.7</v>
      </c>
      <c r="G3055">
        <v>-0.29148095581044819</v>
      </c>
      <c r="AC3055">
        <v>33.483333000000002</v>
      </c>
      <c r="AD3055">
        <v>111.783333</v>
      </c>
      <c r="AE3055">
        <v>8.3753259999999994</v>
      </c>
      <c r="AF3055">
        <v>1.4439238605474585</v>
      </c>
    </row>
    <row r="3056" spans="6:32" x14ac:dyDescent="0.25">
      <c r="F3056">
        <v>50.716667000000015</v>
      </c>
      <c r="G3056">
        <v>-0.29106913979144183</v>
      </c>
      <c r="AC3056">
        <v>33.5</v>
      </c>
      <c r="AD3056">
        <v>111.8</v>
      </c>
      <c r="AE3056">
        <v>8.3736759999999997</v>
      </c>
      <c r="AF3056">
        <v>1.4239386713894635</v>
      </c>
    </row>
    <row r="3057" spans="6:32" x14ac:dyDescent="0.25">
      <c r="F3057">
        <v>50.733333000000002</v>
      </c>
      <c r="G3057">
        <v>-0.29025761998925198</v>
      </c>
      <c r="AC3057">
        <v>33.516666999999998</v>
      </c>
      <c r="AD3057">
        <v>111.816667</v>
      </c>
      <c r="AE3057">
        <v>8.3720269999999992</v>
      </c>
      <c r="AF3057">
        <v>1.4039655944673128</v>
      </c>
    </row>
    <row r="3058" spans="6:32" x14ac:dyDescent="0.25">
      <c r="F3058">
        <v>50.750000000000014</v>
      </c>
      <c r="G3058">
        <v>-0.28943398795123931</v>
      </c>
      <c r="AC3058">
        <v>33.533332999999999</v>
      </c>
      <c r="AD3058">
        <v>111.833333</v>
      </c>
      <c r="AE3058">
        <v>8.370412</v>
      </c>
      <c r="AF3058">
        <v>1.38440433356419</v>
      </c>
    </row>
    <row r="3059" spans="6:32" x14ac:dyDescent="0.25">
      <c r="F3059">
        <v>50.766666999999998</v>
      </c>
      <c r="G3059">
        <v>-0.28862246814907094</v>
      </c>
      <c r="AC3059">
        <v>33.549999999999997</v>
      </c>
      <c r="AD3059">
        <v>111.85</v>
      </c>
      <c r="AE3059">
        <v>8.3687629999999995</v>
      </c>
      <c r="AF3059">
        <v>1.3644312566420391</v>
      </c>
    </row>
    <row r="3060" spans="6:32" x14ac:dyDescent="0.25">
      <c r="F3060">
        <v>50.783333000000013</v>
      </c>
      <c r="G3060">
        <v>-0.28822276436590888</v>
      </c>
      <c r="AC3060">
        <v>33.56666700000001</v>
      </c>
      <c r="AD3060">
        <v>111.86666700000001</v>
      </c>
      <c r="AE3060">
        <v>8.3671469999999992</v>
      </c>
      <c r="AF3060">
        <v>1.3448578835030505</v>
      </c>
    </row>
    <row r="3061" spans="6:32" x14ac:dyDescent="0.25">
      <c r="F3061">
        <v>50.8</v>
      </c>
      <c r="G3061">
        <v>-0.28739913232787473</v>
      </c>
      <c r="AC3061">
        <v>33.583332999999996</v>
      </c>
      <c r="AD3061">
        <v>111.88333299999999</v>
      </c>
      <c r="AE3061">
        <v>8.365532</v>
      </c>
      <c r="AF3061">
        <v>1.3252966225999276</v>
      </c>
    </row>
    <row r="3062" spans="6:32" x14ac:dyDescent="0.25">
      <c r="F3062">
        <v>50.81666700000001</v>
      </c>
      <c r="G3062">
        <v>-0.28658761252570636</v>
      </c>
      <c r="AC3062">
        <v>33.600000000000009</v>
      </c>
      <c r="AD3062">
        <v>111.9</v>
      </c>
      <c r="AE3062">
        <v>8.3639159999999997</v>
      </c>
      <c r="AF3062">
        <v>1.305723249460939</v>
      </c>
    </row>
    <row r="3063" spans="6:32" x14ac:dyDescent="0.25">
      <c r="F3063">
        <v>50.833332999999996</v>
      </c>
      <c r="G3063">
        <v>-0.28617579650667857</v>
      </c>
      <c r="AC3063">
        <v>33.616667000000007</v>
      </c>
      <c r="AD3063">
        <v>111.916667</v>
      </c>
      <c r="AE3063">
        <v>8.3623340000000006</v>
      </c>
      <c r="AF3063">
        <v>1.2865616923409782</v>
      </c>
    </row>
    <row r="3064" spans="6:32" x14ac:dyDescent="0.25">
      <c r="F3064">
        <v>50.850000000000009</v>
      </c>
      <c r="G3064">
        <v>-0.2853642767045102</v>
      </c>
      <c r="AC3064">
        <v>33.633333000000007</v>
      </c>
      <c r="AD3064">
        <v>111.933333</v>
      </c>
      <c r="AE3064">
        <v>8.3607189999999996</v>
      </c>
      <c r="AF3064">
        <v>1.2670004314378338</v>
      </c>
    </row>
    <row r="3065" spans="6:32" x14ac:dyDescent="0.25">
      <c r="F3065">
        <v>50.866666999999993</v>
      </c>
      <c r="G3065">
        <v>-0.28455275690234177</v>
      </c>
      <c r="AC3065">
        <v>33.650000000000006</v>
      </c>
      <c r="AD3065">
        <v>111.95</v>
      </c>
      <c r="AE3065">
        <v>8.3591370000000005</v>
      </c>
      <c r="AF3065">
        <v>1.2478388743178728</v>
      </c>
    </row>
    <row r="3066" spans="6:32" x14ac:dyDescent="0.25">
      <c r="F3066">
        <v>50.883333000000007</v>
      </c>
      <c r="G3066">
        <v>-0.28372912486430768</v>
      </c>
      <c r="AC3066">
        <v>33.666667000000004</v>
      </c>
      <c r="AD3066">
        <v>111.966667</v>
      </c>
      <c r="AE3066">
        <v>8.3575549999999996</v>
      </c>
      <c r="AF3066">
        <v>1.2286773171978906</v>
      </c>
    </row>
    <row r="3067" spans="6:32" x14ac:dyDescent="0.25">
      <c r="F3067">
        <v>50.899999999999991</v>
      </c>
      <c r="G3067">
        <v>-0.28332942108114562</v>
      </c>
      <c r="AC3067">
        <v>33.683333000000005</v>
      </c>
      <c r="AD3067">
        <v>111.983333</v>
      </c>
      <c r="AE3067">
        <v>8.3559730000000005</v>
      </c>
      <c r="AF3067">
        <v>1.2095157600779296</v>
      </c>
    </row>
    <row r="3068" spans="6:32" x14ac:dyDescent="0.25">
      <c r="F3068">
        <v>50.916667000000004</v>
      </c>
      <c r="G3068">
        <v>-0.28250578904313295</v>
      </c>
      <c r="AC3068">
        <v>33.700000000000003</v>
      </c>
      <c r="AD3068">
        <v>112</v>
      </c>
      <c r="AE3068">
        <v>8.3543909999999997</v>
      </c>
      <c r="AF3068">
        <v>1.1903542029579475</v>
      </c>
    </row>
    <row r="3069" spans="6:32" x14ac:dyDescent="0.25">
      <c r="F3069">
        <v>50.93333299999999</v>
      </c>
      <c r="G3069">
        <v>-0.28169426924096458</v>
      </c>
      <c r="AC3069">
        <v>33.716667000000001</v>
      </c>
      <c r="AD3069">
        <v>112.016667</v>
      </c>
      <c r="AE3069">
        <v>8.352843</v>
      </c>
      <c r="AF3069">
        <v>1.1716044618569927</v>
      </c>
    </row>
    <row r="3070" spans="6:32" x14ac:dyDescent="0.25">
      <c r="F3070">
        <v>50.95</v>
      </c>
      <c r="G3070">
        <v>-0.28128245322193673</v>
      </c>
      <c r="AC3070">
        <v>33.733333000000002</v>
      </c>
      <c r="AD3070">
        <v>112.033333</v>
      </c>
      <c r="AE3070">
        <v>8.3512609999999992</v>
      </c>
      <c r="AF3070">
        <v>1.1524429047370104</v>
      </c>
    </row>
    <row r="3071" spans="6:32" x14ac:dyDescent="0.25">
      <c r="F3071">
        <v>50.966667000000015</v>
      </c>
      <c r="G3071">
        <v>-0.28047093341976836</v>
      </c>
      <c r="AC3071">
        <v>33.75</v>
      </c>
      <c r="AD3071">
        <v>112.05</v>
      </c>
      <c r="AE3071">
        <v>8.3497129999999995</v>
      </c>
      <c r="AF3071">
        <v>1.1336931636360559</v>
      </c>
    </row>
    <row r="3072" spans="6:32" x14ac:dyDescent="0.25">
      <c r="F3072">
        <v>50.983333000000002</v>
      </c>
      <c r="G3072">
        <v>-0.27965941361759999</v>
      </c>
      <c r="AC3072">
        <v>33.766666999999998</v>
      </c>
      <c r="AD3072">
        <v>112.066667</v>
      </c>
      <c r="AE3072">
        <v>8.3481649999999998</v>
      </c>
      <c r="AF3072">
        <v>1.1149434225351014</v>
      </c>
    </row>
    <row r="3073" spans="6:32" x14ac:dyDescent="0.25">
      <c r="F3073">
        <v>51.000000000000014</v>
      </c>
      <c r="G3073">
        <v>-0.27883578157956584</v>
      </c>
      <c r="AC3073">
        <v>33.783332999999999</v>
      </c>
      <c r="AD3073">
        <v>112.083333</v>
      </c>
      <c r="AE3073">
        <v>8.3466500000000003</v>
      </c>
      <c r="AF3073">
        <v>1.0965933852173089</v>
      </c>
    </row>
    <row r="3074" spans="6:32" x14ac:dyDescent="0.25">
      <c r="F3074">
        <v>51.016666999999998</v>
      </c>
      <c r="G3074">
        <v>-0.27802426177739747</v>
      </c>
      <c r="AC3074">
        <v>33.799999999999997</v>
      </c>
      <c r="AD3074">
        <v>112.1</v>
      </c>
      <c r="AE3074">
        <v>8.3451020000000007</v>
      </c>
      <c r="AF3074">
        <v>1.0778436441163544</v>
      </c>
    </row>
    <row r="3075" spans="6:32" x14ac:dyDescent="0.25">
      <c r="F3075">
        <v>51.033333000000013</v>
      </c>
      <c r="G3075">
        <v>-0.2772127419752291</v>
      </c>
      <c r="AC3075">
        <v>33.81666700000001</v>
      </c>
      <c r="AD3075">
        <v>112.11666700000001</v>
      </c>
      <c r="AE3075">
        <v>8.3435869999999994</v>
      </c>
      <c r="AF3075">
        <v>1.0594936067985403</v>
      </c>
    </row>
    <row r="3076" spans="6:32" x14ac:dyDescent="0.25">
      <c r="F3076">
        <v>51.05</v>
      </c>
      <c r="G3076">
        <v>-0.27680092595620126</v>
      </c>
      <c r="AC3076">
        <v>33.833332999999996</v>
      </c>
      <c r="AD3076">
        <v>112.13333299999999</v>
      </c>
      <c r="AE3076">
        <v>8.3420729999999992</v>
      </c>
      <c r="AF3076">
        <v>1.0411556817165923</v>
      </c>
    </row>
    <row r="3077" spans="6:32" x14ac:dyDescent="0.25">
      <c r="F3077">
        <v>51.06666700000001</v>
      </c>
      <c r="G3077">
        <v>-0.27598940615403289</v>
      </c>
      <c r="AC3077">
        <v>33.850000000000009</v>
      </c>
      <c r="AD3077">
        <v>112.15</v>
      </c>
      <c r="AE3077">
        <v>8.3405579999999997</v>
      </c>
      <c r="AF3077">
        <v>1.0228056443987996</v>
      </c>
    </row>
    <row r="3078" spans="6:32" x14ac:dyDescent="0.25">
      <c r="F3078">
        <v>51.083332999999996</v>
      </c>
      <c r="G3078">
        <v>-0.27517788635186452</v>
      </c>
      <c r="AC3078">
        <v>33.866667000000007</v>
      </c>
      <c r="AD3078">
        <v>112.166667</v>
      </c>
      <c r="AE3078">
        <v>8.3390769999999996</v>
      </c>
      <c r="AF3078">
        <v>1.0048674231000136</v>
      </c>
    </row>
    <row r="3079" spans="6:32" x14ac:dyDescent="0.25">
      <c r="F3079">
        <v>51.100000000000009</v>
      </c>
      <c r="G3079">
        <v>-0.27435425431383037</v>
      </c>
      <c r="AC3079">
        <v>33.883333000000007</v>
      </c>
      <c r="AD3079">
        <v>112.183333</v>
      </c>
      <c r="AE3079">
        <v>8.3375970000000006</v>
      </c>
      <c r="AF3079">
        <v>0.98694131403709329</v>
      </c>
    </row>
    <row r="3080" spans="6:32" x14ac:dyDescent="0.25">
      <c r="F3080">
        <v>51.116666999999993</v>
      </c>
      <c r="G3080">
        <v>-0.273542734511662</v>
      </c>
      <c r="AC3080">
        <v>33.900000000000006</v>
      </c>
      <c r="AD3080">
        <v>112.2</v>
      </c>
      <c r="AE3080">
        <v>8.3360819999999993</v>
      </c>
      <c r="AF3080">
        <v>0.96859127671927914</v>
      </c>
    </row>
    <row r="3081" spans="6:32" x14ac:dyDescent="0.25">
      <c r="F3081">
        <v>51.133333000000007</v>
      </c>
      <c r="G3081">
        <v>-0.27273121470949363</v>
      </c>
      <c r="AC3081">
        <v>33.916667000000004</v>
      </c>
      <c r="AD3081">
        <v>112.216667</v>
      </c>
      <c r="AE3081">
        <v>8.3346009999999993</v>
      </c>
      <c r="AF3081">
        <v>0.95065305542049305</v>
      </c>
    </row>
    <row r="3082" spans="6:32" x14ac:dyDescent="0.25">
      <c r="F3082">
        <v>51.149999999999991</v>
      </c>
      <c r="G3082">
        <v>-0.27231939869046579</v>
      </c>
      <c r="AC3082">
        <v>33.933333000000005</v>
      </c>
      <c r="AD3082">
        <v>112.233333</v>
      </c>
      <c r="AE3082">
        <v>8.3331540000000004</v>
      </c>
      <c r="AF3082">
        <v>0.9331266501407347</v>
      </c>
    </row>
    <row r="3083" spans="6:32" x14ac:dyDescent="0.25">
      <c r="F3083">
        <v>51.166667000000004</v>
      </c>
      <c r="G3083">
        <v>-0.27150787888829742</v>
      </c>
      <c r="AC3083">
        <v>33.950000000000003</v>
      </c>
      <c r="AD3083">
        <v>112.25</v>
      </c>
      <c r="AE3083">
        <v>8.3316730000000003</v>
      </c>
      <c r="AF3083">
        <v>0.91518842884194851</v>
      </c>
    </row>
    <row r="3084" spans="6:32" x14ac:dyDescent="0.25">
      <c r="F3084">
        <v>51.18333299999999</v>
      </c>
      <c r="G3084">
        <v>-0.2706842468502848</v>
      </c>
      <c r="AC3084">
        <v>33.966667000000001</v>
      </c>
      <c r="AD3084">
        <v>112.266667</v>
      </c>
      <c r="AE3084">
        <v>8.3302259999999997</v>
      </c>
      <c r="AF3084">
        <v>0.89766202356216862</v>
      </c>
    </row>
    <row r="3085" spans="6:32" x14ac:dyDescent="0.25">
      <c r="F3085">
        <v>51.2</v>
      </c>
      <c r="G3085">
        <v>-0.2698727270480949</v>
      </c>
      <c r="AC3085">
        <v>33.983333000000002</v>
      </c>
      <c r="AD3085">
        <v>112.283333</v>
      </c>
      <c r="AE3085">
        <v>8.3287779999999998</v>
      </c>
      <c r="AF3085">
        <v>0.88012350604654466</v>
      </c>
    </row>
    <row r="3086" spans="6:32" x14ac:dyDescent="0.25">
      <c r="F3086">
        <v>51.216667000000015</v>
      </c>
      <c r="G3086">
        <v>-0.26946091102908859</v>
      </c>
      <c r="AC3086">
        <v>34</v>
      </c>
      <c r="AD3086">
        <v>112.3</v>
      </c>
      <c r="AE3086">
        <v>8.3273309999999992</v>
      </c>
      <c r="AF3086">
        <v>0.86259710076676477</v>
      </c>
    </row>
    <row r="3087" spans="6:32" x14ac:dyDescent="0.25">
      <c r="F3087">
        <v>51.233333000000002</v>
      </c>
      <c r="G3087">
        <v>-0.26864939122692022</v>
      </c>
      <c r="AC3087">
        <v>34.016666999999998</v>
      </c>
      <c r="AD3087">
        <v>112.316667</v>
      </c>
      <c r="AE3087">
        <v>8.3258840000000003</v>
      </c>
      <c r="AF3087">
        <v>0.84507069548700642</v>
      </c>
    </row>
    <row r="3088" spans="6:32" x14ac:dyDescent="0.25">
      <c r="F3088">
        <v>51.250000000000014</v>
      </c>
      <c r="G3088">
        <v>-0.26783787142475185</v>
      </c>
      <c r="AC3088">
        <v>34.033332999999999</v>
      </c>
      <c r="AD3088">
        <v>112.333333</v>
      </c>
      <c r="AE3088">
        <v>8.3244699999999998</v>
      </c>
      <c r="AF3088">
        <v>0.82794399399038865</v>
      </c>
    </row>
    <row r="3089" spans="6:32" x14ac:dyDescent="0.25">
      <c r="F3089">
        <v>51.266666999999998</v>
      </c>
      <c r="G3089">
        <v>-0.2670142393867177</v>
      </c>
      <c r="AC3089">
        <v>34.049999999999997</v>
      </c>
      <c r="AD3089">
        <v>112.35</v>
      </c>
      <c r="AE3089">
        <v>8.3230229999999992</v>
      </c>
      <c r="AF3089">
        <v>0.81041758871060887</v>
      </c>
    </row>
    <row r="3090" spans="6:32" x14ac:dyDescent="0.25">
      <c r="F3090">
        <v>51.283333000000013</v>
      </c>
      <c r="G3090">
        <v>-0.26620271958454933</v>
      </c>
      <c r="AC3090">
        <v>34.06666700000001</v>
      </c>
      <c r="AD3090">
        <v>112.36666700000001</v>
      </c>
      <c r="AE3090">
        <v>8.3216099999999997</v>
      </c>
      <c r="AF3090">
        <v>0.79330299944985683</v>
      </c>
    </row>
    <row r="3091" spans="6:32" x14ac:dyDescent="0.25">
      <c r="F3091">
        <v>51.3</v>
      </c>
      <c r="G3091">
        <v>-0.26539119978235942</v>
      </c>
      <c r="AC3091">
        <v>34.083332999999996</v>
      </c>
      <c r="AD3091">
        <v>112.38333299999999</v>
      </c>
      <c r="AE3091">
        <v>8.3201959999999993</v>
      </c>
      <c r="AF3091">
        <v>0.77617629795323906</v>
      </c>
    </row>
    <row r="3092" spans="6:32" x14ac:dyDescent="0.25">
      <c r="F3092">
        <v>51.31666700000001</v>
      </c>
      <c r="G3092">
        <v>-0.26456756774434681</v>
      </c>
      <c r="AC3092">
        <v>34.100000000000009</v>
      </c>
      <c r="AD3092">
        <v>112.4</v>
      </c>
      <c r="AE3092">
        <v>8.3187820000000006</v>
      </c>
      <c r="AF3092">
        <v>0.75904959645664272</v>
      </c>
    </row>
    <row r="3093" spans="6:32" x14ac:dyDescent="0.25">
      <c r="F3093">
        <v>51.333332999999996</v>
      </c>
      <c r="G3093">
        <v>-0.26375604794217844</v>
      </c>
      <c r="AC3093">
        <v>34.116667000000007</v>
      </c>
      <c r="AD3093">
        <v>112.416667</v>
      </c>
      <c r="AE3093">
        <v>8.3174030000000005</v>
      </c>
      <c r="AF3093">
        <v>0.74234682321489709</v>
      </c>
    </row>
    <row r="3094" spans="6:32" x14ac:dyDescent="0.25">
      <c r="F3094">
        <v>51.350000000000009</v>
      </c>
      <c r="G3094">
        <v>-0.26294452813998853</v>
      </c>
      <c r="AC3094">
        <v>34.133333000000007</v>
      </c>
      <c r="AD3094">
        <v>112.433333</v>
      </c>
      <c r="AE3094">
        <v>8.3159890000000001</v>
      </c>
      <c r="AF3094">
        <v>0.72522012171827932</v>
      </c>
    </row>
    <row r="3095" spans="6:32" x14ac:dyDescent="0.25">
      <c r="F3095">
        <v>51.366666999999993</v>
      </c>
      <c r="G3095">
        <v>-0.26213300833782016</v>
      </c>
      <c r="AC3095">
        <v>34.150000000000006</v>
      </c>
      <c r="AD3095">
        <v>112.45</v>
      </c>
      <c r="AE3095">
        <v>8.3146090000000008</v>
      </c>
      <c r="AF3095">
        <v>0.7085052362406894</v>
      </c>
    </row>
    <row r="3096" spans="6:32" x14ac:dyDescent="0.25">
      <c r="F3096">
        <v>51.383333000000007</v>
      </c>
      <c r="G3096">
        <v>-0.26130937629978601</v>
      </c>
      <c r="AC3096">
        <v>34.166667000000004</v>
      </c>
      <c r="AD3096">
        <v>112.466667</v>
      </c>
      <c r="AE3096">
        <v>8.3132289999999998</v>
      </c>
      <c r="AF3096">
        <v>0.69179035076307793</v>
      </c>
    </row>
    <row r="3097" spans="6:32" x14ac:dyDescent="0.25">
      <c r="F3097">
        <v>51.399999999999991</v>
      </c>
      <c r="G3097">
        <v>-0.26049785649761764</v>
      </c>
      <c r="AC3097">
        <v>34.183333000000005</v>
      </c>
      <c r="AD3097">
        <v>112.483333</v>
      </c>
      <c r="AE3097">
        <v>8.3118490000000005</v>
      </c>
      <c r="AF3097">
        <v>0.67507546528548801</v>
      </c>
    </row>
    <row r="3098" spans="6:32" x14ac:dyDescent="0.25">
      <c r="F3098">
        <v>51.416667000000004</v>
      </c>
      <c r="G3098">
        <v>-0.25968633669544927</v>
      </c>
      <c r="AC3098">
        <v>34.200000000000003</v>
      </c>
      <c r="AD3098">
        <v>112.5</v>
      </c>
      <c r="AE3098">
        <v>8.3105030000000006</v>
      </c>
      <c r="AF3098">
        <v>0.65877239582690428</v>
      </c>
    </row>
    <row r="3099" spans="6:32" x14ac:dyDescent="0.25">
      <c r="F3099">
        <v>51.43333299999999</v>
      </c>
      <c r="G3099">
        <v>-0.25927452067644297</v>
      </c>
      <c r="AC3099">
        <v>34.216667000000001</v>
      </c>
      <c r="AD3099">
        <v>112.516667</v>
      </c>
      <c r="AE3099">
        <v>8.3091229999999996</v>
      </c>
      <c r="AF3099">
        <v>0.64205751034929281</v>
      </c>
    </row>
    <row r="3100" spans="6:32" x14ac:dyDescent="0.25">
      <c r="F3100">
        <v>51.45</v>
      </c>
      <c r="G3100">
        <v>-0.25846300087425306</v>
      </c>
      <c r="AC3100">
        <v>34.233333000000002</v>
      </c>
      <c r="AD3100">
        <v>112.533333</v>
      </c>
      <c r="AE3100">
        <v>8.3077769999999997</v>
      </c>
      <c r="AF3100">
        <v>0.6257544408907092</v>
      </c>
    </row>
    <row r="3101" spans="6:32" x14ac:dyDescent="0.25">
      <c r="F3101">
        <v>51.466667000000015</v>
      </c>
      <c r="G3101">
        <v>-0.25763936883624039</v>
      </c>
      <c r="AC3101">
        <v>34.25</v>
      </c>
      <c r="AD3101">
        <v>112.55</v>
      </c>
      <c r="AE3101">
        <v>8.3064300000000006</v>
      </c>
      <c r="AF3101">
        <v>0.60943925919628139</v>
      </c>
    </row>
    <row r="3102" spans="6:32" x14ac:dyDescent="0.25">
      <c r="F3102">
        <v>51.483333000000002</v>
      </c>
      <c r="G3102">
        <v>-0.25682784903407208</v>
      </c>
      <c r="AC3102">
        <v>34.266666999999998</v>
      </c>
      <c r="AD3102">
        <v>112.566667</v>
      </c>
      <c r="AE3102">
        <v>8.3050840000000008</v>
      </c>
      <c r="AF3102">
        <v>0.59313618973769766</v>
      </c>
    </row>
    <row r="3103" spans="6:32" x14ac:dyDescent="0.25">
      <c r="F3103">
        <v>51.500000000000014</v>
      </c>
      <c r="G3103">
        <v>-0.25601632923188217</v>
      </c>
      <c r="AC3103">
        <v>34.283332999999999</v>
      </c>
      <c r="AD3103">
        <v>112.583333</v>
      </c>
      <c r="AE3103">
        <v>8.3037379999999992</v>
      </c>
      <c r="AF3103">
        <v>0.5768331202790925</v>
      </c>
    </row>
    <row r="3104" spans="6:32" x14ac:dyDescent="0.25">
      <c r="F3104">
        <v>51.516666999999998</v>
      </c>
      <c r="G3104">
        <v>-0.2551926971938695</v>
      </c>
      <c r="AC3104">
        <v>34.299999999999997</v>
      </c>
      <c r="AD3104">
        <v>112.6</v>
      </c>
      <c r="AE3104">
        <v>8.3024249999999995</v>
      </c>
      <c r="AF3104">
        <v>0.560929754603671</v>
      </c>
    </row>
    <row r="3105" spans="6:32" x14ac:dyDescent="0.25">
      <c r="F3105">
        <v>51.533333000000013</v>
      </c>
      <c r="G3105">
        <v>-0.25438117739167965</v>
      </c>
      <c r="AC3105">
        <v>34.31666700000001</v>
      </c>
      <c r="AD3105">
        <v>112.61666700000001</v>
      </c>
      <c r="AE3105">
        <v>8.3011130000000009</v>
      </c>
      <c r="AF3105">
        <v>0.54503850116411523</v>
      </c>
    </row>
    <row r="3106" spans="6:32" x14ac:dyDescent="0.25">
      <c r="F3106">
        <v>51.55</v>
      </c>
      <c r="G3106">
        <v>-0.25356965758951128</v>
      </c>
      <c r="AC3106">
        <v>34.333332999999996</v>
      </c>
      <c r="AD3106">
        <v>112.63333299999999</v>
      </c>
      <c r="AE3106">
        <v>8.2997999999999994</v>
      </c>
      <c r="AF3106">
        <v>0.52913513548867208</v>
      </c>
    </row>
    <row r="3107" spans="6:32" x14ac:dyDescent="0.25">
      <c r="F3107">
        <v>51.56666700000001</v>
      </c>
      <c r="G3107">
        <v>-0.25274602555149861</v>
      </c>
      <c r="AC3107">
        <v>34.350000000000009</v>
      </c>
      <c r="AD3107">
        <v>112.65</v>
      </c>
      <c r="AE3107">
        <v>8.2984869999999997</v>
      </c>
      <c r="AF3107">
        <v>0.51323176981325047</v>
      </c>
    </row>
    <row r="3108" spans="6:32" x14ac:dyDescent="0.25">
      <c r="F3108">
        <v>51.583332999999996</v>
      </c>
      <c r="G3108">
        <v>-0.25193450574930876</v>
      </c>
      <c r="AC3108">
        <v>34.366667000000007</v>
      </c>
      <c r="AD3108">
        <v>112.666667</v>
      </c>
      <c r="AE3108">
        <v>8.2971749999999993</v>
      </c>
      <c r="AF3108">
        <v>0.49734051637367316</v>
      </c>
    </row>
    <row r="3109" spans="6:32" x14ac:dyDescent="0.25">
      <c r="F3109">
        <v>51.600000000000009</v>
      </c>
      <c r="G3109">
        <v>-0.25112298594714039</v>
      </c>
      <c r="AC3109">
        <v>34.383333000000007</v>
      </c>
      <c r="AD3109">
        <v>112.683333</v>
      </c>
      <c r="AE3109">
        <v>8.2958619999999996</v>
      </c>
      <c r="AF3109">
        <v>0.48143715069825166</v>
      </c>
    </row>
    <row r="3110" spans="6:32" x14ac:dyDescent="0.25">
      <c r="F3110">
        <v>51.616666999999993</v>
      </c>
      <c r="G3110">
        <v>-0.25029935390912778</v>
      </c>
      <c r="AC3110">
        <v>34.400000000000006</v>
      </c>
      <c r="AD3110">
        <v>112.7</v>
      </c>
      <c r="AE3110">
        <v>8.2945499999999992</v>
      </c>
      <c r="AF3110">
        <v>0.46554589725867435</v>
      </c>
    </row>
    <row r="3111" spans="6:32" x14ac:dyDescent="0.25">
      <c r="F3111">
        <v>51.633333000000007</v>
      </c>
      <c r="G3111">
        <v>-0.24948783410693787</v>
      </c>
      <c r="AC3111">
        <v>34.416667000000004</v>
      </c>
      <c r="AD3111">
        <v>112.716667</v>
      </c>
      <c r="AE3111">
        <v>8.2932710000000007</v>
      </c>
      <c r="AF3111">
        <v>0.45005434760228052</v>
      </c>
    </row>
    <row r="3112" spans="6:32" x14ac:dyDescent="0.25">
      <c r="F3112">
        <v>51.649999999999991</v>
      </c>
      <c r="G3112">
        <v>-0.24867631430476947</v>
      </c>
      <c r="AC3112">
        <v>34.433333000000005</v>
      </c>
      <c r="AD3112">
        <v>112.733333</v>
      </c>
      <c r="AE3112">
        <v>8.2919920000000005</v>
      </c>
      <c r="AF3112">
        <v>0.43456279794586533</v>
      </c>
    </row>
    <row r="3113" spans="6:32" x14ac:dyDescent="0.25">
      <c r="F3113">
        <v>51.666667000000004</v>
      </c>
      <c r="G3113">
        <v>-0.2478647945026011</v>
      </c>
      <c r="AC3113">
        <v>34.450000000000003</v>
      </c>
      <c r="AD3113">
        <v>112.75</v>
      </c>
      <c r="AE3113">
        <v>8.2907460000000004</v>
      </c>
      <c r="AF3113">
        <v>0.41947095207261209</v>
      </c>
    </row>
    <row r="3114" spans="6:32" x14ac:dyDescent="0.25">
      <c r="F3114">
        <v>51.68333299999999</v>
      </c>
      <c r="G3114">
        <v>-0.24704116246456695</v>
      </c>
      <c r="AC3114">
        <v>34.466667000000001</v>
      </c>
      <c r="AD3114">
        <v>112.766667</v>
      </c>
      <c r="AE3114">
        <v>8.2894670000000001</v>
      </c>
      <c r="AF3114">
        <v>0.40397940241619684</v>
      </c>
    </row>
    <row r="3115" spans="6:32" x14ac:dyDescent="0.25">
      <c r="F3115">
        <v>51.7</v>
      </c>
      <c r="G3115">
        <v>-0.24664145868140494</v>
      </c>
      <c r="AC3115">
        <v>34.483333000000002</v>
      </c>
      <c r="AD3115">
        <v>112.783333</v>
      </c>
      <c r="AE3115">
        <v>8.2881889999999991</v>
      </c>
      <c r="AF3115">
        <v>0.38849996499562583</v>
      </c>
    </row>
    <row r="3116" spans="6:32" x14ac:dyDescent="0.25">
      <c r="F3116">
        <v>51.716667000000015</v>
      </c>
      <c r="G3116">
        <v>-0.24581782664339227</v>
      </c>
      <c r="AC3116">
        <v>34.5</v>
      </c>
      <c r="AD3116">
        <v>112.8</v>
      </c>
      <c r="AE3116">
        <v>8.2869100000000007</v>
      </c>
      <c r="AF3116">
        <v>0.37300841533923207</v>
      </c>
    </row>
    <row r="3117" spans="6:32" x14ac:dyDescent="0.25">
      <c r="F3117">
        <v>51.733333000000002</v>
      </c>
      <c r="G3117">
        <v>-0.24500630684120239</v>
      </c>
      <c r="AC3117">
        <v>34.516666999999998</v>
      </c>
      <c r="AD3117">
        <v>112.816667</v>
      </c>
      <c r="AE3117">
        <v>8.2856640000000006</v>
      </c>
      <c r="AF3117">
        <v>0.35791656946597888</v>
      </c>
    </row>
    <row r="3118" spans="6:32" x14ac:dyDescent="0.25">
      <c r="F3118">
        <v>51.750000000000014</v>
      </c>
      <c r="G3118">
        <v>-0.24419478703903405</v>
      </c>
      <c r="AC3118">
        <v>34.533332999999999</v>
      </c>
      <c r="AD3118">
        <v>112.833333</v>
      </c>
      <c r="AE3118">
        <v>8.2843850000000003</v>
      </c>
      <c r="AF3118">
        <v>0.34242501980956364</v>
      </c>
    </row>
    <row r="3119" spans="6:32" x14ac:dyDescent="0.25">
      <c r="F3119">
        <v>51.766666999999998</v>
      </c>
      <c r="G3119">
        <v>-0.24337115500102138</v>
      </c>
      <c r="AC3119">
        <v>34.549999999999997</v>
      </c>
      <c r="AD3119">
        <v>112.85</v>
      </c>
      <c r="AE3119">
        <v>8.2831060000000001</v>
      </c>
      <c r="AF3119">
        <v>0.32693347015314833</v>
      </c>
    </row>
    <row r="3120" spans="6:32" x14ac:dyDescent="0.25">
      <c r="F3120">
        <v>51.783333000000013</v>
      </c>
      <c r="G3120">
        <v>-0.2425596351988315</v>
      </c>
      <c r="AC3120">
        <v>34.56666700000001</v>
      </c>
      <c r="AD3120">
        <v>112.86666700000001</v>
      </c>
      <c r="AE3120">
        <v>8.2818609999999993</v>
      </c>
      <c r="AF3120">
        <v>0.31185373651573944</v>
      </c>
    </row>
    <row r="3121" spans="6:32" x14ac:dyDescent="0.25">
      <c r="F3121">
        <v>51.8</v>
      </c>
      <c r="G3121">
        <v>-0.2417481153966631</v>
      </c>
      <c r="AC3121">
        <v>34.583332999999996</v>
      </c>
      <c r="AD3121">
        <v>112.88333299999999</v>
      </c>
      <c r="AE3121">
        <v>8.2805820000000008</v>
      </c>
      <c r="AF3121">
        <v>0.29636218685934568</v>
      </c>
    </row>
    <row r="3122" spans="6:32" x14ac:dyDescent="0.25">
      <c r="F3122">
        <v>51.81666700000001</v>
      </c>
      <c r="G3122">
        <v>-0.2413362993776568</v>
      </c>
      <c r="AC3122">
        <v>34.600000000000009</v>
      </c>
      <c r="AD3122">
        <v>112.9</v>
      </c>
      <c r="AE3122">
        <v>8.2793369999999999</v>
      </c>
      <c r="AF3122">
        <v>0.28128245322193673</v>
      </c>
    </row>
    <row r="3123" spans="6:32" x14ac:dyDescent="0.25">
      <c r="F3123">
        <v>51.833332999999996</v>
      </c>
      <c r="G3123">
        <v>-0.24052477957548843</v>
      </c>
      <c r="AC3123">
        <v>34.616667000000007</v>
      </c>
      <c r="AD3123">
        <v>112.916667</v>
      </c>
      <c r="AE3123">
        <v>8.2780579999999997</v>
      </c>
      <c r="AF3123">
        <v>0.26579090356552149</v>
      </c>
    </row>
    <row r="3124" spans="6:32" x14ac:dyDescent="0.25">
      <c r="F3124">
        <v>51.850000000000009</v>
      </c>
      <c r="G3124">
        <v>-0.23970114753745428</v>
      </c>
      <c r="AC3124">
        <v>34.633333000000007</v>
      </c>
      <c r="AD3124">
        <v>112.933333</v>
      </c>
      <c r="AE3124">
        <v>8.2768130000000006</v>
      </c>
      <c r="AF3124">
        <v>0.25071116992813403</v>
      </c>
    </row>
    <row r="3125" spans="6:32" x14ac:dyDescent="0.25">
      <c r="F3125">
        <v>51.866666999999993</v>
      </c>
      <c r="G3125">
        <v>-0.23888962773528591</v>
      </c>
      <c r="AC3125">
        <v>34.650000000000006</v>
      </c>
      <c r="AD3125">
        <v>112.95</v>
      </c>
      <c r="AE3125">
        <v>8.2755340000000004</v>
      </c>
      <c r="AF3125">
        <v>0.2352196202717188</v>
      </c>
    </row>
    <row r="3126" spans="6:32" x14ac:dyDescent="0.25">
      <c r="F3126">
        <v>51.883333000000007</v>
      </c>
      <c r="G3126">
        <v>-0.23807810793309603</v>
      </c>
      <c r="AC3126">
        <v>34.666667000000004</v>
      </c>
      <c r="AD3126">
        <v>112.966667</v>
      </c>
      <c r="AE3126">
        <v>8.2742880000000003</v>
      </c>
      <c r="AF3126">
        <v>0.22012777439846562</v>
      </c>
    </row>
    <row r="3127" spans="6:32" x14ac:dyDescent="0.25">
      <c r="F3127">
        <v>112.933333</v>
      </c>
      <c r="G3127">
        <v>8.2768130000000006</v>
      </c>
      <c r="AC3127">
        <v>34.683333000000005</v>
      </c>
      <c r="AD3127">
        <v>112.983333</v>
      </c>
      <c r="AE3127">
        <v>8.2730429999999995</v>
      </c>
      <c r="AF3127">
        <v>0.20504804076105668</v>
      </c>
    </row>
    <row r="3128" spans="6:32" x14ac:dyDescent="0.25">
      <c r="F3128">
        <v>112.95</v>
      </c>
      <c r="G3128">
        <v>8.2755340000000004</v>
      </c>
      <c r="AC3128">
        <v>34.700000000000003</v>
      </c>
      <c r="AD3128">
        <v>113</v>
      </c>
      <c r="AE3128">
        <v>8.2718310000000006</v>
      </c>
      <c r="AF3128">
        <v>0.19036801090683128</v>
      </c>
    </row>
    <row r="3129" spans="6:32" x14ac:dyDescent="0.25">
      <c r="F3129">
        <v>112.966667</v>
      </c>
      <c r="G3129">
        <v>8.2742880000000003</v>
      </c>
      <c r="AC3129">
        <v>34.716667000000001</v>
      </c>
      <c r="AD3129">
        <v>113.016667</v>
      </c>
      <c r="AE3129">
        <v>8.2706199999999992</v>
      </c>
      <c r="AF3129">
        <v>0.17570009328842867</v>
      </c>
    </row>
    <row r="3130" spans="6:32" x14ac:dyDescent="0.25">
      <c r="F3130">
        <v>112.983333</v>
      </c>
      <c r="G3130">
        <v>8.2730429999999995</v>
      </c>
      <c r="AC3130">
        <v>34.733333000000002</v>
      </c>
      <c r="AD3130">
        <v>113.033333</v>
      </c>
      <c r="AE3130">
        <v>8.2694419999999997</v>
      </c>
      <c r="AF3130">
        <v>0.16143187945320961</v>
      </c>
    </row>
    <row r="3131" spans="6:32" x14ac:dyDescent="0.25">
      <c r="F3131">
        <v>113</v>
      </c>
      <c r="G3131">
        <v>8.2718310000000006</v>
      </c>
      <c r="AC3131">
        <v>34.75</v>
      </c>
      <c r="AD3131">
        <v>113.05</v>
      </c>
      <c r="AE3131">
        <v>8.2682640000000003</v>
      </c>
      <c r="AF3131">
        <v>0.14716366561799057</v>
      </c>
    </row>
    <row r="3132" spans="6:32" x14ac:dyDescent="0.25">
      <c r="F3132">
        <v>113.016667</v>
      </c>
      <c r="G3132">
        <v>8.2706199999999992</v>
      </c>
      <c r="AC3132">
        <v>34.766666999999998</v>
      </c>
      <c r="AD3132">
        <v>113.066667</v>
      </c>
      <c r="AE3132">
        <v>8.2671189999999992</v>
      </c>
      <c r="AF3132">
        <v>0.13329515556591204</v>
      </c>
    </row>
    <row r="3133" spans="6:32" x14ac:dyDescent="0.25">
      <c r="F3133">
        <v>113.033333</v>
      </c>
      <c r="G3133">
        <v>8.2694419999999997</v>
      </c>
      <c r="AC3133">
        <v>34.783332999999999</v>
      </c>
      <c r="AD3133">
        <v>113.083333</v>
      </c>
      <c r="AE3133">
        <v>8.2659749999999992</v>
      </c>
      <c r="AF3133">
        <v>0.11943875774969931</v>
      </c>
    </row>
    <row r="3134" spans="6:32" x14ac:dyDescent="0.25">
      <c r="F3134">
        <v>113.05</v>
      </c>
      <c r="G3134">
        <v>8.2682640000000003</v>
      </c>
      <c r="AC3134">
        <v>34.799999999999997</v>
      </c>
      <c r="AD3134">
        <v>113.1</v>
      </c>
      <c r="AE3134">
        <v>8.2648639999999993</v>
      </c>
      <c r="AF3134">
        <v>0.10598206371664862</v>
      </c>
    </row>
    <row r="3135" spans="6:32" x14ac:dyDescent="0.25">
      <c r="F3135">
        <v>113.066667</v>
      </c>
      <c r="G3135">
        <v>8.2671189999999992</v>
      </c>
      <c r="AC3135">
        <v>34.81666700000001</v>
      </c>
      <c r="AD3135">
        <v>113.11666700000001</v>
      </c>
      <c r="AE3135">
        <v>8.2637870000000007</v>
      </c>
      <c r="AF3135">
        <v>9.2937185702625769E-2</v>
      </c>
    </row>
    <row r="3136" spans="6:32" x14ac:dyDescent="0.25">
      <c r="F3136">
        <v>113.083333</v>
      </c>
      <c r="G3136">
        <v>8.2659749999999992</v>
      </c>
      <c r="AC3136">
        <v>34.833332999999996</v>
      </c>
      <c r="AD3136">
        <v>113.13333299999999</v>
      </c>
      <c r="AE3136">
        <v>8.2627100000000002</v>
      </c>
      <c r="AF3136">
        <v>7.989230768858141E-2</v>
      </c>
    </row>
    <row r="3137" spans="6:32" x14ac:dyDescent="0.25">
      <c r="F3137">
        <v>113.1</v>
      </c>
      <c r="G3137">
        <v>8.2648639999999993</v>
      </c>
      <c r="AC3137">
        <v>34.850000000000009</v>
      </c>
      <c r="AD3137">
        <v>113.15</v>
      </c>
      <c r="AE3137">
        <v>8.2616669999999992</v>
      </c>
      <c r="AF3137">
        <v>6.7259245693543371E-2</v>
      </c>
    </row>
    <row r="3138" spans="6:32" x14ac:dyDescent="0.25">
      <c r="F3138">
        <v>113.11666700000001</v>
      </c>
      <c r="G3138">
        <v>8.2637870000000007</v>
      </c>
      <c r="AC3138">
        <v>34.866667000000007</v>
      </c>
      <c r="AD3138">
        <v>113.166667</v>
      </c>
      <c r="AE3138">
        <v>8.2606570000000001</v>
      </c>
      <c r="AF3138">
        <v>5.5025887481688886E-2</v>
      </c>
    </row>
    <row r="3139" spans="6:32" x14ac:dyDescent="0.25">
      <c r="F3139">
        <v>113.13333299999999</v>
      </c>
      <c r="G3139">
        <v>8.2627100000000002</v>
      </c>
      <c r="AC3139">
        <v>34.883333000000007</v>
      </c>
      <c r="AD3139">
        <v>113.183333</v>
      </c>
      <c r="AE3139">
        <v>8.2596480000000003</v>
      </c>
      <c r="AF3139">
        <v>4.2804641505678677E-2</v>
      </c>
    </row>
    <row r="3140" spans="6:32" x14ac:dyDescent="0.25">
      <c r="F3140">
        <v>113.15</v>
      </c>
      <c r="G3140">
        <v>8.2616669999999992</v>
      </c>
      <c r="AC3140">
        <v>34.900000000000006</v>
      </c>
      <c r="AD3140">
        <v>113.2</v>
      </c>
      <c r="AE3140">
        <v>8.2587050000000009</v>
      </c>
      <c r="AF3140">
        <v>3.1382803095992569E-2</v>
      </c>
    </row>
    <row r="3141" spans="6:32" x14ac:dyDescent="0.25">
      <c r="F3141">
        <v>113.166667</v>
      </c>
      <c r="G3141">
        <v>8.2606570000000001</v>
      </c>
      <c r="AC3141">
        <v>34.916667000000004</v>
      </c>
      <c r="AD3141">
        <v>113.216667</v>
      </c>
      <c r="AE3141">
        <v>8.2577289999999994</v>
      </c>
      <c r="AF3141">
        <v>1.9561260903122896E-2</v>
      </c>
    </row>
    <row r="3142" spans="6:32" x14ac:dyDescent="0.25">
      <c r="F3142">
        <v>113.183333</v>
      </c>
      <c r="G3142">
        <v>8.2596480000000003</v>
      </c>
      <c r="AC3142">
        <v>34.933333000000005</v>
      </c>
      <c r="AD3142">
        <v>113.233333</v>
      </c>
      <c r="AE3142">
        <v>8.2568210000000004</v>
      </c>
      <c r="AF3142">
        <v>8.5633507483088914E-3</v>
      </c>
    </row>
    <row r="3143" spans="6:32" x14ac:dyDescent="0.25">
      <c r="F3143">
        <v>113.2</v>
      </c>
      <c r="G3143">
        <v>8.2587050000000009</v>
      </c>
      <c r="AC3143">
        <v>34.950000000000003</v>
      </c>
      <c r="AD3143">
        <v>113.25</v>
      </c>
      <c r="AE3143">
        <v>8.2559120000000004</v>
      </c>
      <c r="AF3143">
        <v>-2.4466716423708953E-3</v>
      </c>
    </row>
    <row r="3144" spans="6:32" x14ac:dyDescent="0.25">
      <c r="F3144">
        <v>113.216667</v>
      </c>
      <c r="G3144">
        <v>8.2577289999999994</v>
      </c>
      <c r="AC3144">
        <v>34.966667000000001</v>
      </c>
      <c r="AD3144">
        <v>113.266667</v>
      </c>
      <c r="AE3144">
        <v>8.2550369999999997</v>
      </c>
      <c r="AF3144">
        <v>-1.3044878014044364E-2</v>
      </c>
    </row>
    <row r="3145" spans="6:32" x14ac:dyDescent="0.25">
      <c r="F3145">
        <v>113.233333</v>
      </c>
      <c r="G3145">
        <v>8.2568210000000004</v>
      </c>
      <c r="AC3145">
        <v>34.983333000000002</v>
      </c>
      <c r="AD3145">
        <v>113.283333</v>
      </c>
      <c r="AE3145">
        <v>8.2541949999999993</v>
      </c>
      <c r="AF3145">
        <v>-2.3243380602555781E-2</v>
      </c>
    </row>
    <row r="3146" spans="6:32" x14ac:dyDescent="0.25">
      <c r="F3146">
        <v>113.25</v>
      </c>
      <c r="G3146">
        <v>8.2559120000000004</v>
      </c>
      <c r="AC3146">
        <v>35</v>
      </c>
      <c r="AD3146">
        <v>113.3</v>
      </c>
      <c r="AE3146">
        <v>8.2533879999999993</v>
      </c>
      <c r="AF3146">
        <v>-3.3017954936195096E-2</v>
      </c>
    </row>
    <row r="3147" spans="6:32" x14ac:dyDescent="0.25">
      <c r="F3147">
        <v>113.266667</v>
      </c>
      <c r="G3147">
        <v>8.2550369999999997</v>
      </c>
      <c r="AC3147">
        <v>35.016666999999998</v>
      </c>
      <c r="AD3147">
        <v>113.316667</v>
      </c>
      <c r="AE3147">
        <v>8.25258</v>
      </c>
      <c r="AF3147">
        <v>-4.2804641505678677E-2</v>
      </c>
    </row>
    <row r="3148" spans="6:32" x14ac:dyDescent="0.25">
      <c r="F3148">
        <v>113.283333</v>
      </c>
      <c r="G3148">
        <v>8.2541949999999993</v>
      </c>
      <c r="AC3148">
        <v>35.033332999999999</v>
      </c>
      <c r="AD3148">
        <v>113.333333</v>
      </c>
      <c r="AE3148">
        <v>8.2518060000000002</v>
      </c>
      <c r="AF3148">
        <v>-5.2179512056155938E-2</v>
      </c>
    </row>
    <row r="3149" spans="6:32" x14ac:dyDescent="0.25">
      <c r="F3149">
        <v>113.3</v>
      </c>
      <c r="G3149">
        <v>8.2533879999999993</v>
      </c>
      <c r="AC3149">
        <v>35.049999999999997</v>
      </c>
      <c r="AD3149">
        <v>113.35</v>
      </c>
      <c r="AE3149">
        <v>8.2510650000000005</v>
      </c>
      <c r="AF3149">
        <v>-6.1154678823471149E-2</v>
      </c>
    </row>
    <row r="3150" spans="6:32" x14ac:dyDescent="0.25">
      <c r="F3150">
        <v>113.316667</v>
      </c>
      <c r="G3150">
        <v>8.25258</v>
      </c>
      <c r="AC3150">
        <v>35.06666700000001</v>
      </c>
      <c r="AD3150">
        <v>113.36666700000001</v>
      </c>
      <c r="AE3150">
        <v>8.2503580000000003</v>
      </c>
      <c r="AF3150">
        <v>-6.9718029571780041E-2</v>
      </c>
    </row>
    <row r="3151" spans="6:32" x14ac:dyDescent="0.25">
      <c r="F3151">
        <v>113.333333</v>
      </c>
      <c r="G3151">
        <v>8.2518060000000002</v>
      </c>
      <c r="AC3151">
        <v>35.083332999999996</v>
      </c>
      <c r="AD3151">
        <v>113.38333299999999</v>
      </c>
      <c r="AE3151">
        <v>8.2496519999999993</v>
      </c>
      <c r="AF3151">
        <v>-7.826926808424467E-2</v>
      </c>
    </row>
    <row r="3152" spans="6:32" x14ac:dyDescent="0.25">
      <c r="F3152">
        <v>113.35</v>
      </c>
      <c r="G3152">
        <v>8.2510650000000005</v>
      </c>
      <c r="AC3152">
        <v>35.100000000000009</v>
      </c>
      <c r="AD3152">
        <v>113.4</v>
      </c>
      <c r="AE3152">
        <v>8.2489790000000003</v>
      </c>
      <c r="AF3152">
        <v>-8.6420802813525724E-2</v>
      </c>
    </row>
    <row r="3153" spans="6:32" x14ac:dyDescent="0.25">
      <c r="F3153">
        <v>113.36666700000001</v>
      </c>
      <c r="G3153">
        <v>8.2503580000000003</v>
      </c>
      <c r="AC3153">
        <v>35.116667000000007</v>
      </c>
      <c r="AD3153">
        <v>113.416667</v>
      </c>
      <c r="AE3153">
        <v>8.2483050000000002</v>
      </c>
      <c r="AF3153">
        <v>-9.4584449778672558E-2</v>
      </c>
    </row>
    <row r="3154" spans="6:32" x14ac:dyDescent="0.25">
      <c r="F3154">
        <v>113.38333299999999</v>
      </c>
      <c r="G3154">
        <v>8.2496519999999993</v>
      </c>
      <c r="AC3154">
        <v>35.133333000000007</v>
      </c>
      <c r="AD3154">
        <v>113.433333</v>
      </c>
      <c r="AE3154">
        <v>8.2476660000000006</v>
      </c>
      <c r="AF3154">
        <v>-0.10232416848894731</v>
      </c>
    </row>
    <row r="3155" spans="6:32" x14ac:dyDescent="0.25">
      <c r="F3155">
        <v>113.4</v>
      </c>
      <c r="G3155">
        <v>8.2489790000000003</v>
      </c>
      <c r="AC3155">
        <v>35.150000000000006</v>
      </c>
      <c r="AD3155">
        <v>113.45</v>
      </c>
      <c r="AE3155">
        <v>8.2470599999999994</v>
      </c>
      <c r="AF3155">
        <v>-0.1096641834160815</v>
      </c>
    </row>
    <row r="3156" spans="6:32" x14ac:dyDescent="0.25">
      <c r="F3156">
        <v>113.416667</v>
      </c>
      <c r="G3156">
        <v>8.2483050000000002</v>
      </c>
      <c r="AC3156">
        <v>35.166667000000004</v>
      </c>
      <c r="AD3156">
        <v>113.466667</v>
      </c>
      <c r="AE3156">
        <v>8.246454</v>
      </c>
      <c r="AF3156">
        <v>-0.1170041983431942</v>
      </c>
    </row>
    <row r="3157" spans="6:32" x14ac:dyDescent="0.25">
      <c r="F3157">
        <v>113.433333</v>
      </c>
      <c r="G3157">
        <v>8.2476660000000006</v>
      </c>
      <c r="AC3157">
        <v>35.183333000000005</v>
      </c>
      <c r="AD3157">
        <v>113.483333</v>
      </c>
      <c r="AE3157">
        <v>8.2458819999999999</v>
      </c>
      <c r="AF3157">
        <v>-0.12393239725130055</v>
      </c>
    </row>
    <row r="3158" spans="6:32" x14ac:dyDescent="0.25">
      <c r="F3158">
        <v>113.45</v>
      </c>
      <c r="G3158">
        <v>8.2470599999999994</v>
      </c>
      <c r="AC3158">
        <v>35.200000000000003</v>
      </c>
      <c r="AD3158">
        <v>113.5</v>
      </c>
      <c r="AE3158">
        <v>8.2453099999999999</v>
      </c>
      <c r="AF3158">
        <v>-0.13086059615940693</v>
      </c>
    </row>
    <row r="3159" spans="6:32" x14ac:dyDescent="0.25">
      <c r="F3159">
        <v>113.466667</v>
      </c>
      <c r="G3159">
        <v>8.246454</v>
      </c>
      <c r="AC3159">
        <v>35.216667000000001</v>
      </c>
      <c r="AD3159">
        <v>113.516667</v>
      </c>
      <c r="AE3159">
        <v>8.2447379999999999</v>
      </c>
      <c r="AF3159">
        <v>-0.13778879506751329</v>
      </c>
    </row>
    <row r="3160" spans="6:32" x14ac:dyDescent="0.25">
      <c r="F3160">
        <v>113.483333</v>
      </c>
      <c r="G3160">
        <v>8.2458819999999999</v>
      </c>
      <c r="AC3160">
        <v>35.233333000000002</v>
      </c>
      <c r="AD3160">
        <v>113.533333</v>
      </c>
      <c r="AE3160">
        <v>8.2441990000000001</v>
      </c>
      <c r="AF3160">
        <v>-0.14431729019245762</v>
      </c>
    </row>
    <row r="3161" spans="6:32" x14ac:dyDescent="0.25">
      <c r="F3161">
        <v>113.5</v>
      </c>
      <c r="G3161">
        <v>8.2453099999999999</v>
      </c>
      <c r="AC3161">
        <v>35.25</v>
      </c>
      <c r="AD3161">
        <v>113.55</v>
      </c>
      <c r="AE3161">
        <v>8.2436939999999996</v>
      </c>
      <c r="AF3161">
        <v>-0.15043396929839559</v>
      </c>
    </row>
    <row r="3162" spans="6:32" x14ac:dyDescent="0.25">
      <c r="F3162">
        <v>113.516667</v>
      </c>
      <c r="G3162">
        <v>8.2447379999999999</v>
      </c>
      <c r="AC3162">
        <v>35.266666999999998</v>
      </c>
      <c r="AD3162">
        <v>113.566667</v>
      </c>
      <c r="AE3162">
        <v>8.2431900000000002</v>
      </c>
      <c r="AF3162">
        <v>-0.15653853616846783</v>
      </c>
    </row>
    <row r="3163" spans="6:32" x14ac:dyDescent="0.25">
      <c r="F3163">
        <v>113.533333</v>
      </c>
      <c r="G3163">
        <v>8.2441990000000001</v>
      </c>
      <c r="AC3163">
        <v>35.283332999999999</v>
      </c>
      <c r="AD3163">
        <v>113.583333</v>
      </c>
      <c r="AE3163">
        <v>8.2426849999999998</v>
      </c>
      <c r="AF3163">
        <v>-0.16265521527440582</v>
      </c>
    </row>
    <row r="3164" spans="6:32" x14ac:dyDescent="0.25">
      <c r="F3164">
        <v>113.55</v>
      </c>
      <c r="G3164">
        <v>8.2436939999999996</v>
      </c>
      <c r="AC3164">
        <v>35.299999999999997</v>
      </c>
      <c r="AD3164">
        <v>113.6</v>
      </c>
      <c r="AE3164">
        <v>8.2422140000000006</v>
      </c>
      <c r="AF3164">
        <v>-0.16836007836131597</v>
      </c>
    </row>
    <row r="3165" spans="6:32" x14ac:dyDescent="0.25">
      <c r="F3165">
        <v>113.566667</v>
      </c>
      <c r="G3165">
        <v>8.2431900000000002</v>
      </c>
      <c r="AC3165">
        <v>35.31666700000001</v>
      </c>
      <c r="AD3165">
        <v>113.61666700000001</v>
      </c>
      <c r="AE3165">
        <v>8.2417759999999998</v>
      </c>
      <c r="AF3165">
        <v>-0.1736652376650856</v>
      </c>
    </row>
    <row r="3166" spans="6:32" x14ac:dyDescent="0.25">
      <c r="F3166">
        <v>113.583333</v>
      </c>
      <c r="G3166">
        <v>8.2426849999999998</v>
      </c>
      <c r="AC3166">
        <v>35.333332999999996</v>
      </c>
      <c r="AD3166">
        <v>113.63333299999999</v>
      </c>
      <c r="AE3166">
        <v>8.2413050000000005</v>
      </c>
      <c r="AF3166">
        <v>-0.17937010075199578</v>
      </c>
    </row>
    <row r="3167" spans="6:32" x14ac:dyDescent="0.25">
      <c r="F3167">
        <v>113.6</v>
      </c>
      <c r="G3167">
        <v>8.2422140000000006</v>
      </c>
      <c r="AC3167">
        <v>35.350000000000009</v>
      </c>
      <c r="AD3167">
        <v>113.65</v>
      </c>
      <c r="AE3167">
        <v>8.2408669999999997</v>
      </c>
      <c r="AF3167">
        <v>-0.18467526005576537</v>
      </c>
    </row>
    <row r="3168" spans="6:32" x14ac:dyDescent="0.25">
      <c r="F3168">
        <v>113.61666700000001</v>
      </c>
      <c r="G3168">
        <v>8.2417759999999998</v>
      </c>
      <c r="AC3168">
        <v>35.366667000000007</v>
      </c>
      <c r="AD3168">
        <v>113.666667</v>
      </c>
      <c r="AE3168">
        <v>8.2404630000000001</v>
      </c>
      <c r="AF3168">
        <v>-0.18956860334050718</v>
      </c>
    </row>
    <row r="3169" spans="6:32" x14ac:dyDescent="0.25">
      <c r="F3169">
        <v>113.63333299999999</v>
      </c>
      <c r="G3169">
        <v>8.2413050000000005</v>
      </c>
      <c r="AC3169">
        <v>35.383333000000007</v>
      </c>
      <c r="AD3169">
        <v>113.683333</v>
      </c>
      <c r="AE3169">
        <v>8.2400599999999997</v>
      </c>
      <c r="AF3169">
        <v>-0.19444983438940472</v>
      </c>
    </row>
    <row r="3170" spans="6:32" x14ac:dyDescent="0.25">
      <c r="F3170">
        <v>113.65</v>
      </c>
      <c r="G3170">
        <v>8.2408669999999997</v>
      </c>
      <c r="AC3170">
        <v>35.400000000000006</v>
      </c>
      <c r="AD3170">
        <v>113.7</v>
      </c>
      <c r="AE3170">
        <v>8.2396560000000001</v>
      </c>
      <c r="AF3170">
        <v>-0.1993431776741465</v>
      </c>
    </row>
    <row r="3171" spans="6:32" x14ac:dyDescent="0.25">
      <c r="F3171">
        <v>113.666667</v>
      </c>
      <c r="G3171">
        <v>8.2404630000000001</v>
      </c>
      <c r="AC3171">
        <v>35.416667000000004</v>
      </c>
      <c r="AD3171">
        <v>113.716667</v>
      </c>
      <c r="AE3171">
        <v>8.2392520000000005</v>
      </c>
      <c r="AF3171">
        <v>-0.20423652095888828</v>
      </c>
    </row>
    <row r="3172" spans="6:32" x14ac:dyDescent="0.25">
      <c r="F3172">
        <v>113.683333</v>
      </c>
      <c r="G3172">
        <v>8.2400599999999997</v>
      </c>
      <c r="AC3172">
        <v>35.433333000000005</v>
      </c>
      <c r="AD3172">
        <v>113.733333</v>
      </c>
      <c r="AE3172">
        <v>8.2388820000000003</v>
      </c>
      <c r="AF3172">
        <v>-0.20871804822462375</v>
      </c>
    </row>
    <row r="3173" spans="6:32" x14ac:dyDescent="0.25">
      <c r="F3173">
        <v>113.7</v>
      </c>
      <c r="G3173">
        <v>8.2396560000000001</v>
      </c>
      <c r="AC3173">
        <v>35.450000000000003</v>
      </c>
      <c r="AD3173">
        <v>113.75</v>
      </c>
      <c r="AE3173">
        <v>8.2385110000000008</v>
      </c>
      <c r="AF3173">
        <v>-0.2132116877262035</v>
      </c>
    </row>
    <row r="3174" spans="6:32" x14ac:dyDescent="0.25">
      <c r="F3174">
        <v>113.716667</v>
      </c>
      <c r="G3174">
        <v>8.2392520000000005</v>
      </c>
      <c r="AC3174">
        <v>35.466667000000001</v>
      </c>
      <c r="AD3174">
        <v>113.766667</v>
      </c>
      <c r="AE3174">
        <v>8.238175</v>
      </c>
      <c r="AF3174">
        <v>-0.21728139897293267</v>
      </c>
    </row>
    <row r="3175" spans="6:32" x14ac:dyDescent="0.25">
      <c r="F3175">
        <v>113.733333</v>
      </c>
      <c r="G3175">
        <v>8.2388820000000003</v>
      </c>
      <c r="AC3175">
        <v>35.483333000000002</v>
      </c>
      <c r="AD3175">
        <v>113.783333</v>
      </c>
      <c r="AE3175">
        <v>8.2378049999999998</v>
      </c>
      <c r="AF3175">
        <v>-0.22176292623866814</v>
      </c>
    </row>
    <row r="3176" spans="6:32" x14ac:dyDescent="0.25">
      <c r="F3176">
        <v>113.75</v>
      </c>
      <c r="G3176">
        <v>8.2385110000000008</v>
      </c>
      <c r="AC3176">
        <v>35.5</v>
      </c>
      <c r="AD3176">
        <v>113.8</v>
      </c>
      <c r="AE3176">
        <v>8.2374679999999998</v>
      </c>
      <c r="AF3176">
        <v>-0.22584474972124155</v>
      </c>
    </row>
    <row r="3177" spans="6:32" x14ac:dyDescent="0.25">
      <c r="F3177">
        <v>113.766667</v>
      </c>
      <c r="G3177">
        <v>8.238175</v>
      </c>
      <c r="AC3177">
        <v>35.516666999999998</v>
      </c>
      <c r="AD3177">
        <v>113.816667</v>
      </c>
      <c r="AE3177">
        <v>8.2371649999999992</v>
      </c>
      <c r="AF3177">
        <v>-0.22951475718480865</v>
      </c>
    </row>
    <row r="3178" spans="6:32" x14ac:dyDescent="0.25">
      <c r="F3178">
        <v>113.783333</v>
      </c>
      <c r="G3178">
        <v>8.2378049999999998</v>
      </c>
      <c r="AC3178">
        <v>35.533332999999999</v>
      </c>
      <c r="AD3178">
        <v>113.833333</v>
      </c>
      <c r="AE3178">
        <v>8.2368279999999992</v>
      </c>
      <c r="AF3178">
        <v>-0.23359658066738209</v>
      </c>
    </row>
    <row r="3179" spans="6:32" x14ac:dyDescent="0.25">
      <c r="F3179">
        <v>113.8</v>
      </c>
      <c r="G3179">
        <v>8.2374679999999998</v>
      </c>
      <c r="AC3179">
        <v>35.549999999999997</v>
      </c>
      <c r="AD3179">
        <v>113.85</v>
      </c>
      <c r="AE3179">
        <v>8.2365259999999996</v>
      </c>
      <c r="AF3179">
        <v>-0.23725447589508339</v>
      </c>
    </row>
    <row r="3180" spans="6:32" x14ac:dyDescent="0.25">
      <c r="F3180">
        <v>113.816667</v>
      </c>
      <c r="G3180">
        <v>8.2371649999999992</v>
      </c>
      <c r="AC3180">
        <v>35.56666700000001</v>
      </c>
      <c r="AD3180">
        <v>113.86666700000001</v>
      </c>
      <c r="AE3180">
        <v>8.2362230000000007</v>
      </c>
      <c r="AF3180">
        <v>-0.24092448335862898</v>
      </c>
    </row>
    <row r="3181" spans="6:32" x14ac:dyDescent="0.25">
      <c r="F3181">
        <v>113.833333</v>
      </c>
      <c r="G3181">
        <v>8.2368279999999992</v>
      </c>
      <c r="AC3181">
        <v>35.583332999999996</v>
      </c>
      <c r="AD3181">
        <v>113.88333299999999</v>
      </c>
      <c r="AE3181">
        <v>8.2359200000000001</v>
      </c>
      <c r="AF3181">
        <v>-0.24459449082219606</v>
      </c>
    </row>
    <row r="3182" spans="6:32" x14ac:dyDescent="0.25">
      <c r="F3182">
        <v>113.85</v>
      </c>
      <c r="G3182">
        <v>8.2365259999999996</v>
      </c>
      <c r="AC3182">
        <v>35.600000000000009</v>
      </c>
      <c r="AD3182">
        <v>113.9</v>
      </c>
      <c r="AE3182">
        <v>8.2356169999999995</v>
      </c>
      <c r="AF3182">
        <v>-0.24826449828576316</v>
      </c>
    </row>
    <row r="3183" spans="6:32" x14ac:dyDescent="0.25">
      <c r="F3183">
        <v>113.86666700000001</v>
      </c>
      <c r="G3183">
        <v>8.2362230000000007</v>
      </c>
      <c r="AC3183">
        <v>35.616667000000007</v>
      </c>
      <c r="AD3183">
        <v>113.916667</v>
      </c>
      <c r="AE3183">
        <v>8.2353480000000001</v>
      </c>
      <c r="AF3183">
        <v>-0.2515226897303024</v>
      </c>
    </row>
    <row r="3184" spans="6:32" x14ac:dyDescent="0.25">
      <c r="F3184">
        <v>113.88333299999999</v>
      </c>
      <c r="G3184">
        <v>8.2359200000000001</v>
      </c>
      <c r="AC3184">
        <v>35.633333000000007</v>
      </c>
      <c r="AD3184">
        <v>113.933333</v>
      </c>
      <c r="AE3184">
        <v>8.2350449999999995</v>
      </c>
      <c r="AF3184">
        <v>-0.2551926971938695</v>
      </c>
    </row>
    <row r="3185" spans="6:32" x14ac:dyDescent="0.25">
      <c r="F3185">
        <v>113.9</v>
      </c>
      <c r="G3185">
        <v>8.2356169999999995</v>
      </c>
      <c r="AC3185">
        <v>35.650000000000006</v>
      </c>
      <c r="AD3185">
        <v>113.95</v>
      </c>
      <c r="AE3185">
        <v>8.2347750000000008</v>
      </c>
      <c r="AF3185">
        <v>-0.25846300087425306</v>
      </c>
    </row>
    <row r="3186" spans="6:32" x14ac:dyDescent="0.25">
      <c r="F3186">
        <v>113.916667</v>
      </c>
      <c r="G3186">
        <v>8.2353480000000001</v>
      </c>
      <c r="AC3186">
        <v>35.666667000000004</v>
      </c>
      <c r="AD3186">
        <v>113.966667</v>
      </c>
      <c r="AE3186">
        <v>8.2345059999999997</v>
      </c>
      <c r="AF3186">
        <v>-0.26172119231881386</v>
      </c>
    </row>
    <row r="3187" spans="6:32" x14ac:dyDescent="0.25">
      <c r="F3187">
        <v>113.933333</v>
      </c>
      <c r="G3187">
        <v>8.2350449999999995</v>
      </c>
      <c r="AC3187">
        <v>35.683333000000005</v>
      </c>
      <c r="AD3187">
        <v>113.983333</v>
      </c>
      <c r="AE3187">
        <v>8.2342709999999997</v>
      </c>
      <c r="AF3187">
        <v>-0.26456756774434681</v>
      </c>
    </row>
    <row r="3188" spans="6:32" x14ac:dyDescent="0.25">
      <c r="F3188">
        <v>113.95</v>
      </c>
      <c r="G3188">
        <v>8.2347750000000008</v>
      </c>
      <c r="AC3188">
        <v>35.700000000000003</v>
      </c>
      <c r="AD3188">
        <v>114</v>
      </c>
      <c r="AE3188">
        <v>8.2340009999999992</v>
      </c>
      <c r="AF3188">
        <v>-0.26783787142475185</v>
      </c>
    </row>
    <row r="3189" spans="6:32" x14ac:dyDescent="0.25">
      <c r="F3189">
        <v>113.966667</v>
      </c>
      <c r="G3189">
        <v>8.2345059999999997</v>
      </c>
      <c r="AC3189">
        <v>35.716667000000001</v>
      </c>
      <c r="AD3189">
        <v>114.016667</v>
      </c>
      <c r="AE3189">
        <v>8.2337659999999993</v>
      </c>
      <c r="AF3189">
        <v>-0.2706842468502848</v>
      </c>
    </row>
    <row r="3190" spans="6:32" x14ac:dyDescent="0.25">
      <c r="F3190">
        <v>113.983333</v>
      </c>
      <c r="G3190">
        <v>8.2342709999999997</v>
      </c>
      <c r="AC3190">
        <v>35.733333000000002</v>
      </c>
      <c r="AD3190">
        <v>114.033333</v>
      </c>
      <c r="AE3190">
        <v>8.23353</v>
      </c>
      <c r="AF3190">
        <v>-0.273542734511662</v>
      </c>
    </row>
    <row r="3191" spans="6:32" x14ac:dyDescent="0.25">
      <c r="F3191">
        <v>114</v>
      </c>
      <c r="G3191">
        <v>8.2340009999999992</v>
      </c>
      <c r="AC3191">
        <v>35.75</v>
      </c>
      <c r="AD3191">
        <v>114.05</v>
      </c>
      <c r="AE3191">
        <v>8.2333619999999996</v>
      </c>
      <c r="AF3191">
        <v>-0.27557759013502658</v>
      </c>
    </row>
    <row r="3192" spans="6:32" x14ac:dyDescent="0.25">
      <c r="F3192">
        <v>114.016667</v>
      </c>
      <c r="G3192">
        <v>8.2337659999999993</v>
      </c>
      <c r="AC3192">
        <v>35.766666999999998</v>
      </c>
      <c r="AD3192">
        <v>114.066667</v>
      </c>
      <c r="AE3192">
        <v>8.2331939999999992</v>
      </c>
      <c r="AF3192">
        <v>-0.27761244575839117</v>
      </c>
    </row>
    <row r="3193" spans="6:32" x14ac:dyDescent="0.25">
      <c r="F3193">
        <v>114.033333</v>
      </c>
      <c r="G3193">
        <v>8.23353</v>
      </c>
      <c r="AC3193">
        <v>35.783332999999999</v>
      </c>
      <c r="AD3193">
        <v>114.083333</v>
      </c>
      <c r="AE3193">
        <v>8.2330590000000008</v>
      </c>
      <c r="AF3193">
        <v>-0.27924759759857221</v>
      </c>
    </row>
    <row r="3194" spans="6:32" x14ac:dyDescent="0.25">
      <c r="F3194">
        <v>114.05</v>
      </c>
      <c r="G3194">
        <v>8.2333619999999996</v>
      </c>
      <c r="AC3194">
        <v>35.799999999999997</v>
      </c>
      <c r="AD3194">
        <v>114.1</v>
      </c>
      <c r="AE3194">
        <v>8.2328910000000004</v>
      </c>
      <c r="AF3194">
        <v>-0.28128245322193673</v>
      </c>
    </row>
    <row r="3195" spans="6:32" x14ac:dyDescent="0.25">
      <c r="F3195">
        <v>114.066667</v>
      </c>
      <c r="G3195">
        <v>8.2331939999999992</v>
      </c>
      <c r="AC3195">
        <v>35.81666700000001</v>
      </c>
      <c r="AD3195">
        <v>114.11666700000001</v>
      </c>
      <c r="AE3195">
        <v>8.2327220000000008</v>
      </c>
      <c r="AF3195">
        <v>-0.28332942108114562</v>
      </c>
    </row>
    <row r="3196" spans="6:32" x14ac:dyDescent="0.25">
      <c r="F3196">
        <v>114.083333</v>
      </c>
      <c r="G3196">
        <v>8.2330590000000008</v>
      </c>
      <c r="AC3196">
        <v>35.833332999999996</v>
      </c>
      <c r="AD3196">
        <v>114.13333299999999</v>
      </c>
      <c r="AE3196">
        <v>8.2325540000000004</v>
      </c>
      <c r="AF3196">
        <v>-0.2853642767045102</v>
      </c>
    </row>
    <row r="3197" spans="6:32" x14ac:dyDescent="0.25">
      <c r="F3197">
        <v>114.1</v>
      </c>
      <c r="G3197">
        <v>8.2328910000000004</v>
      </c>
      <c r="AC3197">
        <v>35.850000000000009</v>
      </c>
      <c r="AD3197">
        <v>114.15</v>
      </c>
      <c r="AE3197">
        <v>8.232386</v>
      </c>
      <c r="AF3197">
        <v>-0.28739913232787473</v>
      </c>
    </row>
    <row r="3198" spans="6:32" x14ac:dyDescent="0.25">
      <c r="F3198">
        <v>114.11666700000001</v>
      </c>
      <c r="G3198">
        <v>8.2327220000000008</v>
      </c>
      <c r="AC3198">
        <v>35.866667000000007</v>
      </c>
      <c r="AD3198">
        <v>114.166667</v>
      </c>
      <c r="AE3198">
        <v>8.2322509999999998</v>
      </c>
      <c r="AF3198">
        <v>-0.28903428416807725</v>
      </c>
    </row>
    <row r="3199" spans="6:32" x14ac:dyDescent="0.25">
      <c r="F3199">
        <v>114.13333299999999</v>
      </c>
      <c r="G3199">
        <v>8.2325540000000004</v>
      </c>
      <c r="AC3199">
        <v>35.883333000000007</v>
      </c>
      <c r="AD3199">
        <v>114.183333</v>
      </c>
      <c r="AE3199">
        <v>8.2320829999999994</v>
      </c>
      <c r="AF3199">
        <v>-0.29106913979144183</v>
      </c>
    </row>
    <row r="3200" spans="6:32" x14ac:dyDescent="0.25">
      <c r="F3200">
        <v>114.15</v>
      </c>
      <c r="G3200">
        <v>8.232386</v>
      </c>
      <c r="AC3200">
        <v>35.900000000000006</v>
      </c>
      <c r="AD3200">
        <v>114.2</v>
      </c>
      <c r="AE3200">
        <v>8.2319150000000008</v>
      </c>
      <c r="AF3200">
        <v>-0.29310399541478493</v>
      </c>
    </row>
    <row r="3201" spans="6:32" x14ac:dyDescent="0.25">
      <c r="F3201">
        <v>114.166667</v>
      </c>
      <c r="G3201">
        <v>8.2322509999999998</v>
      </c>
      <c r="AC3201">
        <v>35.916667000000004</v>
      </c>
      <c r="AD3201">
        <v>114.216667</v>
      </c>
      <c r="AE3201">
        <v>8.2317129999999992</v>
      </c>
      <c r="AF3201">
        <v>-0.29555066705717731</v>
      </c>
    </row>
    <row r="3202" spans="6:32" x14ac:dyDescent="0.25">
      <c r="F3202">
        <v>114.183333</v>
      </c>
      <c r="G3202">
        <v>8.2320829999999994</v>
      </c>
      <c r="AC3202">
        <v>35.933333000000005</v>
      </c>
      <c r="AD3202">
        <v>114.233333</v>
      </c>
      <c r="AE3202">
        <v>8.2315439999999995</v>
      </c>
      <c r="AF3202">
        <v>-0.29759763491638613</v>
      </c>
    </row>
    <row r="3203" spans="6:32" x14ac:dyDescent="0.25">
      <c r="F3203">
        <v>114.2</v>
      </c>
      <c r="G3203">
        <v>8.2319150000000008</v>
      </c>
      <c r="AC3203">
        <v>35.950000000000003</v>
      </c>
      <c r="AD3203">
        <v>114.25</v>
      </c>
      <c r="AE3203">
        <v>8.2313759999999991</v>
      </c>
      <c r="AF3203">
        <v>-0.29963249053975072</v>
      </c>
    </row>
    <row r="3204" spans="6:32" x14ac:dyDescent="0.25">
      <c r="F3204">
        <v>114.216667</v>
      </c>
      <c r="G3204">
        <v>8.2317129999999992</v>
      </c>
      <c r="AC3204">
        <v>35.966667000000001</v>
      </c>
      <c r="AD3204">
        <v>114.266667</v>
      </c>
      <c r="AE3204">
        <v>8.2312080000000005</v>
      </c>
      <c r="AF3204">
        <v>-0.30166734616309382</v>
      </c>
    </row>
    <row r="3205" spans="6:32" x14ac:dyDescent="0.25">
      <c r="F3205">
        <v>114.233333</v>
      </c>
      <c r="G3205">
        <v>8.2315439999999995</v>
      </c>
      <c r="AC3205">
        <v>35.983333000000002</v>
      </c>
      <c r="AD3205">
        <v>114.283333</v>
      </c>
      <c r="AE3205">
        <v>8.2310400000000001</v>
      </c>
      <c r="AF3205">
        <v>-0.3037022017864584</v>
      </c>
    </row>
    <row r="3206" spans="6:32" x14ac:dyDescent="0.25">
      <c r="F3206">
        <v>114.25</v>
      </c>
      <c r="G3206">
        <v>8.2313759999999991</v>
      </c>
      <c r="AC3206">
        <v>36</v>
      </c>
      <c r="AD3206">
        <v>114.3</v>
      </c>
      <c r="AE3206">
        <v>8.2308710000000005</v>
      </c>
      <c r="AF3206">
        <v>-0.30574916964566723</v>
      </c>
    </row>
    <row r="3207" spans="6:32" x14ac:dyDescent="0.25">
      <c r="F3207">
        <v>114.266667</v>
      </c>
      <c r="G3207">
        <v>8.2312080000000005</v>
      </c>
      <c r="AC3207">
        <v>36.016666999999998</v>
      </c>
      <c r="AD3207">
        <v>114.316667</v>
      </c>
      <c r="AE3207">
        <v>8.2307369999999995</v>
      </c>
      <c r="AF3207">
        <v>-0.30737220925002551</v>
      </c>
    </row>
    <row r="3208" spans="6:32" x14ac:dyDescent="0.25">
      <c r="F3208">
        <v>114.283333</v>
      </c>
      <c r="G3208">
        <v>8.2310400000000001</v>
      </c>
      <c r="AC3208">
        <v>36.033332999999999</v>
      </c>
      <c r="AD3208">
        <v>114.333333</v>
      </c>
      <c r="AE3208">
        <v>8.2305679999999999</v>
      </c>
      <c r="AF3208">
        <v>-0.30941917710923433</v>
      </c>
    </row>
    <row r="3209" spans="6:32" x14ac:dyDescent="0.25">
      <c r="F3209">
        <v>114.3</v>
      </c>
      <c r="G3209">
        <v>8.2308710000000005</v>
      </c>
      <c r="AC3209">
        <v>36.049999999999997</v>
      </c>
      <c r="AD3209">
        <v>114.35</v>
      </c>
      <c r="AE3209">
        <v>8.2303999999999995</v>
      </c>
      <c r="AF3209">
        <v>-0.31145403273259892</v>
      </c>
    </row>
    <row r="3210" spans="6:32" x14ac:dyDescent="0.25">
      <c r="F3210">
        <v>114.316667</v>
      </c>
      <c r="G3210">
        <v>8.2307369999999995</v>
      </c>
      <c r="AC3210">
        <v>36.06666700000001</v>
      </c>
      <c r="AD3210">
        <v>114.36666700000001</v>
      </c>
      <c r="AE3210">
        <v>8.2302649999999993</v>
      </c>
      <c r="AF3210">
        <v>-0.31308918457280144</v>
      </c>
    </row>
    <row r="3211" spans="6:32" x14ac:dyDescent="0.25">
      <c r="F3211">
        <v>114.333333</v>
      </c>
      <c r="G3211">
        <v>8.2305679999999999</v>
      </c>
      <c r="AC3211">
        <v>36.083332999999996</v>
      </c>
      <c r="AD3211">
        <v>114.38333299999999</v>
      </c>
      <c r="AE3211">
        <v>8.2300970000000007</v>
      </c>
      <c r="AF3211">
        <v>-0.31512404019614448</v>
      </c>
    </row>
    <row r="3212" spans="6:32" x14ac:dyDescent="0.25">
      <c r="F3212">
        <v>114.35</v>
      </c>
      <c r="G3212">
        <v>8.2303999999999995</v>
      </c>
      <c r="AC3212">
        <v>36.100000000000009</v>
      </c>
      <c r="AD3212">
        <v>114.4</v>
      </c>
      <c r="AE3212">
        <v>8.2299629999999997</v>
      </c>
      <c r="AF3212">
        <v>-0.31674707980050276</v>
      </c>
    </row>
    <row r="3213" spans="6:32" x14ac:dyDescent="0.25">
      <c r="F3213">
        <v>114.36666700000001</v>
      </c>
      <c r="G3213">
        <v>8.2302649999999993</v>
      </c>
      <c r="AC3213">
        <v>36.116667000000007</v>
      </c>
      <c r="AD3213">
        <v>114.416667</v>
      </c>
      <c r="AE3213">
        <v>8.2298279999999995</v>
      </c>
      <c r="AF3213">
        <v>-0.31838223164070528</v>
      </c>
    </row>
    <row r="3214" spans="6:32" x14ac:dyDescent="0.25">
      <c r="F3214">
        <v>114.38333299999999</v>
      </c>
      <c r="G3214">
        <v>8.2300970000000007</v>
      </c>
      <c r="AC3214">
        <v>36.133333000000007</v>
      </c>
      <c r="AD3214">
        <v>114.433333</v>
      </c>
      <c r="AE3214">
        <v>8.2296600000000009</v>
      </c>
      <c r="AF3214">
        <v>-0.32041708726404833</v>
      </c>
    </row>
    <row r="3215" spans="6:32" x14ac:dyDescent="0.25">
      <c r="F3215">
        <v>114.4</v>
      </c>
      <c r="G3215">
        <v>8.2299629999999997</v>
      </c>
      <c r="AC3215">
        <v>36.150000000000006</v>
      </c>
      <c r="AD3215">
        <v>114.45</v>
      </c>
      <c r="AE3215">
        <v>8.2295250000000006</v>
      </c>
      <c r="AF3215">
        <v>-0.32205223910425085</v>
      </c>
    </row>
    <row r="3216" spans="6:32" x14ac:dyDescent="0.25">
      <c r="F3216">
        <v>114.416667</v>
      </c>
      <c r="G3216">
        <v>8.2298279999999995</v>
      </c>
      <c r="AC3216">
        <v>36.166667000000004</v>
      </c>
      <c r="AD3216">
        <v>114.466667</v>
      </c>
      <c r="AE3216">
        <v>8.2293900000000004</v>
      </c>
      <c r="AF3216">
        <v>-0.32368739094445337</v>
      </c>
    </row>
    <row r="3217" spans="6:32" x14ac:dyDescent="0.25">
      <c r="F3217">
        <v>114.433333</v>
      </c>
      <c r="G3217">
        <v>8.2296600000000009</v>
      </c>
      <c r="AC3217">
        <v>36.183333000000005</v>
      </c>
      <c r="AD3217">
        <v>114.483333</v>
      </c>
      <c r="AE3217">
        <v>8.2292559999999995</v>
      </c>
      <c r="AF3217">
        <v>-0.32531043054881165</v>
      </c>
    </row>
    <row r="3218" spans="6:32" x14ac:dyDescent="0.25">
      <c r="F3218">
        <v>114.45</v>
      </c>
      <c r="G3218">
        <v>8.2295250000000006</v>
      </c>
      <c r="AC3218">
        <v>36.200000000000003</v>
      </c>
      <c r="AD3218">
        <v>114.5</v>
      </c>
      <c r="AE3218">
        <v>8.2291209999999992</v>
      </c>
      <c r="AF3218">
        <v>-0.32694558238901417</v>
      </c>
    </row>
    <row r="3219" spans="6:32" x14ac:dyDescent="0.25">
      <c r="F3219">
        <v>114.466667</v>
      </c>
      <c r="G3219">
        <v>8.2293900000000004</v>
      </c>
      <c r="AC3219">
        <v>36.216667000000001</v>
      </c>
      <c r="AD3219">
        <v>114.516667</v>
      </c>
      <c r="AE3219">
        <v>8.2289860000000008</v>
      </c>
      <c r="AF3219">
        <v>-0.32858073422919515</v>
      </c>
    </row>
    <row r="3220" spans="6:32" x14ac:dyDescent="0.25">
      <c r="F3220">
        <v>114.483333</v>
      </c>
      <c r="G3220">
        <v>8.2292559999999995</v>
      </c>
      <c r="AC3220">
        <v>36.233333000000002</v>
      </c>
      <c r="AD3220">
        <v>114.533333</v>
      </c>
      <c r="AE3220">
        <v>8.2288519999999998</v>
      </c>
      <c r="AF3220">
        <v>-0.33020377383355343</v>
      </c>
    </row>
    <row r="3221" spans="6:32" x14ac:dyDescent="0.25">
      <c r="F3221">
        <v>114.5</v>
      </c>
      <c r="G3221">
        <v>8.2291209999999992</v>
      </c>
      <c r="AC3221">
        <v>36.25</v>
      </c>
      <c r="AD3221">
        <v>114.55</v>
      </c>
      <c r="AE3221">
        <v>8.2287510000000008</v>
      </c>
      <c r="AF3221">
        <v>-0.3314271096547281</v>
      </c>
    </row>
    <row r="3222" spans="6:32" x14ac:dyDescent="0.25">
      <c r="F3222">
        <v>114.516667</v>
      </c>
      <c r="G3222">
        <v>8.2289860000000008</v>
      </c>
      <c r="AC3222">
        <v>36.266666999999998</v>
      </c>
      <c r="AD3222">
        <v>114.566667</v>
      </c>
      <c r="AE3222">
        <v>8.2286160000000006</v>
      </c>
      <c r="AF3222">
        <v>-0.33306226149493062</v>
      </c>
    </row>
    <row r="3223" spans="6:32" x14ac:dyDescent="0.25">
      <c r="F3223">
        <v>114.533333</v>
      </c>
      <c r="G3223">
        <v>8.2288519999999998</v>
      </c>
      <c r="AC3223">
        <v>36.283332999999999</v>
      </c>
      <c r="AD3223">
        <v>114.583333</v>
      </c>
      <c r="AE3223">
        <v>8.2284819999999996</v>
      </c>
      <c r="AF3223">
        <v>-0.3346853010992889</v>
      </c>
    </row>
    <row r="3224" spans="6:32" x14ac:dyDescent="0.25">
      <c r="F3224">
        <v>114.55</v>
      </c>
      <c r="G3224">
        <v>8.2287510000000008</v>
      </c>
      <c r="AC3224">
        <v>36.299999999999997</v>
      </c>
      <c r="AD3224">
        <v>114.6</v>
      </c>
      <c r="AE3224">
        <v>8.2283810000000006</v>
      </c>
      <c r="AF3224">
        <v>-0.33590863692046358</v>
      </c>
    </row>
    <row r="3225" spans="6:32" x14ac:dyDescent="0.25">
      <c r="F3225">
        <v>114.566667</v>
      </c>
      <c r="G3225">
        <v>8.2286160000000006</v>
      </c>
      <c r="AC3225">
        <v>36.31666700000001</v>
      </c>
      <c r="AD3225">
        <v>114.61666700000001</v>
      </c>
      <c r="AE3225">
        <v>8.2282460000000004</v>
      </c>
      <c r="AF3225">
        <v>-0.3375437887606661</v>
      </c>
    </row>
    <row r="3226" spans="6:32" x14ac:dyDescent="0.25">
      <c r="F3226">
        <v>114.583333</v>
      </c>
      <c r="G3226">
        <v>8.2284819999999996</v>
      </c>
      <c r="AC3226">
        <v>36.333332999999996</v>
      </c>
      <c r="AD3226">
        <v>114.63333299999999</v>
      </c>
      <c r="AE3226">
        <v>8.2281449999999996</v>
      </c>
      <c r="AF3226">
        <v>-0.33876712458186231</v>
      </c>
    </row>
    <row r="3227" spans="6:32" x14ac:dyDescent="0.25">
      <c r="F3227">
        <v>114.6</v>
      </c>
      <c r="G3227">
        <v>8.2283810000000006</v>
      </c>
      <c r="AC3227">
        <v>36.350000000000009</v>
      </c>
      <c r="AD3227">
        <v>114.65</v>
      </c>
      <c r="AE3227">
        <v>8.2280440000000006</v>
      </c>
      <c r="AF3227">
        <v>-0.33999046040303699</v>
      </c>
    </row>
    <row r="3228" spans="6:32" x14ac:dyDescent="0.25">
      <c r="F3228">
        <v>114.61666700000001</v>
      </c>
      <c r="G3228">
        <v>8.2282460000000004</v>
      </c>
      <c r="AC3228">
        <v>36.366667000000007</v>
      </c>
      <c r="AD3228">
        <v>114.666667</v>
      </c>
      <c r="AE3228">
        <v>8.2279429999999998</v>
      </c>
      <c r="AF3228">
        <v>-0.3412137962242332</v>
      </c>
    </row>
    <row r="3229" spans="6:32" x14ac:dyDescent="0.25">
      <c r="F3229">
        <v>114.63333299999999</v>
      </c>
      <c r="G3229">
        <v>8.2281449999999996</v>
      </c>
      <c r="AC3229">
        <v>36.383333000000007</v>
      </c>
      <c r="AD3229">
        <v>114.683333</v>
      </c>
      <c r="AE3229">
        <v>8.2278420000000008</v>
      </c>
      <c r="AF3229">
        <v>-0.34243713204540788</v>
      </c>
    </row>
    <row r="3230" spans="6:32" x14ac:dyDescent="0.25">
      <c r="F3230">
        <v>114.65</v>
      </c>
      <c r="G3230">
        <v>8.2280440000000006</v>
      </c>
      <c r="AC3230">
        <v>36.400000000000006</v>
      </c>
      <c r="AD3230">
        <v>114.7</v>
      </c>
      <c r="AE3230">
        <v>8.227741</v>
      </c>
      <c r="AF3230">
        <v>-0.34366046786660409</v>
      </c>
    </row>
    <row r="3231" spans="6:32" x14ac:dyDescent="0.25">
      <c r="F3231">
        <v>114.666667</v>
      </c>
      <c r="G3231">
        <v>8.2279429999999998</v>
      </c>
      <c r="AC3231">
        <v>36.416667000000004</v>
      </c>
      <c r="AD3231">
        <v>114.716667</v>
      </c>
      <c r="AE3231">
        <v>8.2276399999999992</v>
      </c>
      <c r="AF3231">
        <v>-0.34488380368780036</v>
      </c>
    </row>
    <row r="3232" spans="6:32" x14ac:dyDescent="0.25">
      <c r="F3232">
        <v>114.683333</v>
      </c>
      <c r="G3232">
        <v>8.2278420000000008</v>
      </c>
      <c r="AC3232">
        <v>36.433333000000005</v>
      </c>
      <c r="AD3232">
        <v>114.733333</v>
      </c>
      <c r="AE3232">
        <v>8.2275390000000002</v>
      </c>
      <c r="AF3232">
        <v>-0.34610713950897498</v>
      </c>
    </row>
    <row r="3233" spans="6:32" x14ac:dyDescent="0.25">
      <c r="F3233">
        <v>114.7</v>
      </c>
      <c r="G3233">
        <v>8.227741</v>
      </c>
      <c r="AC3233">
        <v>36.450000000000003</v>
      </c>
      <c r="AD3233">
        <v>114.75</v>
      </c>
      <c r="AE3233">
        <v>8.2274379999999994</v>
      </c>
      <c r="AF3233">
        <v>-0.3473304753301712</v>
      </c>
    </row>
    <row r="3234" spans="6:32" x14ac:dyDescent="0.25">
      <c r="F3234">
        <v>114.716667</v>
      </c>
      <c r="G3234">
        <v>8.2276399999999992</v>
      </c>
      <c r="AC3234">
        <v>36.466667000000001</v>
      </c>
      <c r="AD3234">
        <v>114.766667</v>
      </c>
      <c r="AE3234">
        <v>8.2273370000000003</v>
      </c>
      <c r="AF3234">
        <v>-0.34855381115134587</v>
      </c>
    </row>
    <row r="3235" spans="6:32" x14ac:dyDescent="0.25">
      <c r="F3235">
        <v>114.733333</v>
      </c>
      <c r="G3235">
        <v>8.2275390000000002</v>
      </c>
      <c r="AC3235">
        <v>36.483333000000002</v>
      </c>
      <c r="AD3235">
        <v>114.783333</v>
      </c>
      <c r="AE3235">
        <v>8.2272700000000007</v>
      </c>
      <c r="AF3235">
        <v>-0.34936533095351424</v>
      </c>
    </row>
    <row r="3236" spans="6:32" x14ac:dyDescent="0.25">
      <c r="F3236">
        <v>114.75</v>
      </c>
      <c r="G3236">
        <v>8.2274379999999994</v>
      </c>
      <c r="AC3236">
        <v>36.5</v>
      </c>
      <c r="AD3236">
        <v>114.8</v>
      </c>
      <c r="AE3236">
        <v>8.227169</v>
      </c>
      <c r="AF3236">
        <v>-0.35058866677471046</v>
      </c>
    </row>
    <row r="3237" spans="6:32" x14ac:dyDescent="0.25">
      <c r="F3237">
        <v>114.766667</v>
      </c>
      <c r="G3237">
        <v>8.2273370000000003</v>
      </c>
      <c r="AC3237">
        <v>36.516666999999998</v>
      </c>
      <c r="AD3237">
        <v>114.816667</v>
      </c>
      <c r="AE3237">
        <v>8.2271020000000004</v>
      </c>
      <c r="AF3237">
        <v>-0.35140018657687883</v>
      </c>
    </row>
    <row r="3238" spans="6:32" x14ac:dyDescent="0.25">
      <c r="F3238">
        <v>114.783333</v>
      </c>
      <c r="G3238">
        <v>8.2272700000000007</v>
      </c>
      <c r="AC3238">
        <v>36.533332999999999</v>
      </c>
      <c r="AD3238">
        <v>114.833333</v>
      </c>
      <c r="AE3238">
        <v>8.2270009999999996</v>
      </c>
      <c r="AF3238">
        <v>-0.35262352239807504</v>
      </c>
    </row>
    <row r="3239" spans="6:32" x14ac:dyDescent="0.25">
      <c r="F3239">
        <v>114.8</v>
      </c>
      <c r="G3239">
        <v>8.227169</v>
      </c>
      <c r="AC3239">
        <v>36.549999999999997</v>
      </c>
      <c r="AD3239">
        <v>114.85</v>
      </c>
      <c r="AE3239">
        <v>8.2269330000000007</v>
      </c>
      <c r="AF3239">
        <v>-0.35344715443608771</v>
      </c>
    </row>
    <row r="3240" spans="6:32" x14ac:dyDescent="0.25">
      <c r="F3240">
        <v>114.816667</v>
      </c>
      <c r="G3240">
        <v>8.2271020000000004</v>
      </c>
      <c r="AC3240">
        <v>36.56666700000001</v>
      </c>
      <c r="AD3240">
        <v>114.86666700000001</v>
      </c>
      <c r="AE3240">
        <v>8.2268319999999999</v>
      </c>
      <c r="AF3240">
        <v>-0.35467049025728387</v>
      </c>
    </row>
    <row r="3241" spans="6:32" x14ac:dyDescent="0.25">
      <c r="F3241">
        <v>114.833333</v>
      </c>
      <c r="G3241">
        <v>8.2270009999999996</v>
      </c>
      <c r="AC3241">
        <v>36.583332999999996</v>
      </c>
      <c r="AD3241">
        <v>114.88333299999999</v>
      </c>
      <c r="AE3241">
        <v>8.2267650000000003</v>
      </c>
      <c r="AF3241">
        <v>-0.35548201005945224</v>
      </c>
    </row>
    <row r="3242" spans="6:32" x14ac:dyDescent="0.25">
      <c r="F3242">
        <v>114.85</v>
      </c>
      <c r="G3242">
        <v>8.2269330000000007</v>
      </c>
      <c r="AC3242">
        <v>36.600000000000009</v>
      </c>
      <c r="AD3242">
        <v>114.9</v>
      </c>
      <c r="AE3242">
        <v>8.2266980000000007</v>
      </c>
      <c r="AF3242">
        <v>-0.35629352986162066</v>
      </c>
    </row>
    <row r="3243" spans="6:32" x14ac:dyDescent="0.25">
      <c r="F3243">
        <v>114.86666700000001</v>
      </c>
      <c r="G3243">
        <v>8.2268319999999999</v>
      </c>
      <c r="AC3243">
        <v>36.616667000000007</v>
      </c>
      <c r="AD3243">
        <v>114.916667</v>
      </c>
      <c r="AE3243">
        <v>8.2266300000000001</v>
      </c>
      <c r="AF3243">
        <v>-0.35711716189965476</v>
      </c>
    </row>
    <row r="3244" spans="6:32" x14ac:dyDescent="0.25">
      <c r="F3244">
        <v>114.88333299999999</v>
      </c>
      <c r="G3244">
        <v>8.2267650000000003</v>
      </c>
      <c r="AC3244">
        <v>36.633333000000007</v>
      </c>
      <c r="AD3244">
        <v>114.933333</v>
      </c>
      <c r="AE3244">
        <v>8.2265630000000005</v>
      </c>
      <c r="AF3244">
        <v>-0.35792868170182318</v>
      </c>
    </row>
    <row r="3245" spans="6:32" x14ac:dyDescent="0.25">
      <c r="F3245">
        <v>114.9</v>
      </c>
      <c r="G3245">
        <v>8.2266980000000007</v>
      </c>
      <c r="AC3245">
        <v>36.650000000000006</v>
      </c>
      <c r="AD3245">
        <v>114.95</v>
      </c>
      <c r="AE3245">
        <v>8.2264959999999991</v>
      </c>
      <c r="AF3245">
        <v>-0.35874020150401303</v>
      </c>
    </row>
    <row r="3246" spans="6:32" x14ac:dyDescent="0.25">
      <c r="F3246">
        <v>114.916667</v>
      </c>
      <c r="G3246">
        <v>8.2266300000000001</v>
      </c>
      <c r="AC3246">
        <v>36.666667000000004</v>
      </c>
      <c r="AD3246">
        <v>114.966667</v>
      </c>
      <c r="AE3246">
        <v>8.2264289999999995</v>
      </c>
      <c r="AF3246">
        <v>-0.3595517213061814</v>
      </c>
    </row>
    <row r="3247" spans="6:32" x14ac:dyDescent="0.25">
      <c r="F3247">
        <v>114.933333</v>
      </c>
      <c r="G3247">
        <v>8.2265630000000005</v>
      </c>
      <c r="AC3247">
        <v>36.683333000000005</v>
      </c>
      <c r="AD3247">
        <v>114.983333</v>
      </c>
      <c r="AE3247">
        <v>8.2263610000000007</v>
      </c>
      <c r="AF3247">
        <v>-0.36037535334419407</v>
      </c>
    </row>
    <row r="3248" spans="6:32" x14ac:dyDescent="0.25">
      <c r="F3248">
        <v>114.95</v>
      </c>
      <c r="G3248">
        <v>8.2264959999999991</v>
      </c>
      <c r="AC3248">
        <v>36.700000000000003</v>
      </c>
      <c r="AD3248">
        <v>115</v>
      </c>
      <c r="AE3248">
        <v>8.2262939999999993</v>
      </c>
      <c r="AF3248">
        <v>-0.36118687314638392</v>
      </c>
    </row>
    <row r="3249" spans="6:32" x14ac:dyDescent="0.25">
      <c r="F3249">
        <v>114.966667</v>
      </c>
      <c r="G3249">
        <v>8.2264289999999995</v>
      </c>
      <c r="AC3249">
        <v>36.716667000000001</v>
      </c>
      <c r="AD3249">
        <v>115.016667</v>
      </c>
      <c r="AE3249">
        <v>8.2262269999999997</v>
      </c>
      <c r="AF3249">
        <v>-0.36199839294855229</v>
      </c>
    </row>
    <row r="3250" spans="6:32" x14ac:dyDescent="0.25">
      <c r="F3250">
        <v>114.983333</v>
      </c>
      <c r="G3250">
        <v>8.2263610000000007</v>
      </c>
      <c r="AC3250">
        <v>36.733333000000002</v>
      </c>
      <c r="AD3250">
        <v>115.033333</v>
      </c>
      <c r="AE3250">
        <v>8.2261590000000009</v>
      </c>
      <c r="AF3250">
        <v>-0.36282202498656496</v>
      </c>
    </row>
    <row r="3251" spans="6:32" x14ac:dyDescent="0.25">
      <c r="F3251">
        <v>115</v>
      </c>
      <c r="G3251">
        <v>8.2262939999999993</v>
      </c>
      <c r="AC3251">
        <v>36.75</v>
      </c>
      <c r="AD3251">
        <v>115.05</v>
      </c>
      <c r="AE3251">
        <v>8.2260919999999995</v>
      </c>
      <c r="AF3251">
        <v>-0.36363354478875481</v>
      </c>
    </row>
    <row r="3252" spans="6:32" x14ac:dyDescent="0.25">
      <c r="F3252">
        <v>115.016667</v>
      </c>
      <c r="G3252">
        <v>8.2262269999999997</v>
      </c>
      <c r="AC3252">
        <v>36.766666999999998</v>
      </c>
      <c r="AD3252">
        <v>115.066667</v>
      </c>
      <c r="AE3252">
        <v>8.2260249999999999</v>
      </c>
      <c r="AF3252">
        <v>-0.36444506459092318</v>
      </c>
    </row>
    <row r="3253" spans="6:32" x14ac:dyDescent="0.25">
      <c r="F3253">
        <v>115.033333</v>
      </c>
      <c r="G3253">
        <v>8.2261590000000009</v>
      </c>
      <c r="AC3253">
        <v>36.783332999999999</v>
      </c>
      <c r="AD3253">
        <v>115.083333</v>
      </c>
      <c r="AE3253">
        <v>8.2259569999999993</v>
      </c>
      <c r="AF3253">
        <v>-0.36526869662895733</v>
      </c>
    </row>
    <row r="3254" spans="6:32" x14ac:dyDescent="0.25">
      <c r="F3254">
        <v>115.05</v>
      </c>
      <c r="G3254">
        <v>8.2260919999999995</v>
      </c>
      <c r="AC3254">
        <v>36.799999999999997</v>
      </c>
      <c r="AD3254">
        <v>115.1</v>
      </c>
      <c r="AE3254">
        <v>8.2258899999999997</v>
      </c>
      <c r="AF3254">
        <v>-0.3660802164311257</v>
      </c>
    </row>
    <row r="3255" spans="6:32" x14ac:dyDescent="0.25">
      <c r="F3255">
        <v>115.066667</v>
      </c>
      <c r="G3255">
        <v>8.2260249999999999</v>
      </c>
      <c r="AC3255">
        <v>36.81666700000001</v>
      </c>
      <c r="AD3255">
        <v>115.11666700000001</v>
      </c>
      <c r="AE3255">
        <v>8.2258230000000001</v>
      </c>
      <c r="AF3255">
        <v>-0.36689173623329407</v>
      </c>
    </row>
    <row r="3256" spans="6:32" x14ac:dyDescent="0.25">
      <c r="F3256">
        <v>115.083333</v>
      </c>
      <c r="G3256">
        <v>8.2259569999999993</v>
      </c>
      <c r="AC3256">
        <v>36.833332999999996</v>
      </c>
      <c r="AD3256">
        <v>115.13333299999999</v>
      </c>
      <c r="AE3256">
        <v>8.2257549999999995</v>
      </c>
      <c r="AF3256">
        <v>-0.36771536827132822</v>
      </c>
    </row>
    <row r="3257" spans="6:32" x14ac:dyDescent="0.25">
      <c r="F3257">
        <v>115.1</v>
      </c>
      <c r="G3257">
        <v>8.2258899999999997</v>
      </c>
      <c r="AC3257">
        <v>36.850000000000009</v>
      </c>
      <c r="AD3257">
        <v>115.15</v>
      </c>
      <c r="AE3257">
        <v>8.2257219999999993</v>
      </c>
      <c r="AF3257">
        <v>-0.36811507205449029</v>
      </c>
    </row>
    <row r="3258" spans="6:32" x14ac:dyDescent="0.25">
      <c r="F3258">
        <v>115.11666700000001</v>
      </c>
      <c r="G3258">
        <v>8.2258230000000001</v>
      </c>
      <c r="AC3258">
        <v>36.866667000000007</v>
      </c>
      <c r="AD3258">
        <v>115.166667</v>
      </c>
      <c r="AE3258">
        <v>8.2256540000000005</v>
      </c>
      <c r="AF3258">
        <v>-0.36893870409250296</v>
      </c>
    </row>
    <row r="3259" spans="6:32" x14ac:dyDescent="0.25">
      <c r="F3259">
        <v>115.13333299999999</v>
      </c>
      <c r="G3259">
        <v>8.2257549999999995</v>
      </c>
      <c r="AC3259">
        <v>36.883333000000007</v>
      </c>
      <c r="AD3259">
        <v>115.183333</v>
      </c>
      <c r="AE3259">
        <v>8.2255870000000009</v>
      </c>
      <c r="AF3259">
        <v>-0.36975022389467133</v>
      </c>
    </row>
    <row r="3260" spans="6:32" x14ac:dyDescent="0.25">
      <c r="F3260">
        <v>115.15</v>
      </c>
      <c r="G3260">
        <v>8.2257219999999993</v>
      </c>
      <c r="AC3260">
        <v>36.900000000000006</v>
      </c>
      <c r="AD3260">
        <v>115.2</v>
      </c>
      <c r="AE3260">
        <v>8.2255199999999995</v>
      </c>
      <c r="AF3260">
        <v>-0.37056174369686118</v>
      </c>
    </row>
    <row r="3261" spans="6:32" x14ac:dyDescent="0.25">
      <c r="F3261">
        <v>115.166667</v>
      </c>
      <c r="G3261">
        <v>8.2256540000000005</v>
      </c>
      <c r="AC3261">
        <v>36.916667000000004</v>
      </c>
      <c r="AD3261">
        <v>115.216667</v>
      </c>
      <c r="AE3261">
        <v>8.2254860000000001</v>
      </c>
      <c r="AF3261">
        <v>-0.37097355971586754</v>
      </c>
    </row>
    <row r="3262" spans="6:32" x14ac:dyDescent="0.25">
      <c r="F3262">
        <v>115.183333</v>
      </c>
      <c r="G3262">
        <v>8.2255870000000009</v>
      </c>
      <c r="AC3262">
        <v>36.933333000000005</v>
      </c>
      <c r="AD3262">
        <v>115.233333</v>
      </c>
      <c r="AE3262">
        <v>8.2254190000000005</v>
      </c>
      <c r="AF3262">
        <v>-0.37178507951803591</v>
      </c>
    </row>
    <row r="3263" spans="6:32" x14ac:dyDescent="0.25">
      <c r="F3263">
        <v>115.2</v>
      </c>
      <c r="G3263">
        <v>8.2255199999999995</v>
      </c>
      <c r="AC3263">
        <v>36.950000000000003</v>
      </c>
      <c r="AD3263">
        <v>115.25</v>
      </c>
      <c r="AE3263">
        <v>8.2253520000000009</v>
      </c>
      <c r="AF3263">
        <v>-0.37259659932020428</v>
      </c>
    </row>
    <row r="3264" spans="6:32" x14ac:dyDescent="0.25">
      <c r="F3264">
        <v>115.216667</v>
      </c>
      <c r="G3264">
        <v>8.2254860000000001</v>
      </c>
      <c r="AC3264">
        <v>36.966667000000001</v>
      </c>
      <c r="AD3264">
        <v>115.266667</v>
      </c>
      <c r="AE3264">
        <v>8.2253179999999997</v>
      </c>
      <c r="AF3264">
        <v>-0.37300841533923207</v>
      </c>
    </row>
    <row r="3265" spans="6:32" x14ac:dyDescent="0.25">
      <c r="F3265">
        <v>115.233333</v>
      </c>
      <c r="G3265">
        <v>8.2254190000000005</v>
      </c>
      <c r="AC3265">
        <v>36.983333000000002</v>
      </c>
      <c r="AD3265">
        <v>115.283333</v>
      </c>
      <c r="AE3265">
        <v>8.2252510000000001</v>
      </c>
      <c r="AF3265">
        <v>-0.37381993514140049</v>
      </c>
    </row>
    <row r="3266" spans="6:32" x14ac:dyDescent="0.25">
      <c r="F3266">
        <v>115.25</v>
      </c>
      <c r="G3266">
        <v>8.2253520000000009</v>
      </c>
      <c r="AC3266">
        <v>37</v>
      </c>
      <c r="AD3266">
        <v>115.3</v>
      </c>
      <c r="AE3266">
        <v>8.2251829999999995</v>
      </c>
      <c r="AF3266">
        <v>-0.37464356717943459</v>
      </c>
    </row>
    <row r="3267" spans="6:32" x14ac:dyDescent="0.25">
      <c r="F3267">
        <v>115.266667</v>
      </c>
      <c r="G3267">
        <v>8.2253179999999997</v>
      </c>
      <c r="AC3267">
        <v>37.016666999999998</v>
      </c>
      <c r="AD3267">
        <v>115.316667</v>
      </c>
      <c r="AE3267">
        <v>8.2251499999999993</v>
      </c>
      <c r="AF3267">
        <v>-0.37504327096259665</v>
      </c>
    </row>
    <row r="3268" spans="6:32" x14ac:dyDescent="0.25">
      <c r="F3268">
        <v>115.283333</v>
      </c>
      <c r="G3268">
        <v>8.2252510000000001</v>
      </c>
      <c r="AC3268">
        <v>37.033332999999999</v>
      </c>
      <c r="AD3268">
        <v>115.333333</v>
      </c>
      <c r="AE3268">
        <v>8.2250820000000004</v>
      </c>
      <c r="AF3268">
        <v>-0.37586690300060932</v>
      </c>
    </row>
    <row r="3269" spans="6:32" x14ac:dyDescent="0.25">
      <c r="F3269">
        <v>115.3</v>
      </c>
      <c r="G3269">
        <v>8.2251829999999995</v>
      </c>
      <c r="AC3269">
        <v>37.049999999999997</v>
      </c>
      <c r="AD3269">
        <v>115.35</v>
      </c>
      <c r="AE3269">
        <v>8.2250150000000009</v>
      </c>
      <c r="AF3269">
        <v>-0.37667842280277769</v>
      </c>
    </row>
    <row r="3270" spans="6:32" x14ac:dyDescent="0.25">
      <c r="F3270">
        <v>115.316667</v>
      </c>
      <c r="G3270">
        <v>8.2251499999999993</v>
      </c>
      <c r="AC3270">
        <v>37.06666700000001</v>
      </c>
      <c r="AD3270">
        <v>115.36666700000001</v>
      </c>
      <c r="AE3270">
        <v>8.2249479999999995</v>
      </c>
      <c r="AF3270">
        <v>-0.37748994260496754</v>
      </c>
    </row>
    <row r="3271" spans="6:32" x14ac:dyDescent="0.25">
      <c r="F3271">
        <v>115.333333</v>
      </c>
      <c r="G3271">
        <v>8.2250820000000004</v>
      </c>
      <c r="AC3271">
        <v>37.083332999999996</v>
      </c>
      <c r="AD3271">
        <v>115.38333299999999</v>
      </c>
      <c r="AE3271">
        <v>8.2249140000000001</v>
      </c>
      <c r="AF3271">
        <v>-0.3779017586239739</v>
      </c>
    </row>
    <row r="3272" spans="6:32" x14ac:dyDescent="0.25">
      <c r="F3272">
        <v>115.35</v>
      </c>
      <c r="G3272">
        <v>8.2250150000000009</v>
      </c>
      <c r="AC3272">
        <v>37.100000000000009</v>
      </c>
      <c r="AD3272">
        <v>115.4</v>
      </c>
      <c r="AE3272">
        <v>8.2248470000000005</v>
      </c>
      <c r="AF3272">
        <v>-0.37871327842614227</v>
      </c>
    </row>
    <row r="3273" spans="6:32" x14ac:dyDescent="0.25">
      <c r="F3273">
        <v>115.36666700000001</v>
      </c>
      <c r="G3273">
        <v>8.2249479999999995</v>
      </c>
      <c r="AC3273">
        <v>37.116667000000007</v>
      </c>
      <c r="AD3273">
        <v>115.416667</v>
      </c>
      <c r="AE3273">
        <v>8.2248129999999993</v>
      </c>
      <c r="AF3273">
        <v>-0.37912509444517006</v>
      </c>
    </row>
    <row r="3274" spans="6:32" x14ac:dyDescent="0.25">
      <c r="F3274">
        <v>115.38333299999999</v>
      </c>
      <c r="G3274">
        <v>8.2249140000000001</v>
      </c>
      <c r="AC3274">
        <v>37.133333000000007</v>
      </c>
      <c r="AD3274">
        <v>115.433333</v>
      </c>
      <c r="AE3274">
        <v>8.2247459999999997</v>
      </c>
      <c r="AF3274">
        <v>-0.37993661424733849</v>
      </c>
    </row>
    <row r="3275" spans="6:32" x14ac:dyDescent="0.25">
      <c r="F3275">
        <v>115.4</v>
      </c>
      <c r="G3275">
        <v>8.2248470000000005</v>
      </c>
      <c r="AC3275">
        <v>37.150000000000006</v>
      </c>
      <c r="AD3275">
        <v>115.45</v>
      </c>
      <c r="AE3275">
        <v>8.2247120000000002</v>
      </c>
      <c r="AF3275">
        <v>-0.38034843026634479</v>
      </c>
    </row>
    <row r="3276" spans="6:32" x14ac:dyDescent="0.25">
      <c r="F3276">
        <v>115.416667</v>
      </c>
      <c r="G3276">
        <v>8.2248129999999993</v>
      </c>
      <c r="AC3276">
        <v>37.166667000000004</v>
      </c>
      <c r="AD3276">
        <v>115.466667</v>
      </c>
      <c r="AE3276">
        <v>8.2246780000000008</v>
      </c>
      <c r="AF3276">
        <v>-0.3807602462853511</v>
      </c>
    </row>
    <row r="3277" spans="6:32" x14ac:dyDescent="0.25">
      <c r="F3277">
        <v>115.433333</v>
      </c>
      <c r="G3277">
        <v>8.2247459999999997</v>
      </c>
      <c r="AC3277">
        <v>37.183333000000005</v>
      </c>
      <c r="AD3277">
        <v>115.483333</v>
      </c>
      <c r="AE3277">
        <v>8.2246109999999994</v>
      </c>
      <c r="AF3277">
        <v>-0.38157176608754101</v>
      </c>
    </row>
    <row r="3278" spans="6:32" x14ac:dyDescent="0.25">
      <c r="F3278">
        <v>115.45</v>
      </c>
      <c r="G3278">
        <v>8.2247120000000002</v>
      </c>
      <c r="AC3278">
        <v>37.200000000000003</v>
      </c>
      <c r="AD3278">
        <v>115.5</v>
      </c>
      <c r="AE3278">
        <v>8.224577</v>
      </c>
      <c r="AF3278">
        <v>-0.38198358210654731</v>
      </c>
    </row>
    <row r="3279" spans="6:32" x14ac:dyDescent="0.25">
      <c r="F3279">
        <v>115.466667</v>
      </c>
      <c r="G3279">
        <v>8.2246780000000008</v>
      </c>
      <c r="AC3279">
        <v>37.216667000000001</v>
      </c>
      <c r="AD3279">
        <v>115.516667</v>
      </c>
      <c r="AE3279">
        <v>8.2245439999999999</v>
      </c>
      <c r="AF3279">
        <v>-0.38238328588970938</v>
      </c>
    </row>
    <row r="3280" spans="6:32" x14ac:dyDescent="0.25">
      <c r="F3280">
        <v>115.483333</v>
      </c>
      <c r="G3280">
        <v>8.2246109999999994</v>
      </c>
      <c r="AC3280">
        <v>37.233333000000002</v>
      </c>
      <c r="AD3280">
        <v>115.533333</v>
      </c>
      <c r="AE3280">
        <v>8.2244759999999992</v>
      </c>
      <c r="AF3280">
        <v>-0.38320691792774353</v>
      </c>
    </row>
    <row r="3281" spans="6:32" x14ac:dyDescent="0.25">
      <c r="F3281">
        <v>115.5</v>
      </c>
      <c r="G3281">
        <v>8.224577</v>
      </c>
      <c r="AC3281">
        <v>37.25</v>
      </c>
      <c r="AD3281">
        <v>115.55</v>
      </c>
      <c r="AE3281">
        <v>8.2244430000000008</v>
      </c>
      <c r="AF3281">
        <v>-0.38360662171088405</v>
      </c>
    </row>
    <row r="3282" spans="6:32" x14ac:dyDescent="0.25">
      <c r="F3282">
        <v>115.516667</v>
      </c>
      <c r="G3282">
        <v>8.2245439999999999</v>
      </c>
      <c r="AC3282">
        <v>37.266666999999998</v>
      </c>
      <c r="AD3282">
        <v>115.566667</v>
      </c>
      <c r="AE3282">
        <v>8.2244089999999996</v>
      </c>
      <c r="AF3282">
        <v>-0.3840184377299119</v>
      </c>
    </row>
    <row r="3283" spans="6:32" x14ac:dyDescent="0.25">
      <c r="F3283">
        <v>115.533333</v>
      </c>
      <c r="G3283">
        <v>8.2244759999999992</v>
      </c>
      <c r="AC3283">
        <v>37.283332999999999</v>
      </c>
      <c r="AD3283">
        <v>115.583333</v>
      </c>
      <c r="AE3283">
        <v>8.2243759999999995</v>
      </c>
      <c r="AF3283">
        <v>-0.38441814151307396</v>
      </c>
    </row>
    <row r="3284" spans="6:32" x14ac:dyDescent="0.25">
      <c r="F3284">
        <v>115.55</v>
      </c>
      <c r="G3284">
        <v>8.2244430000000008</v>
      </c>
      <c r="AC3284">
        <v>37.299999999999997</v>
      </c>
      <c r="AD3284">
        <v>115.6</v>
      </c>
      <c r="AE3284">
        <v>8.224342</v>
      </c>
      <c r="AF3284">
        <v>-0.38482995753208027</v>
      </c>
    </row>
    <row r="3285" spans="6:32" x14ac:dyDescent="0.25">
      <c r="F3285">
        <v>115.566667</v>
      </c>
      <c r="G3285">
        <v>8.2244089999999996</v>
      </c>
      <c r="AC3285">
        <v>37.31666700000001</v>
      </c>
      <c r="AD3285">
        <v>115.61666700000001</v>
      </c>
      <c r="AE3285">
        <v>8.2243080000000006</v>
      </c>
      <c r="AF3285">
        <v>-0.38524177355108657</v>
      </c>
    </row>
    <row r="3286" spans="6:32" x14ac:dyDescent="0.25">
      <c r="F3286">
        <v>115.583333</v>
      </c>
      <c r="G3286">
        <v>8.2243759999999995</v>
      </c>
      <c r="AC3286">
        <v>37.333332999999996</v>
      </c>
      <c r="AD3286">
        <v>115.63333299999999</v>
      </c>
      <c r="AE3286">
        <v>8.2242409999999992</v>
      </c>
      <c r="AF3286">
        <v>-0.38605329335327648</v>
      </c>
    </row>
    <row r="3287" spans="6:32" x14ac:dyDescent="0.25">
      <c r="F3287">
        <v>115.6</v>
      </c>
      <c r="G3287">
        <v>8.224342</v>
      </c>
      <c r="AC3287">
        <v>37.350000000000009</v>
      </c>
      <c r="AD3287">
        <v>115.65</v>
      </c>
      <c r="AE3287">
        <v>8.2242069999999998</v>
      </c>
      <c r="AF3287">
        <v>-0.38646510937228279</v>
      </c>
    </row>
    <row r="3288" spans="6:32" x14ac:dyDescent="0.25">
      <c r="F3288">
        <v>115.61666700000001</v>
      </c>
      <c r="G3288">
        <v>8.2243080000000006</v>
      </c>
      <c r="AC3288">
        <v>37.366667000000007</v>
      </c>
      <c r="AD3288">
        <v>115.666667</v>
      </c>
      <c r="AE3288">
        <v>8.2241739999999997</v>
      </c>
      <c r="AF3288">
        <v>-0.38686481315544485</v>
      </c>
    </row>
    <row r="3289" spans="6:32" x14ac:dyDescent="0.25">
      <c r="F3289">
        <v>115.63333299999999</v>
      </c>
      <c r="G3289">
        <v>8.2242409999999992</v>
      </c>
      <c r="AC3289">
        <v>37.383333000000007</v>
      </c>
      <c r="AD3289">
        <v>115.683333</v>
      </c>
      <c r="AE3289">
        <v>8.2241400000000002</v>
      </c>
      <c r="AF3289">
        <v>-0.38727662917445116</v>
      </c>
    </row>
    <row r="3290" spans="6:32" x14ac:dyDescent="0.25">
      <c r="F3290">
        <v>115.65</v>
      </c>
      <c r="G3290">
        <v>8.2242069999999998</v>
      </c>
      <c r="AC3290">
        <v>37.400000000000006</v>
      </c>
      <c r="AD3290">
        <v>115.7</v>
      </c>
      <c r="AE3290">
        <v>8.2241060000000008</v>
      </c>
      <c r="AF3290">
        <v>-0.38768844519345746</v>
      </c>
    </row>
    <row r="3291" spans="6:32" x14ac:dyDescent="0.25">
      <c r="F3291">
        <v>115.666667</v>
      </c>
      <c r="G3291">
        <v>8.2241739999999997</v>
      </c>
      <c r="AC3291">
        <v>37.416667000000004</v>
      </c>
      <c r="AD3291">
        <v>115.716667</v>
      </c>
      <c r="AE3291">
        <v>8.2240730000000006</v>
      </c>
      <c r="AF3291">
        <v>-0.38808814897661953</v>
      </c>
    </row>
    <row r="3292" spans="6:32" x14ac:dyDescent="0.25">
      <c r="F3292">
        <v>115.683333</v>
      </c>
      <c r="G3292">
        <v>8.2241400000000002</v>
      </c>
      <c r="AC3292">
        <v>37.433333000000005</v>
      </c>
      <c r="AD3292">
        <v>115.733333</v>
      </c>
      <c r="AE3292">
        <v>8.2240389999999994</v>
      </c>
      <c r="AF3292">
        <v>-0.38849996499564737</v>
      </c>
    </row>
    <row r="3293" spans="6:32" x14ac:dyDescent="0.25">
      <c r="F3293">
        <v>115.7</v>
      </c>
      <c r="G3293">
        <v>8.2241060000000008</v>
      </c>
      <c r="AC3293">
        <v>37.450000000000003</v>
      </c>
      <c r="AD3293">
        <v>115.75</v>
      </c>
      <c r="AE3293">
        <v>8.224005</v>
      </c>
      <c r="AF3293">
        <v>-0.38891178101465368</v>
      </c>
    </row>
    <row r="3294" spans="6:32" x14ac:dyDescent="0.25">
      <c r="F3294">
        <v>115.716667</v>
      </c>
      <c r="G3294">
        <v>8.2240730000000006</v>
      </c>
      <c r="AC3294">
        <v>37.466667000000001</v>
      </c>
      <c r="AD3294">
        <v>115.766667</v>
      </c>
      <c r="AE3294">
        <v>8.2239719999999998</v>
      </c>
      <c r="AF3294">
        <v>-0.38931148479781574</v>
      </c>
    </row>
    <row r="3295" spans="6:32" x14ac:dyDescent="0.25">
      <c r="F3295">
        <v>115.733333</v>
      </c>
      <c r="G3295">
        <v>8.2240389999999994</v>
      </c>
      <c r="AC3295">
        <v>37.483333000000002</v>
      </c>
      <c r="AD3295">
        <v>115.783333</v>
      </c>
      <c r="AE3295">
        <v>8.2239380000000004</v>
      </c>
      <c r="AF3295">
        <v>-0.38972330081682205</v>
      </c>
    </row>
    <row r="3296" spans="6:32" x14ac:dyDescent="0.25">
      <c r="F3296">
        <v>115.75</v>
      </c>
      <c r="G3296">
        <v>8.224005</v>
      </c>
      <c r="AC3296">
        <v>37.5</v>
      </c>
      <c r="AD3296">
        <v>115.8</v>
      </c>
      <c r="AE3296">
        <v>8.2239039999999992</v>
      </c>
      <c r="AF3296">
        <v>-0.39013511683584989</v>
      </c>
    </row>
    <row r="3297" spans="6:32" x14ac:dyDescent="0.25">
      <c r="F3297">
        <v>115.766667</v>
      </c>
      <c r="G3297">
        <v>8.2239719999999998</v>
      </c>
      <c r="AC3297">
        <v>37.516666999999998</v>
      </c>
      <c r="AD3297">
        <v>115.816667</v>
      </c>
      <c r="AE3297">
        <v>8.2238710000000008</v>
      </c>
      <c r="AF3297">
        <v>-0.39053482061899042</v>
      </c>
    </row>
    <row r="3298" spans="6:32" x14ac:dyDescent="0.25">
      <c r="F3298">
        <v>115.783333</v>
      </c>
      <c r="G3298">
        <v>8.2239380000000004</v>
      </c>
      <c r="AC3298">
        <v>37.533332999999999</v>
      </c>
      <c r="AD3298">
        <v>115.833333</v>
      </c>
      <c r="AE3298">
        <v>8.2238369999999996</v>
      </c>
      <c r="AF3298">
        <v>-0.39094663663801826</v>
      </c>
    </row>
    <row r="3299" spans="6:32" x14ac:dyDescent="0.25">
      <c r="F3299">
        <v>115.8</v>
      </c>
      <c r="G3299">
        <v>8.2239039999999992</v>
      </c>
      <c r="AC3299">
        <v>37.549999999999997</v>
      </c>
      <c r="AD3299">
        <v>115.85</v>
      </c>
      <c r="AE3299">
        <v>8.2238369999999996</v>
      </c>
      <c r="AF3299">
        <v>-0.39094663663801826</v>
      </c>
    </row>
    <row r="3300" spans="6:32" x14ac:dyDescent="0.25">
      <c r="F3300">
        <v>115.816667</v>
      </c>
      <c r="G3300">
        <v>8.2238710000000008</v>
      </c>
      <c r="AC3300">
        <v>37.56666700000001</v>
      </c>
      <c r="AD3300">
        <v>115.86666700000001</v>
      </c>
      <c r="AE3300">
        <v>8.2238030000000002</v>
      </c>
      <c r="AF3300">
        <v>-0.39135845265702462</v>
      </c>
    </row>
    <row r="3301" spans="6:32" x14ac:dyDescent="0.25">
      <c r="F3301">
        <v>115.833333</v>
      </c>
      <c r="G3301">
        <v>8.2238369999999996</v>
      </c>
      <c r="AC3301">
        <v>37.583332999999996</v>
      </c>
      <c r="AD3301">
        <v>115.88333299999999</v>
      </c>
      <c r="AE3301">
        <v>8.22377</v>
      </c>
      <c r="AF3301">
        <v>-0.39175815644018663</v>
      </c>
    </row>
    <row r="3302" spans="6:32" x14ac:dyDescent="0.25">
      <c r="F3302">
        <v>115.85</v>
      </c>
      <c r="G3302">
        <v>8.2238369999999996</v>
      </c>
      <c r="AC3302">
        <v>37.600000000000009</v>
      </c>
      <c r="AD3302">
        <v>115.9</v>
      </c>
      <c r="AE3302">
        <v>8.2237360000000006</v>
      </c>
      <c r="AF3302">
        <v>-0.39216997245919299</v>
      </c>
    </row>
    <row r="3303" spans="6:32" x14ac:dyDescent="0.25">
      <c r="F3303">
        <v>115.86666700000001</v>
      </c>
      <c r="G3303">
        <v>8.2238030000000002</v>
      </c>
      <c r="AC3303">
        <v>37.616667000000007</v>
      </c>
      <c r="AD3303">
        <v>115.916667</v>
      </c>
      <c r="AE3303">
        <v>8.2237019999999994</v>
      </c>
      <c r="AF3303">
        <v>-0.39258178847822073</v>
      </c>
    </row>
    <row r="3304" spans="6:32" x14ac:dyDescent="0.25">
      <c r="F3304">
        <v>115.88333299999999</v>
      </c>
      <c r="G3304">
        <v>8.22377</v>
      </c>
      <c r="AC3304">
        <v>37.633333000000007</v>
      </c>
      <c r="AD3304">
        <v>115.933333</v>
      </c>
      <c r="AE3304">
        <v>8.2236689999999992</v>
      </c>
      <c r="AF3304">
        <v>-0.39298149226138285</v>
      </c>
    </row>
    <row r="3305" spans="6:32" x14ac:dyDescent="0.25">
      <c r="F3305">
        <v>115.9</v>
      </c>
      <c r="G3305">
        <v>8.2237360000000006</v>
      </c>
      <c r="AC3305">
        <v>37.650000000000006</v>
      </c>
      <c r="AD3305">
        <v>115.95</v>
      </c>
      <c r="AE3305">
        <v>8.2236349999999998</v>
      </c>
      <c r="AF3305">
        <v>-0.39339330828038921</v>
      </c>
    </row>
    <row r="3306" spans="6:32" x14ac:dyDescent="0.25">
      <c r="F3306">
        <v>115.916667</v>
      </c>
      <c r="G3306">
        <v>8.2237019999999994</v>
      </c>
      <c r="AC3306">
        <v>37.666667000000004</v>
      </c>
      <c r="AD3306">
        <v>115.966667</v>
      </c>
      <c r="AE3306">
        <v>8.2236010000000004</v>
      </c>
      <c r="AF3306">
        <v>-0.39380512429939546</v>
      </c>
    </row>
    <row r="3307" spans="6:32" x14ac:dyDescent="0.25">
      <c r="F3307">
        <v>115.933333</v>
      </c>
      <c r="G3307">
        <v>8.2236689999999992</v>
      </c>
      <c r="AC3307">
        <v>37.683333000000005</v>
      </c>
      <c r="AD3307">
        <v>115.983333</v>
      </c>
      <c r="AE3307">
        <v>8.2236010000000004</v>
      </c>
      <c r="AF3307">
        <v>-0.39380512429939546</v>
      </c>
    </row>
    <row r="3308" spans="6:32" x14ac:dyDescent="0.25">
      <c r="F3308">
        <v>115.95</v>
      </c>
      <c r="G3308">
        <v>8.2236349999999998</v>
      </c>
      <c r="AC3308">
        <v>37.700000000000003</v>
      </c>
      <c r="AD3308">
        <v>116</v>
      </c>
      <c r="AE3308">
        <v>8.2235680000000002</v>
      </c>
      <c r="AF3308">
        <v>-0.39420482808255758</v>
      </c>
    </row>
    <row r="3309" spans="6:32" x14ac:dyDescent="0.25">
      <c r="F3309">
        <v>115.966667</v>
      </c>
      <c r="G3309">
        <v>8.2236010000000004</v>
      </c>
      <c r="AC3309">
        <v>37.716667000000001</v>
      </c>
      <c r="AD3309">
        <v>116.016667</v>
      </c>
      <c r="AE3309">
        <v>8.2235340000000008</v>
      </c>
      <c r="AF3309">
        <v>-0.39461664410156383</v>
      </c>
    </row>
    <row r="3310" spans="6:32" x14ac:dyDescent="0.25">
      <c r="F3310">
        <v>115.983333</v>
      </c>
      <c r="G3310">
        <v>8.2236010000000004</v>
      </c>
      <c r="AC3310">
        <v>37.733333000000002</v>
      </c>
      <c r="AD3310">
        <v>116.033333</v>
      </c>
      <c r="AE3310">
        <v>8.2234999999999996</v>
      </c>
      <c r="AF3310">
        <v>-0.39502846012059167</v>
      </c>
    </row>
    <row r="3311" spans="6:32" x14ac:dyDescent="0.25">
      <c r="F3311">
        <v>116</v>
      </c>
      <c r="G3311">
        <v>8.2235680000000002</v>
      </c>
      <c r="AC3311">
        <v>37.75</v>
      </c>
      <c r="AD3311">
        <v>116.05</v>
      </c>
      <c r="AE3311">
        <v>8.2234669999999994</v>
      </c>
      <c r="AF3311">
        <v>-0.39542816390375368</v>
      </c>
    </row>
    <row r="3312" spans="6:32" x14ac:dyDescent="0.25">
      <c r="F3312">
        <v>116.016667</v>
      </c>
      <c r="G3312">
        <v>8.2235340000000008</v>
      </c>
      <c r="AC3312">
        <v>37.766666999999998</v>
      </c>
      <c r="AD3312">
        <v>116.066667</v>
      </c>
      <c r="AE3312">
        <v>8.223433</v>
      </c>
      <c r="AF3312">
        <v>-0.39583997992276004</v>
      </c>
    </row>
    <row r="3313" spans="6:32" x14ac:dyDescent="0.25">
      <c r="F3313">
        <v>116.033333</v>
      </c>
      <c r="G3313">
        <v>8.2234999999999996</v>
      </c>
      <c r="AC3313">
        <v>37.783332999999999</v>
      </c>
      <c r="AD3313">
        <v>116.083333</v>
      </c>
      <c r="AE3313">
        <v>8.2233990000000006</v>
      </c>
      <c r="AF3313">
        <v>-0.3962517959417664</v>
      </c>
    </row>
    <row r="3314" spans="6:32" x14ac:dyDescent="0.25">
      <c r="F3314">
        <v>116.05</v>
      </c>
      <c r="G3314">
        <v>8.2234669999999994</v>
      </c>
      <c r="AC3314">
        <v>37.799999999999997</v>
      </c>
      <c r="AD3314">
        <v>116.1</v>
      </c>
      <c r="AE3314">
        <v>8.2233990000000006</v>
      </c>
      <c r="AF3314">
        <v>-0.3962517959417664</v>
      </c>
    </row>
    <row r="3315" spans="6:32" x14ac:dyDescent="0.25">
      <c r="F3315">
        <v>116.066667</v>
      </c>
      <c r="G3315">
        <v>8.223433</v>
      </c>
      <c r="AC3315">
        <v>37.81666700000001</v>
      </c>
      <c r="AD3315">
        <v>116.11666700000001</v>
      </c>
      <c r="AE3315">
        <v>8.2233660000000004</v>
      </c>
      <c r="AF3315">
        <v>-0.39665149972492841</v>
      </c>
    </row>
    <row r="3316" spans="6:32" x14ac:dyDescent="0.25">
      <c r="F3316">
        <v>116.083333</v>
      </c>
      <c r="G3316">
        <v>8.2233990000000006</v>
      </c>
      <c r="AC3316">
        <v>37.833332999999996</v>
      </c>
      <c r="AD3316">
        <v>116.13333299999999</v>
      </c>
      <c r="AE3316">
        <v>8.2233319999999992</v>
      </c>
      <c r="AF3316">
        <v>-0.39706331574395626</v>
      </c>
    </row>
    <row r="3317" spans="6:32" x14ac:dyDescent="0.25">
      <c r="F3317">
        <v>116.1</v>
      </c>
      <c r="G3317">
        <v>8.2233990000000006</v>
      </c>
      <c r="AC3317">
        <v>37.850000000000009</v>
      </c>
      <c r="AD3317">
        <v>116.15</v>
      </c>
      <c r="AE3317">
        <v>8.2233319999999992</v>
      </c>
      <c r="AF3317">
        <v>-0.39706331574395626</v>
      </c>
    </row>
    <row r="3318" spans="6:32" x14ac:dyDescent="0.25">
      <c r="F3318">
        <v>116.11666700000001</v>
      </c>
      <c r="G3318">
        <v>8.2233660000000004</v>
      </c>
      <c r="AC3318">
        <v>37.866667000000007</v>
      </c>
      <c r="AD3318">
        <v>116.166667</v>
      </c>
      <c r="AE3318">
        <v>8.2233319999999992</v>
      </c>
      <c r="AF3318">
        <v>-0.39706331574395626</v>
      </c>
    </row>
    <row r="3319" spans="6:32" x14ac:dyDescent="0.25">
      <c r="F3319">
        <v>116.13333299999999</v>
      </c>
      <c r="G3319">
        <v>8.2233319999999992</v>
      </c>
      <c r="AC3319">
        <v>37.883333000000007</v>
      </c>
      <c r="AD3319">
        <v>116.183333</v>
      </c>
      <c r="AE3319">
        <v>8.2232979999999998</v>
      </c>
      <c r="AF3319">
        <v>-0.39747513176296262</v>
      </c>
    </row>
    <row r="3320" spans="6:32" x14ac:dyDescent="0.25">
      <c r="F3320">
        <v>116.15</v>
      </c>
      <c r="G3320">
        <v>8.2233319999999992</v>
      </c>
      <c r="AC3320">
        <v>37.900000000000006</v>
      </c>
      <c r="AD3320">
        <v>116.2</v>
      </c>
      <c r="AE3320">
        <v>8.2232649999999996</v>
      </c>
      <c r="AF3320">
        <v>-0.39787483554612463</v>
      </c>
    </row>
    <row r="3321" spans="6:32" x14ac:dyDescent="0.25">
      <c r="F3321">
        <v>116.166667</v>
      </c>
      <c r="G3321">
        <v>8.2233319999999992</v>
      </c>
      <c r="AC3321">
        <v>37.916667000000004</v>
      </c>
      <c r="AD3321">
        <v>116.216667</v>
      </c>
      <c r="AE3321">
        <v>8.2232649999999996</v>
      </c>
      <c r="AF3321">
        <v>-0.39787483554612463</v>
      </c>
    </row>
    <row r="3322" spans="6:32" x14ac:dyDescent="0.25">
      <c r="F3322">
        <v>116.183333</v>
      </c>
      <c r="G3322">
        <v>8.2232979999999998</v>
      </c>
      <c r="AC3322">
        <v>37.933333000000005</v>
      </c>
      <c r="AD3322">
        <v>116.233333</v>
      </c>
      <c r="AE3322">
        <v>8.2232310000000002</v>
      </c>
      <c r="AF3322">
        <v>-0.39828665156513099</v>
      </c>
    </row>
    <row r="3323" spans="6:32" x14ac:dyDescent="0.25">
      <c r="F3323">
        <v>116.2</v>
      </c>
      <c r="G3323">
        <v>8.2232649999999996</v>
      </c>
      <c r="AC3323">
        <v>37.950000000000003</v>
      </c>
      <c r="AD3323">
        <v>116.25</v>
      </c>
      <c r="AE3323">
        <v>8.2232310000000002</v>
      </c>
      <c r="AF3323">
        <v>-0.39828665156513099</v>
      </c>
    </row>
    <row r="3324" spans="6:32" x14ac:dyDescent="0.25">
      <c r="F3324">
        <v>116.216667</v>
      </c>
      <c r="G3324">
        <v>8.2232649999999996</v>
      </c>
      <c r="AC3324">
        <v>37.966667000000001</v>
      </c>
      <c r="AD3324">
        <v>116.266667</v>
      </c>
      <c r="AE3324">
        <v>8.223198</v>
      </c>
      <c r="AF3324">
        <v>-0.398686355348293</v>
      </c>
    </row>
    <row r="3325" spans="6:32" x14ac:dyDescent="0.25">
      <c r="F3325">
        <v>116.233333</v>
      </c>
      <c r="G3325">
        <v>8.2232310000000002</v>
      </c>
      <c r="AC3325">
        <v>37.983333000000002</v>
      </c>
      <c r="AD3325">
        <v>116.283333</v>
      </c>
      <c r="AE3325">
        <v>8.2231640000000006</v>
      </c>
      <c r="AF3325">
        <v>-0.3990981713672993</v>
      </c>
    </row>
    <row r="3326" spans="6:32" x14ac:dyDescent="0.25">
      <c r="F3326">
        <v>116.25</v>
      </c>
      <c r="G3326">
        <v>8.2232310000000002</v>
      </c>
      <c r="AC3326">
        <v>38</v>
      </c>
      <c r="AD3326">
        <v>116.3</v>
      </c>
      <c r="AE3326">
        <v>8.2231640000000006</v>
      </c>
      <c r="AF3326">
        <v>-0.3990981713672993</v>
      </c>
    </row>
    <row r="3327" spans="6:32" x14ac:dyDescent="0.25">
      <c r="F3327">
        <v>116.266667</v>
      </c>
      <c r="G3327">
        <v>8.223198</v>
      </c>
      <c r="AC3327">
        <v>38.016666999999998</v>
      </c>
      <c r="AD3327">
        <v>116.316667</v>
      </c>
      <c r="AE3327">
        <v>8.2231299999999994</v>
      </c>
      <c r="AF3327">
        <v>-0.3995099873863272</v>
      </c>
    </row>
    <row r="3328" spans="6:32" x14ac:dyDescent="0.25">
      <c r="F3328">
        <v>116.283333</v>
      </c>
      <c r="G3328">
        <v>8.2231640000000006</v>
      </c>
      <c r="AC3328">
        <v>38.033332999999999</v>
      </c>
      <c r="AD3328">
        <v>116.333333</v>
      </c>
      <c r="AE3328">
        <v>8.2230969999999992</v>
      </c>
      <c r="AF3328">
        <v>-0.39990969116948921</v>
      </c>
    </row>
    <row r="3329" spans="6:32" x14ac:dyDescent="0.25">
      <c r="F3329">
        <v>116.3</v>
      </c>
      <c r="G3329">
        <v>8.2231640000000006</v>
      </c>
      <c r="AC3329">
        <v>38.049999999999997</v>
      </c>
      <c r="AD3329">
        <v>116.35</v>
      </c>
      <c r="AE3329">
        <v>8.2230969999999992</v>
      </c>
      <c r="AF3329">
        <v>-0.39990969116948921</v>
      </c>
    </row>
    <row r="3330" spans="6:32" x14ac:dyDescent="0.25">
      <c r="F3330">
        <v>116.316667</v>
      </c>
      <c r="G3330">
        <v>8.2231299999999994</v>
      </c>
      <c r="AC3330">
        <v>38.06666700000001</v>
      </c>
      <c r="AD3330">
        <v>116.36666700000001</v>
      </c>
      <c r="AE3330">
        <v>8.2230629999999998</v>
      </c>
      <c r="AF3330">
        <v>-0.40032150718849557</v>
      </c>
    </row>
    <row r="3331" spans="6:32" x14ac:dyDescent="0.25">
      <c r="F3331">
        <v>116.333333</v>
      </c>
      <c r="G3331">
        <v>8.2230969999999992</v>
      </c>
      <c r="AC3331">
        <v>38.083332999999996</v>
      </c>
      <c r="AD3331">
        <v>116.38333299999999</v>
      </c>
      <c r="AE3331">
        <v>8.2230629999999998</v>
      </c>
      <c r="AF3331">
        <v>-0.40032150718849557</v>
      </c>
    </row>
    <row r="3332" spans="6:32" x14ac:dyDescent="0.25">
      <c r="F3332">
        <v>116.35</v>
      </c>
      <c r="G3332">
        <v>8.2230969999999992</v>
      </c>
      <c r="AC3332">
        <v>38.100000000000009</v>
      </c>
      <c r="AD3332">
        <v>116.4</v>
      </c>
      <c r="AE3332">
        <v>8.2230290000000004</v>
      </c>
      <c r="AF3332">
        <v>-0.40073332320750182</v>
      </c>
    </row>
    <row r="3333" spans="6:32" x14ac:dyDescent="0.25">
      <c r="F3333">
        <v>116.36666700000001</v>
      </c>
      <c r="G3333">
        <v>8.2230629999999998</v>
      </c>
      <c r="AC3333">
        <v>38.116667000000007</v>
      </c>
      <c r="AD3333">
        <v>116.416667</v>
      </c>
      <c r="AE3333">
        <v>8.2229960000000002</v>
      </c>
      <c r="AF3333">
        <v>-0.40113302699066389</v>
      </c>
    </row>
    <row r="3334" spans="6:32" x14ac:dyDescent="0.25">
      <c r="F3334">
        <v>116.38333299999999</v>
      </c>
      <c r="G3334">
        <v>8.2230629999999998</v>
      </c>
      <c r="AC3334">
        <v>38.133333000000007</v>
      </c>
      <c r="AD3334">
        <v>116.433333</v>
      </c>
      <c r="AE3334">
        <v>8.2229960000000002</v>
      </c>
      <c r="AF3334">
        <v>-0.40113302699066389</v>
      </c>
    </row>
    <row r="3335" spans="6:32" x14ac:dyDescent="0.25">
      <c r="F3335">
        <v>116.4</v>
      </c>
      <c r="G3335">
        <v>8.2230290000000004</v>
      </c>
      <c r="AC3335">
        <v>38.150000000000006</v>
      </c>
      <c r="AD3335">
        <v>116.45</v>
      </c>
      <c r="AE3335">
        <v>8.2229620000000008</v>
      </c>
      <c r="AF3335">
        <v>-0.40154484300967019</v>
      </c>
    </row>
    <row r="3336" spans="6:32" x14ac:dyDescent="0.25">
      <c r="F3336">
        <v>116.416667</v>
      </c>
      <c r="G3336">
        <v>8.2229960000000002</v>
      </c>
      <c r="AC3336">
        <v>38.166667000000004</v>
      </c>
      <c r="AD3336">
        <v>116.466667</v>
      </c>
      <c r="AE3336">
        <v>8.2229620000000008</v>
      </c>
      <c r="AF3336">
        <v>-0.40154484300967019</v>
      </c>
    </row>
    <row r="3337" spans="6:32" x14ac:dyDescent="0.25">
      <c r="F3337">
        <v>116.433333</v>
      </c>
      <c r="G3337">
        <v>8.2229960000000002</v>
      </c>
      <c r="AC3337">
        <v>38.183333000000005</v>
      </c>
      <c r="AD3337">
        <v>116.483333</v>
      </c>
      <c r="AE3337">
        <v>8.2229279999999996</v>
      </c>
      <c r="AF3337">
        <v>-0.40195665902869804</v>
      </c>
    </row>
    <row r="3338" spans="6:32" x14ac:dyDescent="0.25">
      <c r="F3338">
        <v>116.45</v>
      </c>
      <c r="G3338">
        <v>8.2229620000000008</v>
      </c>
      <c r="AC3338">
        <v>38.200000000000003</v>
      </c>
      <c r="AD3338">
        <v>116.5</v>
      </c>
      <c r="AE3338">
        <v>8.2228949999999994</v>
      </c>
      <c r="AF3338">
        <v>-0.40235636281186016</v>
      </c>
    </row>
    <row r="3339" spans="6:32" x14ac:dyDescent="0.25">
      <c r="F3339">
        <v>116.466667</v>
      </c>
      <c r="G3339">
        <v>8.2229620000000008</v>
      </c>
      <c r="AC3339">
        <v>38.216667000000001</v>
      </c>
      <c r="AD3339">
        <v>116.516667</v>
      </c>
      <c r="AE3339">
        <v>8.2228949999999994</v>
      </c>
      <c r="AF3339">
        <v>-0.40235636281186016</v>
      </c>
    </row>
    <row r="3340" spans="6:32" x14ac:dyDescent="0.25">
      <c r="F3340">
        <v>116.483333</v>
      </c>
      <c r="G3340">
        <v>8.2229279999999996</v>
      </c>
      <c r="AC3340">
        <v>38.233333000000002</v>
      </c>
      <c r="AD3340">
        <v>116.533333</v>
      </c>
      <c r="AE3340">
        <v>8.222861</v>
      </c>
      <c r="AF3340">
        <v>-0.40276817883086641</v>
      </c>
    </row>
    <row r="3341" spans="6:32" x14ac:dyDescent="0.25">
      <c r="F3341">
        <v>116.5</v>
      </c>
      <c r="G3341">
        <v>8.2228949999999994</v>
      </c>
      <c r="AC3341">
        <v>38.25</v>
      </c>
      <c r="AD3341">
        <v>116.55</v>
      </c>
      <c r="AE3341">
        <v>8.2228270000000006</v>
      </c>
      <c r="AF3341">
        <v>-0.40317999484987277</v>
      </c>
    </row>
    <row r="3342" spans="6:32" x14ac:dyDescent="0.25">
      <c r="F3342">
        <v>116.516667</v>
      </c>
      <c r="G3342">
        <v>8.2228949999999994</v>
      </c>
      <c r="AC3342">
        <v>38.266666999999998</v>
      </c>
      <c r="AD3342">
        <v>116.566667</v>
      </c>
      <c r="AE3342">
        <v>8.2227940000000004</v>
      </c>
      <c r="AF3342">
        <v>-0.40357969863303478</v>
      </c>
    </row>
    <row r="3343" spans="6:32" x14ac:dyDescent="0.25">
      <c r="F3343">
        <v>116.533333</v>
      </c>
      <c r="G3343">
        <v>8.222861</v>
      </c>
      <c r="AC3343">
        <v>38.283332999999999</v>
      </c>
      <c r="AD3343">
        <v>116.583333</v>
      </c>
      <c r="AE3343">
        <v>8.2227599999999992</v>
      </c>
      <c r="AF3343">
        <v>-0.40399151465206262</v>
      </c>
    </row>
    <row r="3344" spans="6:32" x14ac:dyDescent="0.25">
      <c r="F3344">
        <v>116.55</v>
      </c>
      <c r="G3344">
        <v>8.2228270000000006</v>
      </c>
      <c r="AC3344">
        <v>38.299999999999997</v>
      </c>
      <c r="AD3344">
        <v>116.6</v>
      </c>
      <c r="AE3344">
        <v>8.2227259999999998</v>
      </c>
      <c r="AF3344">
        <v>-0.40440333067106898</v>
      </c>
    </row>
    <row r="3345" spans="6:32" x14ac:dyDescent="0.25">
      <c r="F3345">
        <v>116.566667</v>
      </c>
      <c r="G3345">
        <v>8.2227940000000004</v>
      </c>
      <c r="AC3345">
        <v>38.31666700000001</v>
      </c>
      <c r="AD3345">
        <v>116.61666700000001</v>
      </c>
      <c r="AE3345">
        <v>8.2227259999999998</v>
      </c>
      <c r="AF3345">
        <v>-0.40440333067106898</v>
      </c>
    </row>
    <row r="3346" spans="6:32" x14ac:dyDescent="0.25">
      <c r="F3346">
        <v>116.583333</v>
      </c>
      <c r="G3346">
        <v>8.2227599999999992</v>
      </c>
      <c r="AC3346">
        <v>38.333332999999996</v>
      </c>
      <c r="AD3346">
        <v>116.63333299999999</v>
      </c>
      <c r="AE3346">
        <v>8.2226929999999996</v>
      </c>
      <c r="AF3346">
        <v>-0.40480303445423099</v>
      </c>
    </row>
    <row r="3347" spans="6:32" x14ac:dyDescent="0.25">
      <c r="F3347">
        <v>116.6</v>
      </c>
      <c r="G3347">
        <v>8.2227259999999998</v>
      </c>
      <c r="AC3347">
        <v>38.350000000000009</v>
      </c>
      <c r="AD3347">
        <v>116.65</v>
      </c>
      <c r="AE3347">
        <v>8.2226590000000002</v>
      </c>
      <c r="AF3347">
        <v>-0.40521485047323735</v>
      </c>
    </row>
    <row r="3348" spans="6:32" x14ac:dyDescent="0.25">
      <c r="F3348">
        <v>116.61666700000001</v>
      </c>
      <c r="G3348">
        <v>8.2227259999999998</v>
      </c>
      <c r="AC3348">
        <v>38.366667000000007</v>
      </c>
      <c r="AD3348">
        <v>116.666667</v>
      </c>
      <c r="AE3348">
        <v>8.2226250000000007</v>
      </c>
      <c r="AF3348">
        <v>-0.4056266664922436</v>
      </c>
    </row>
    <row r="3349" spans="6:32" x14ac:dyDescent="0.25">
      <c r="F3349">
        <v>116.63333299999999</v>
      </c>
      <c r="G3349">
        <v>8.2226929999999996</v>
      </c>
      <c r="AC3349">
        <v>38.383333000000007</v>
      </c>
      <c r="AD3349">
        <v>116.683333</v>
      </c>
      <c r="AE3349">
        <v>8.2226250000000007</v>
      </c>
      <c r="AF3349">
        <v>-0.4056266664922436</v>
      </c>
    </row>
    <row r="3350" spans="6:32" x14ac:dyDescent="0.25">
      <c r="F3350">
        <v>116.65</v>
      </c>
      <c r="G3350">
        <v>8.2226590000000002</v>
      </c>
      <c r="AC3350">
        <v>38.400000000000006</v>
      </c>
      <c r="AD3350">
        <v>116.7</v>
      </c>
      <c r="AE3350">
        <v>8.2225920000000006</v>
      </c>
      <c r="AF3350">
        <v>-0.40602637027540567</v>
      </c>
    </row>
    <row r="3351" spans="6:32" x14ac:dyDescent="0.25">
      <c r="F3351">
        <v>116.666667</v>
      </c>
      <c r="G3351">
        <v>8.2226250000000007</v>
      </c>
      <c r="AC3351">
        <v>38.416667000000004</v>
      </c>
      <c r="AD3351">
        <v>116.716667</v>
      </c>
      <c r="AE3351">
        <v>8.2225579999999994</v>
      </c>
      <c r="AF3351">
        <v>-0.40643818629443357</v>
      </c>
    </row>
    <row r="3352" spans="6:32" x14ac:dyDescent="0.25">
      <c r="F3352">
        <v>116.683333</v>
      </c>
      <c r="G3352">
        <v>8.2226250000000007</v>
      </c>
      <c r="AC3352">
        <v>38.433333000000005</v>
      </c>
      <c r="AD3352">
        <v>116.733333</v>
      </c>
      <c r="AE3352">
        <v>8.2225579999999994</v>
      </c>
      <c r="AF3352">
        <v>-0.40643818629443357</v>
      </c>
    </row>
    <row r="3353" spans="6:32" x14ac:dyDescent="0.25">
      <c r="F3353">
        <v>116.7</v>
      </c>
      <c r="G3353">
        <v>8.2225920000000006</v>
      </c>
      <c r="AC3353">
        <v>38.450000000000003</v>
      </c>
      <c r="AD3353">
        <v>116.75</v>
      </c>
      <c r="AE3353">
        <v>8.2225239999999999</v>
      </c>
      <c r="AF3353">
        <v>-0.40685000231343982</v>
      </c>
    </row>
    <row r="3354" spans="6:32" x14ac:dyDescent="0.25">
      <c r="F3354">
        <v>116.716667</v>
      </c>
      <c r="G3354">
        <v>8.2225579999999994</v>
      </c>
      <c r="AC3354">
        <v>38.466667000000001</v>
      </c>
      <c r="AD3354">
        <v>116.766667</v>
      </c>
      <c r="AE3354">
        <v>8.2225239999999999</v>
      </c>
      <c r="AF3354">
        <v>-0.40685000231343982</v>
      </c>
    </row>
    <row r="3355" spans="6:32" x14ac:dyDescent="0.25">
      <c r="F3355">
        <v>116.733333</v>
      </c>
      <c r="G3355">
        <v>8.2225579999999994</v>
      </c>
      <c r="AC3355">
        <v>38.483333000000002</v>
      </c>
      <c r="AD3355">
        <v>116.783333</v>
      </c>
      <c r="AE3355">
        <v>8.2224909999999998</v>
      </c>
      <c r="AF3355">
        <v>-0.40724970609660194</v>
      </c>
    </row>
    <row r="3356" spans="6:32" x14ac:dyDescent="0.25">
      <c r="F3356">
        <v>116.75</v>
      </c>
      <c r="G3356">
        <v>8.2225239999999999</v>
      </c>
      <c r="AC3356">
        <v>38.5</v>
      </c>
      <c r="AD3356">
        <v>116.8</v>
      </c>
      <c r="AE3356">
        <v>8.2224909999999998</v>
      </c>
      <c r="AF3356">
        <v>-0.40724970609660194</v>
      </c>
    </row>
    <row r="3357" spans="6:32" x14ac:dyDescent="0.25">
      <c r="F3357">
        <v>116.766667</v>
      </c>
      <c r="G3357">
        <v>8.2225239999999999</v>
      </c>
      <c r="AC3357">
        <v>38.516666999999998</v>
      </c>
      <c r="AD3357">
        <v>116.816667</v>
      </c>
      <c r="AE3357">
        <v>8.2224570000000003</v>
      </c>
      <c r="AF3357">
        <v>-0.40766152211560819</v>
      </c>
    </row>
    <row r="3358" spans="6:32" x14ac:dyDescent="0.25">
      <c r="F3358">
        <v>116.783333</v>
      </c>
      <c r="G3358">
        <v>8.2224909999999998</v>
      </c>
      <c r="AC3358">
        <v>38.533332999999999</v>
      </c>
      <c r="AD3358">
        <v>116.833333</v>
      </c>
      <c r="AE3358">
        <v>8.2224570000000003</v>
      </c>
      <c r="AF3358">
        <v>-0.40766152211560819</v>
      </c>
    </row>
    <row r="3359" spans="6:32" x14ac:dyDescent="0.25">
      <c r="F3359">
        <v>116.8</v>
      </c>
      <c r="G3359">
        <v>8.2224909999999998</v>
      </c>
      <c r="AC3359">
        <v>38.549999999999997</v>
      </c>
      <c r="AD3359">
        <v>116.85</v>
      </c>
      <c r="AE3359">
        <v>8.2224229999999991</v>
      </c>
      <c r="AF3359">
        <v>-0.40807333813463603</v>
      </c>
    </row>
    <row r="3360" spans="6:32" x14ac:dyDescent="0.25">
      <c r="F3360">
        <v>116.816667</v>
      </c>
      <c r="G3360">
        <v>8.2224570000000003</v>
      </c>
      <c r="AC3360">
        <v>38.56666700000001</v>
      </c>
      <c r="AD3360">
        <v>116.86666700000001</v>
      </c>
      <c r="AE3360">
        <v>8.2223900000000008</v>
      </c>
      <c r="AF3360">
        <v>-0.40847304191777656</v>
      </c>
    </row>
    <row r="3361" spans="6:32" x14ac:dyDescent="0.25">
      <c r="F3361">
        <v>116.833333</v>
      </c>
      <c r="G3361">
        <v>8.2224570000000003</v>
      </c>
      <c r="AC3361">
        <v>38.583332999999996</v>
      </c>
      <c r="AD3361">
        <v>116.88333299999999</v>
      </c>
      <c r="AE3361">
        <v>8.2223900000000008</v>
      </c>
      <c r="AF3361">
        <v>-0.40847304191777656</v>
      </c>
    </row>
    <row r="3362" spans="6:32" x14ac:dyDescent="0.25">
      <c r="F3362">
        <v>116.85</v>
      </c>
      <c r="G3362">
        <v>8.2224229999999991</v>
      </c>
      <c r="AC3362">
        <v>38.600000000000009</v>
      </c>
      <c r="AD3362">
        <v>116.9</v>
      </c>
      <c r="AE3362">
        <v>8.2223900000000008</v>
      </c>
      <c r="AF3362">
        <v>-0.40847304191777656</v>
      </c>
    </row>
    <row r="3363" spans="6:32" x14ac:dyDescent="0.25">
      <c r="F3363">
        <v>116.86666700000001</v>
      </c>
      <c r="G3363">
        <v>8.2223900000000008</v>
      </c>
      <c r="AC3363">
        <v>38.616667000000007</v>
      </c>
      <c r="AD3363">
        <v>116.916667</v>
      </c>
      <c r="AE3363">
        <v>8.2223559999999996</v>
      </c>
      <c r="AF3363">
        <v>-0.4088848579368044</v>
      </c>
    </row>
    <row r="3364" spans="6:32" x14ac:dyDescent="0.25">
      <c r="F3364">
        <v>116.88333299999999</v>
      </c>
      <c r="G3364">
        <v>8.2223900000000008</v>
      </c>
      <c r="AC3364">
        <v>38.633333000000007</v>
      </c>
      <c r="AD3364">
        <v>116.933333</v>
      </c>
      <c r="AE3364">
        <v>8.2223559999999996</v>
      </c>
      <c r="AF3364">
        <v>-0.4088848579368044</v>
      </c>
    </row>
    <row r="3365" spans="6:32" x14ac:dyDescent="0.25">
      <c r="F3365">
        <v>116.9</v>
      </c>
      <c r="G3365">
        <v>8.2223900000000008</v>
      </c>
      <c r="AC3365">
        <v>38.650000000000006</v>
      </c>
      <c r="AD3365">
        <v>116.95</v>
      </c>
      <c r="AE3365">
        <v>8.2223220000000001</v>
      </c>
      <c r="AF3365">
        <v>-0.40929667395581076</v>
      </c>
    </row>
    <row r="3366" spans="6:32" x14ac:dyDescent="0.25">
      <c r="F3366">
        <v>116.916667</v>
      </c>
      <c r="G3366">
        <v>8.2223559999999996</v>
      </c>
      <c r="AC3366">
        <v>38.666667000000004</v>
      </c>
      <c r="AD3366">
        <v>116.966667</v>
      </c>
      <c r="AE3366">
        <v>8.2223220000000001</v>
      </c>
      <c r="AF3366">
        <v>-0.40929667395581076</v>
      </c>
    </row>
    <row r="3367" spans="6:32" x14ac:dyDescent="0.25">
      <c r="F3367">
        <v>116.933333</v>
      </c>
      <c r="G3367">
        <v>8.2223559999999996</v>
      </c>
      <c r="AB3367">
        <v>-100</v>
      </c>
      <c r="AC3367">
        <v>38.683333000000005</v>
      </c>
      <c r="AD3367">
        <v>116.983333</v>
      </c>
      <c r="AE3367">
        <v>8.222289</v>
      </c>
      <c r="AF3367">
        <v>-0.40969637773897277</v>
      </c>
    </row>
    <row r="3368" spans="6:32" x14ac:dyDescent="0.25">
      <c r="F3368">
        <v>116.95</v>
      </c>
      <c r="G3368">
        <v>8.2223220000000001</v>
      </c>
      <c r="AB3368">
        <v>-100</v>
      </c>
      <c r="AC3368">
        <v>38.700000000000003</v>
      </c>
      <c r="AD3368">
        <v>117</v>
      </c>
      <c r="AE3368">
        <v>8.222289</v>
      </c>
      <c r="AF3368">
        <v>-0.40969637773897277</v>
      </c>
    </row>
    <row r="3369" spans="6:32" x14ac:dyDescent="0.25">
      <c r="F3369">
        <v>116.966667</v>
      </c>
      <c r="G3369">
        <v>8.2223220000000001</v>
      </c>
      <c r="AB3369">
        <v>-100</v>
      </c>
      <c r="AC3369">
        <v>38.716667000000001</v>
      </c>
      <c r="AD3369">
        <v>117.016667</v>
      </c>
      <c r="AE3369">
        <v>8.222289</v>
      </c>
      <c r="AF3369">
        <v>-0.40969637773897277</v>
      </c>
    </row>
    <row r="3370" spans="6:32" x14ac:dyDescent="0.25">
      <c r="F3370">
        <v>116.983333</v>
      </c>
      <c r="G3370">
        <v>8.222289</v>
      </c>
      <c r="AB3370">
        <v>-100</v>
      </c>
      <c r="AC3370">
        <v>38.733333000000002</v>
      </c>
      <c r="AD3370">
        <v>117.033333</v>
      </c>
      <c r="AE3370">
        <v>8.2222550000000005</v>
      </c>
      <c r="AF3370">
        <v>-0.41010819375797913</v>
      </c>
    </row>
    <row r="3371" spans="6:32" x14ac:dyDescent="0.25">
      <c r="F3371">
        <v>117</v>
      </c>
      <c r="G3371">
        <v>8.222289</v>
      </c>
      <c r="AB3371">
        <v>-100</v>
      </c>
      <c r="AC3371">
        <v>38.75</v>
      </c>
      <c r="AD3371">
        <v>117.05</v>
      </c>
      <c r="AE3371">
        <v>8.2222550000000005</v>
      </c>
      <c r="AF3371">
        <v>-0.41010819375797913</v>
      </c>
    </row>
    <row r="3372" spans="6:32" x14ac:dyDescent="0.25">
      <c r="F3372">
        <v>117.016667</v>
      </c>
      <c r="G3372">
        <v>8.222289</v>
      </c>
      <c r="AB3372">
        <v>-100</v>
      </c>
      <c r="AC3372">
        <v>38.766666999999998</v>
      </c>
      <c r="AD3372">
        <v>117.066667</v>
      </c>
      <c r="AE3372">
        <v>8.2222209999999993</v>
      </c>
      <c r="AF3372">
        <v>-0.41052000977700698</v>
      </c>
    </row>
    <row r="3373" spans="6:32" x14ac:dyDescent="0.25">
      <c r="F3373">
        <v>117.033333</v>
      </c>
      <c r="G3373">
        <v>8.2222550000000005</v>
      </c>
      <c r="AB3373">
        <v>-100</v>
      </c>
      <c r="AC3373">
        <v>38.783332999999999</v>
      </c>
      <c r="AD3373">
        <v>117.083333</v>
      </c>
      <c r="AE3373">
        <v>8.2222209999999993</v>
      </c>
      <c r="AF3373">
        <v>-0.41052000977700698</v>
      </c>
    </row>
    <row r="3374" spans="6:32" x14ac:dyDescent="0.25">
      <c r="F3374">
        <v>117.05</v>
      </c>
      <c r="G3374">
        <v>8.2222550000000005</v>
      </c>
      <c r="AB3374">
        <v>-100</v>
      </c>
      <c r="AC3374">
        <v>38.799999999999997</v>
      </c>
      <c r="AD3374">
        <v>117.1</v>
      </c>
      <c r="AE3374">
        <v>8.2222209999999993</v>
      </c>
      <c r="AF3374">
        <v>-0.41052000977700698</v>
      </c>
    </row>
    <row r="3375" spans="6:32" x14ac:dyDescent="0.25">
      <c r="F3375">
        <v>117.066667</v>
      </c>
      <c r="G3375">
        <v>8.2222209999999993</v>
      </c>
      <c r="AB3375">
        <v>-100</v>
      </c>
      <c r="AC3375">
        <v>38.81666700000001</v>
      </c>
      <c r="AD3375">
        <v>117.11666700000001</v>
      </c>
      <c r="AE3375">
        <v>8.2221879999999992</v>
      </c>
      <c r="AF3375">
        <v>-0.41091971356016899</v>
      </c>
    </row>
    <row r="3376" spans="6:32" x14ac:dyDescent="0.25">
      <c r="F3376">
        <v>117.083333</v>
      </c>
      <c r="G3376">
        <v>8.2222209999999993</v>
      </c>
      <c r="AB3376">
        <v>-100</v>
      </c>
      <c r="AC3376">
        <v>38.833332999999996</v>
      </c>
      <c r="AD3376">
        <v>117.13333299999999</v>
      </c>
      <c r="AE3376">
        <v>8.2221879999999992</v>
      </c>
      <c r="AF3376">
        <v>-0.41091971356016899</v>
      </c>
    </row>
    <row r="3377" spans="6:32" x14ac:dyDescent="0.25">
      <c r="F3377">
        <v>117.1</v>
      </c>
      <c r="G3377">
        <v>8.2222209999999993</v>
      </c>
      <c r="AB3377">
        <v>-100</v>
      </c>
      <c r="AC3377">
        <v>38.850000000000009</v>
      </c>
      <c r="AD3377">
        <v>117.15</v>
      </c>
      <c r="AE3377">
        <v>8.2221539999999997</v>
      </c>
      <c r="AF3377">
        <v>-0.41133152957917535</v>
      </c>
    </row>
    <row r="3378" spans="6:32" x14ac:dyDescent="0.25">
      <c r="F3378">
        <v>117.11666700000001</v>
      </c>
      <c r="G3378">
        <v>8.2221879999999992</v>
      </c>
      <c r="AB3378">
        <v>-100</v>
      </c>
      <c r="AC3378">
        <v>38.866667000000007</v>
      </c>
      <c r="AD3378">
        <v>117.166667</v>
      </c>
      <c r="AE3378">
        <v>8.2221539999999997</v>
      </c>
      <c r="AF3378">
        <v>-0.41133152957917535</v>
      </c>
    </row>
    <row r="3379" spans="6:32" x14ac:dyDescent="0.25">
      <c r="F3379">
        <v>117.13333299999999</v>
      </c>
      <c r="G3379">
        <v>8.2221879999999992</v>
      </c>
      <c r="AB3379">
        <v>-100</v>
      </c>
      <c r="AC3379">
        <v>38.883333000000007</v>
      </c>
      <c r="AD3379">
        <v>117.183333</v>
      </c>
      <c r="AE3379">
        <v>8.2221209999999996</v>
      </c>
      <c r="AF3379">
        <v>-0.41173123336233736</v>
      </c>
    </row>
    <row r="3380" spans="6:32" x14ac:dyDescent="0.25">
      <c r="F3380">
        <v>117.15</v>
      </c>
      <c r="G3380">
        <v>8.2221539999999997</v>
      </c>
      <c r="AB3380">
        <v>-100</v>
      </c>
      <c r="AC3380">
        <v>38.900000000000006</v>
      </c>
      <c r="AD3380">
        <v>117.2</v>
      </c>
      <c r="AE3380">
        <v>8.2221209999999996</v>
      </c>
      <c r="AF3380">
        <v>-0.41173123336233736</v>
      </c>
    </row>
    <row r="3381" spans="6:32" x14ac:dyDescent="0.25">
      <c r="F3381">
        <v>117.166667</v>
      </c>
      <c r="G3381">
        <v>8.2221539999999997</v>
      </c>
      <c r="AB3381">
        <v>-100</v>
      </c>
      <c r="AC3381">
        <v>38.916667000000004</v>
      </c>
      <c r="AD3381">
        <v>117.216667</v>
      </c>
      <c r="AE3381">
        <v>8.2221209999999996</v>
      </c>
      <c r="AF3381">
        <v>-0.41173123336233736</v>
      </c>
    </row>
    <row r="3382" spans="6:32" x14ac:dyDescent="0.25">
      <c r="F3382">
        <v>117.183333</v>
      </c>
      <c r="G3382">
        <v>8.2221209999999996</v>
      </c>
      <c r="AB3382">
        <v>-100</v>
      </c>
      <c r="AC3382">
        <v>38.933333000000005</v>
      </c>
      <c r="AD3382">
        <v>117.233333</v>
      </c>
      <c r="AE3382">
        <v>8.2220870000000001</v>
      </c>
      <c r="AF3382">
        <v>-0.41214304938134372</v>
      </c>
    </row>
    <row r="3383" spans="6:32" x14ac:dyDescent="0.25">
      <c r="F3383">
        <v>117.2</v>
      </c>
      <c r="G3383">
        <v>8.2221209999999996</v>
      </c>
      <c r="AB3383">
        <v>-100</v>
      </c>
      <c r="AC3383">
        <v>38.950000000000003</v>
      </c>
      <c r="AD3383">
        <v>117.25</v>
      </c>
      <c r="AE3383">
        <v>8.2220870000000001</v>
      </c>
      <c r="AF3383">
        <v>-0.41214304938134372</v>
      </c>
    </row>
    <row r="3384" spans="6:32" x14ac:dyDescent="0.25">
      <c r="F3384">
        <v>117.216667</v>
      </c>
      <c r="G3384">
        <v>8.2221209999999996</v>
      </c>
      <c r="AB3384">
        <v>-100</v>
      </c>
      <c r="AC3384">
        <v>38.966667000000001</v>
      </c>
      <c r="AD3384">
        <v>117.266667</v>
      </c>
      <c r="AE3384">
        <v>8.2220530000000007</v>
      </c>
      <c r="AF3384">
        <v>-0.41255486540035002</v>
      </c>
    </row>
    <row r="3385" spans="6:32" x14ac:dyDescent="0.25">
      <c r="F3385">
        <v>117.233333</v>
      </c>
      <c r="G3385">
        <v>8.2220870000000001</v>
      </c>
      <c r="AB3385">
        <v>-100</v>
      </c>
      <c r="AC3385">
        <v>38.983333000000002</v>
      </c>
      <c r="AD3385">
        <v>117.283333</v>
      </c>
      <c r="AE3385">
        <v>8.2220530000000007</v>
      </c>
      <c r="AF3385">
        <v>-0.41255486540035002</v>
      </c>
    </row>
    <row r="3386" spans="6:32" x14ac:dyDescent="0.25">
      <c r="F3386">
        <v>117.25</v>
      </c>
      <c r="G3386">
        <v>8.2220870000000001</v>
      </c>
      <c r="AB3386">
        <v>-100</v>
      </c>
      <c r="AC3386">
        <v>39</v>
      </c>
      <c r="AD3386">
        <v>117.3</v>
      </c>
      <c r="AE3386">
        <v>8.2220200000000006</v>
      </c>
      <c r="AF3386">
        <v>-0.41295456918351203</v>
      </c>
    </row>
    <row r="3387" spans="6:32" x14ac:dyDescent="0.25">
      <c r="F3387">
        <v>117.266667</v>
      </c>
      <c r="G3387">
        <v>8.2220530000000007</v>
      </c>
      <c r="AB3387">
        <v>-100</v>
      </c>
      <c r="AC3387">
        <v>39.016666999999998</v>
      </c>
      <c r="AD3387">
        <v>117.316667</v>
      </c>
      <c r="AE3387">
        <v>8.2220200000000006</v>
      </c>
      <c r="AF3387">
        <v>-0.41295456918351203</v>
      </c>
    </row>
    <row r="3388" spans="6:32" x14ac:dyDescent="0.25">
      <c r="F3388">
        <v>117.283333</v>
      </c>
      <c r="G3388">
        <v>8.2220530000000007</v>
      </c>
      <c r="AB3388">
        <v>-100</v>
      </c>
      <c r="AC3388">
        <v>39.033332999999999</v>
      </c>
      <c r="AD3388">
        <v>117.333333</v>
      </c>
      <c r="AE3388">
        <v>8.2220200000000006</v>
      </c>
      <c r="AF3388">
        <v>-0.41295456918351203</v>
      </c>
    </row>
    <row r="3389" spans="6:32" x14ac:dyDescent="0.25">
      <c r="F3389">
        <v>117.3</v>
      </c>
      <c r="G3389">
        <v>8.2220200000000006</v>
      </c>
      <c r="AB3389">
        <v>-100</v>
      </c>
      <c r="AC3389">
        <v>39.049999999999997</v>
      </c>
      <c r="AD3389">
        <v>117.35</v>
      </c>
      <c r="AE3389">
        <v>8.2219859999999994</v>
      </c>
      <c r="AF3389">
        <v>-0.41336638520253993</v>
      </c>
    </row>
    <row r="3390" spans="6:32" x14ac:dyDescent="0.25">
      <c r="F3390">
        <v>117.316667</v>
      </c>
      <c r="G3390">
        <v>8.2220200000000006</v>
      </c>
      <c r="AB3390">
        <v>-100</v>
      </c>
      <c r="AC3390">
        <v>39.06666700000001</v>
      </c>
      <c r="AD3390">
        <v>117.36666700000001</v>
      </c>
      <c r="AE3390">
        <v>8.2219519999999999</v>
      </c>
      <c r="AF3390">
        <v>-0.41377820122154618</v>
      </c>
    </row>
    <row r="3391" spans="6:32" x14ac:dyDescent="0.25">
      <c r="F3391">
        <v>117.333333</v>
      </c>
      <c r="G3391">
        <v>8.2220200000000006</v>
      </c>
      <c r="AB3391">
        <v>-100</v>
      </c>
      <c r="AC3391">
        <v>39.083332999999996</v>
      </c>
      <c r="AD3391">
        <v>117.38333299999999</v>
      </c>
      <c r="AE3391">
        <v>8.2219519999999999</v>
      </c>
      <c r="AF3391">
        <v>-0.41377820122154618</v>
      </c>
    </row>
    <row r="3392" spans="6:32" x14ac:dyDescent="0.25">
      <c r="F3392">
        <v>117.35</v>
      </c>
      <c r="G3392">
        <v>8.2219859999999994</v>
      </c>
      <c r="AB3392">
        <v>-100</v>
      </c>
      <c r="AC3392">
        <v>39.100000000000009</v>
      </c>
      <c r="AD3392">
        <v>117.4</v>
      </c>
      <c r="AE3392">
        <v>8.2219189999999998</v>
      </c>
      <c r="AF3392">
        <v>-0.4141779050047083</v>
      </c>
    </row>
    <row r="3393" spans="6:32" x14ac:dyDescent="0.25">
      <c r="F3393">
        <v>117.36666700000001</v>
      </c>
      <c r="G3393">
        <v>8.2219519999999999</v>
      </c>
      <c r="AB3393">
        <v>-100</v>
      </c>
      <c r="AC3393">
        <v>39.116667000000007</v>
      </c>
      <c r="AD3393">
        <v>117.416667</v>
      </c>
      <c r="AE3393">
        <v>8.2219189999999998</v>
      </c>
      <c r="AF3393">
        <v>-0.4141779050047083</v>
      </c>
    </row>
    <row r="3394" spans="6:32" x14ac:dyDescent="0.25">
      <c r="F3394">
        <v>117.38333299999999</v>
      </c>
      <c r="G3394">
        <v>8.2219519999999999</v>
      </c>
      <c r="AB3394">
        <v>-100</v>
      </c>
      <c r="AC3394">
        <v>39.133333000000007</v>
      </c>
      <c r="AD3394">
        <v>117.433333</v>
      </c>
      <c r="AE3394">
        <v>8.2218850000000003</v>
      </c>
      <c r="AF3394">
        <v>-0.41458972102371455</v>
      </c>
    </row>
    <row r="3395" spans="6:32" x14ac:dyDescent="0.25">
      <c r="F3395">
        <v>117.4</v>
      </c>
      <c r="G3395">
        <v>8.2219189999999998</v>
      </c>
      <c r="AB3395">
        <v>-100</v>
      </c>
      <c r="AC3395">
        <v>39.150000000000006</v>
      </c>
      <c r="AD3395">
        <v>117.45</v>
      </c>
      <c r="AE3395">
        <v>8.2218850000000003</v>
      </c>
      <c r="AF3395">
        <v>-0.41458972102371455</v>
      </c>
    </row>
    <row r="3396" spans="6:32" x14ac:dyDescent="0.25">
      <c r="F3396">
        <v>117.416667</v>
      </c>
      <c r="G3396">
        <v>8.2219189999999998</v>
      </c>
      <c r="AB3396">
        <v>-100</v>
      </c>
      <c r="AC3396">
        <v>39.166667000000004</v>
      </c>
      <c r="AD3396">
        <v>117.466667</v>
      </c>
      <c r="AE3396">
        <v>8.2218509999999991</v>
      </c>
      <c r="AF3396">
        <v>-0.4150015370427424</v>
      </c>
    </row>
    <row r="3397" spans="6:32" x14ac:dyDescent="0.25">
      <c r="F3397">
        <v>117.433333</v>
      </c>
      <c r="G3397">
        <v>8.2218850000000003</v>
      </c>
      <c r="AB3397">
        <v>-100</v>
      </c>
      <c r="AC3397">
        <v>39.183333000000005</v>
      </c>
      <c r="AD3397">
        <v>117.483333</v>
      </c>
      <c r="AE3397">
        <v>8.2218509999999991</v>
      </c>
      <c r="AF3397">
        <v>-0.4150015370427424</v>
      </c>
    </row>
    <row r="3398" spans="6:32" x14ac:dyDescent="0.25">
      <c r="F3398">
        <v>117.45</v>
      </c>
      <c r="G3398">
        <v>8.2218850000000003</v>
      </c>
      <c r="AB3398">
        <v>-100</v>
      </c>
      <c r="AC3398">
        <v>39.200000000000003</v>
      </c>
      <c r="AD3398">
        <v>117.5</v>
      </c>
      <c r="AE3398">
        <v>8.2218180000000007</v>
      </c>
      <c r="AF3398">
        <v>-0.41540124082588298</v>
      </c>
    </row>
    <row r="3399" spans="6:32" x14ac:dyDescent="0.25">
      <c r="F3399">
        <v>117.466667</v>
      </c>
      <c r="G3399">
        <v>8.2218509999999991</v>
      </c>
      <c r="AB3399">
        <v>-100</v>
      </c>
      <c r="AC3399">
        <v>39.216667000000001</v>
      </c>
      <c r="AD3399">
        <v>117.516667</v>
      </c>
      <c r="AE3399">
        <v>8.2218180000000007</v>
      </c>
      <c r="AF3399">
        <v>-0.41540124082588298</v>
      </c>
    </row>
    <row r="3400" spans="6:32" x14ac:dyDescent="0.25">
      <c r="F3400">
        <v>117.483333</v>
      </c>
      <c r="G3400">
        <v>8.2218509999999991</v>
      </c>
      <c r="AB3400">
        <v>-100</v>
      </c>
      <c r="AC3400">
        <v>39.233333000000002</v>
      </c>
      <c r="AD3400">
        <v>117.533333</v>
      </c>
      <c r="AE3400">
        <v>8.2217839999999995</v>
      </c>
      <c r="AF3400">
        <v>-0.41581305684491077</v>
      </c>
    </row>
    <row r="3401" spans="6:32" x14ac:dyDescent="0.25">
      <c r="F3401">
        <v>117.5</v>
      </c>
      <c r="G3401">
        <v>8.2218180000000007</v>
      </c>
      <c r="AB3401">
        <v>-100</v>
      </c>
      <c r="AC3401">
        <v>39.25</v>
      </c>
      <c r="AD3401">
        <v>117.55</v>
      </c>
      <c r="AE3401">
        <v>8.2217839999999995</v>
      </c>
      <c r="AF3401">
        <v>-0.41581305684491077</v>
      </c>
    </row>
    <row r="3402" spans="6:32" x14ac:dyDescent="0.25">
      <c r="F3402">
        <v>117.516667</v>
      </c>
      <c r="G3402">
        <v>8.2218180000000007</v>
      </c>
      <c r="AB3402">
        <v>-100</v>
      </c>
      <c r="AC3402">
        <v>39.266666999999998</v>
      </c>
      <c r="AD3402">
        <v>117.566667</v>
      </c>
      <c r="AE3402">
        <v>8.2217839999999995</v>
      </c>
      <c r="AF3402">
        <v>-0.41581305684491077</v>
      </c>
    </row>
    <row r="3403" spans="6:32" x14ac:dyDescent="0.25">
      <c r="F3403">
        <v>117.533333</v>
      </c>
      <c r="G3403">
        <v>8.2217839999999995</v>
      </c>
      <c r="AB3403">
        <v>-100</v>
      </c>
      <c r="AC3403">
        <v>39.283332999999999</v>
      </c>
      <c r="AD3403">
        <v>117.583333</v>
      </c>
      <c r="AE3403">
        <v>8.2217500000000001</v>
      </c>
      <c r="AF3403">
        <v>-0.41622487286391713</v>
      </c>
    </row>
    <row r="3404" spans="6:32" x14ac:dyDescent="0.25">
      <c r="F3404">
        <v>117.55</v>
      </c>
      <c r="G3404">
        <v>8.2217839999999995</v>
      </c>
      <c r="AB3404">
        <v>-100</v>
      </c>
      <c r="AC3404">
        <v>39.299999999999997</v>
      </c>
      <c r="AD3404">
        <v>117.6</v>
      </c>
      <c r="AE3404">
        <v>8.2217500000000001</v>
      </c>
      <c r="AF3404">
        <v>-0.41622487286391713</v>
      </c>
    </row>
    <row r="3405" spans="6:32" x14ac:dyDescent="0.25">
      <c r="F3405">
        <v>117.566667</v>
      </c>
      <c r="G3405">
        <v>8.2217839999999995</v>
      </c>
      <c r="AB3405">
        <v>-100</v>
      </c>
      <c r="AC3405">
        <v>39.31666700000001</v>
      </c>
      <c r="AD3405">
        <v>117.61666700000001</v>
      </c>
      <c r="AE3405">
        <v>8.2217169999999999</v>
      </c>
      <c r="AF3405">
        <v>-0.41662457664707914</v>
      </c>
    </row>
    <row r="3406" spans="6:32" x14ac:dyDescent="0.25">
      <c r="F3406">
        <v>117.583333</v>
      </c>
      <c r="G3406">
        <v>8.2217500000000001</v>
      </c>
      <c r="AB3406">
        <v>-100</v>
      </c>
      <c r="AC3406">
        <v>39.333332999999996</v>
      </c>
      <c r="AD3406">
        <v>117.63333299999999</v>
      </c>
      <c r="AE3406">
        <v>8.2217169999999999</v>
      </c>
      <c r="AF3406">
        <v>-0.41662457664707914</v>
      </c>
    </row>
    <row r="3407" spans="6:32" x14ac:dyDescent="0.25">
      <c r="F3407">
        <v>117.6</v>
      </c>
      <c r="G3407">
        <v>8.2217500000000001</v>
      </c>
      <c r="AB3407">
        <v>-100</v>
      </c>
      <c r="AC3407">
        <v>39.350000000000009</v>
      </c>
      <c r="AD3407">
        <v>117.65</v>
      </c>
      <c r="AE3407">
        <v>8.2217169999999999</v>
      </c>
      <c r="AF3407">
        <v>-0.41662457664707914</v>
      </c>
    </row>
    <row r="3408" spans="6:32" x14ac:dyDescent="0.25">
      <c r="F3408">
        <v>117.61666700000001</v>
      </c>
      <c r="G3408">
        <v>8.2217169999999999</v>
      </c>
      <c r="AB3408">
        <v>-100</v>
      </c>
      <c r="AC3408">
        <v>39.366667000000007</v>
      </c>
      <c r="AD3408">
        <v>117.666667</v>
      </c>
      <c r="AE3408">
        <v>8.2216830000000005</v>
      </c>
      <c r="AF3408">
        <v>-0.41703639266608544</v>
      </c>
    </row>
    <row r="3409" spans="6:32" x14ac:dyDescent="0.25">
      <c r="F3409">
        <v>117.63333299999999</v>
      </c>
      <c r="G3409">
        <v>8.2217169999999999</v>
      </c>
      <c r="AB3409">
        <v>-100</v>
      </c>
      <c r="AC3409">
        <v>39.383333000000007</v>
      </c>
      <c r="AD3409">
        <v>117.683333</v>
      </c>
      <c r="AE3409">
        <v>8.2216830000000005</v>
      </c>
      <c r="AF3409">
        <v>-0.41703639266608544</v>
      </c>
    </row>
    <row r="3410" spans="6:32" x14ac:dyDescent="0.25">
      <c r="F3410">
        <v>117.65</v>
      </c>
      <c r="G3410">
        <v>8.2217169999999999</v>
      </c>
      <c r="AB3410">
        <v>-100</v>
      </c>
      <c r="AC3410">
        <v>39.400000000000006</v>
      </c>
      <c r="AD3410">
        <v>117.7</v>
      </c>
      <c r="AE3410">
        <v>8.2216830000000005</v>
      </c>
      <c r="AF3410">
        <v>-0.41703639266608544</v>
      </c>
    </row>
    <row r="3411" spans="6:32" x14ac:dyDescent="0.25">
      <c r="F3411">
        <v>117.666667</v>
      </c>
      <c r="G3411">
        <v>8.2216830000000005</v>
      </c>
      <c r="AB3411">
        <v>-100</v>
      </c>
      <c r="AC3411">
        <v>39.416667000000004</v>
      </c>
      <c r="AD3411">
        <v>117.716667</v>
      </c>
      <c r="AE3411">
        <v>8.2216489999999993</v>
      </c>
      <c r="AF3411">
        <v>-0.41744820868511334</v>
      </c>
    </row>
    <row r="3412" spans="6:32" x14ac:dyDescent="0.25">
      <c r="F3412">
        <v>117.683333</v>
      </c>
      <c r="G3412">
        <v>8.2216830000000005</v>
      </c>
      <c r="AB3412">
        <v>-100</v>
      </c>
      <c r="AC3412">
        <v>39.433333000000005</v>
      </c>
      <c r="AD3412">
        <v>117.733333</v>
      </c>
      <c r="AE3412">
        <v>8.2216489999999993</v>
      </c>
      <c r="AF3412">
        <v>-0.41744820868511334</v>
      </c>
    </row>
    <row r="3413" spans="6:32" x14ac:dyDescent="0.25">
      <c r="F3413">
        <v>117.7</v>
      </c>
      <c r="G3413">
        <v>8.2216830000000005</v>
      </c>
      <c r="AB3413">
        <v>-100</v>
      </c>
      <c r="AC3413">
        <v>39.450000000000003</v>
      </c>
      <c r="AD3413">
        <v>117.75</v>
      </c>
      <c r="AE3413">
        <v>8.2216489999999993</v>
      </c>
      <c r="AF3413">
        <v>-0.41744820868511334</v>
      </c>
    </row>
    <row r="3414" spans="6:32" x14ac:dyDescent="0.25">
      <c r="F3414">
        <v>117.716667</v>
      </c>
      <c r="G3414">
        <v>8.2216489999999993</v>
      </c>
      <c r="AB3414">
        <v>-100</v>
      </c>
      <c r="AC3414">
        <v>39.466667000000001</v>
      </c>
      <c r="AD3414">
        <v>117.766667</v>
      </c>
      <c r="AE3414">
        <v>8.2216159999999991</v>
      </c>
      <c r="AF3414">
        <v>-0.41784791246827535</v>
      </c>
    </row>
    <row r="3415" spans="6:32" x14ac:dyDescent="0.25">
      <c r="F3415">
        <v>117.733333</v>
      </c>
      <c r="G3415">
        <v>8.2216489999999993</v>
      </c>
      <c r="AB3415">
        <v>-100</v>
      </c>
      <c r="AC3415">
        <v>39.483333000000002</v>
      </c>
      <c r="AD3415">
        <v>117.783333</v>
      </c>
      <c r="AE3415">
        <v>8.2216159999999991</v>
      </c>
      <c r="AF3415">
        <v>-0.41784791246827535</v>
      </c>
    </row>
    <row r="3416" spans="6:32" x14ac:dyDescent="0.25">
      <c r="F3416">
        <v>117.75</v>
      </c>
      <c r="G3416">
        <v>8.2216489999999993</v>
      </c>
      <c r="AB3416">
        <v>-100</v>
      </c>
      <c r="AC3416">
        <v>39.5</v>
      </c>
      <c r="AD3416">
        <v>117.8</v>
      </c>
      <c r="AE3416">
        <v>8.2216159999999991</v>
      </c>
      <c r="AF3416">
        <v>-0.41784791246827535</v>
      </c>
    </row>
    <row r="3417" spans="6:32" x14ac:dyDescent="0.25">
      <c r="F3417">
        <v>117.766667</v>
      </c>
      <c r="G3417">
        <v>8.2216159999999991</v>
      </c>
      <c r="AB3417">
        <v>-100</v>
      </c>
      <c r="AC3417">
        <v>39.516666999999998</v>
      </c>
      <c r="AD3417">
        <v>117.816667</v>
      </c>
      <c r="AE3417">
        <v>8.2216159999999991</v>
      </c>
      <c r="AF3417">
        <v>-0.41784791246827535</v>
      </c>
    </row>
    <row r="3418" spans="6:32" x14ac:dyDescent="0.25">
      <c r="F3418">
        <v>117.783333</v>
      </c>
      <c r="G3418">
        <v>8.2216159999999991</v>
      </c>
      <c r="AB3418">
        <v>-100</v>
      </c>
      <c r="AC3418">
        <v>39.533332999999999</v>
      </c>
      <c r="AD3418">
        <v>117.833333</v>
      </c>
      <c r="AE3418">
        <v>8.2215819999999997</v>
      </c>
      <c r="AF3418">
        <v>-0.41825972848728171</v>
      </c>
    </row>
    <row r="3419" spans="6:32" x14ac:dyDescent="0.25">
      <c r="F3419">
        <v>117.8</v>
      </c>
      <c r="G3419">
        <v>8.2216159999999991</v>
      </c>
      <c r="AB3419">
        <v>-100</v>
      </c>
      <c r="AC3419">
        <v>39.549999999999997</v>
      </c>
      <c r="AD3419">
        <v>117.85</v>
      </c>
      <c r="AE3419">
        <v>8.2215819999999997</v>
      </c>
      <c r="AF3419">
        <v>-0.41825972848728171</v>
      </c>
    </row>
    <row r="3420" spans="6:32" x14ac:dyDescent="0.25">
      <c r="F3420">
        <v>117.816667</v>
      </c>
      <c r="G3420">
        <v>8.2216159999999991</v>
      </c>
      <c r="AB3420">
        <v>-100</v>
      </c>
      <c r="AC3420">
        <v>39.56666700000001</v>
      </c>
      <c r="AD3420">
        <v>117.86666700000001</v>
      </c>
      <c r="AE3420">
        <v>8.2215819999999997</v>
      </c>
      <c r="AF3420">
        <v>-0.41825972848728171</v>
      </c>
    </row>
    <row r="3421" spans="6:32" x14ac:dyDescent="0.25">
      <c r="F3421">
        <v>117.833333</v>
      </c>
      <c r="G3421">
        <v>8.2215819999999997</v>
      </c>
      <c r="AB3421">
        <v>-100</v>
      </c>
      <c r="AC3421">
        <v>39.583332999999996</v>
      </c>
      <c r="AD3421">
        <v>117.88333299999999</v>
      </c>
      <c r="AE3421">
        <v>8.2215819999999997</v>
      </c>
      <c r="AF3421">
        <v>-0.41825972848728171</v>
      </c>
    </row>
    <row r="3422" spans="6:32" x14ac:dyDescent="0.25">
      <c r="F3422">
        <v>117.85</v>
      </c>
      <c r="G3422">
        <v>8.2215819999999997</v>
      </c>
      <c r="AB3422">
        <v>-100</v>
      </c>
      <c r="AC3422">
        <v>39.600000000000009</v>
      </c>
      <c r="AD3422">
        <v>117.9</v>
      </c>
      <c r="AE3422">
        <v>8.2215480000000003</v>
      </c>
      <c r="AF3422">
        <v>-0.41867154450628802</v>
      </c>
    </row>
    <row r="3423" spans="6:32" x14ac:dyDescent="0.25">
      <c r="F3423">
        <v>117.86666700000001</v>
      </c>
      <c r="G3423">
        <v>8.2215819999999997</v>
      </c>
      <c r="AB3423">
        <v>-100</v>
      </c>
      <c r="AC3423">
        <v>39.616667000000007</v>
      </c>
      <c r="AD3423">
        <v>117.916667</v>
      </c>
      <c r="AE3423">
        <v>8.2215480000000003</v>
      </c>
      <c r="AF3423">
        <v>-0.41867154450628802</v>
      </c>
    </row>
    <row r="3424" spans="6:32" x14ac:dyDescent="0.25">
      <c r="F3424">
        <v>117.88333299999999</v>
      </c>
      <c r="G3424">
        <v>8.2215819999999997</v>
      </c>
      <c r="AB3424">
        <v>-100</v>
      </c>
      <c r="AC3424">
        <v>39.633333000000007</v>
      </c>
      <c r="AD3424">
        <v>117.933333</v>
      </c>
      <c r="AE3424">
        <v>8.2215480000000003</v>
      </c>
      <c r="AF3424">
        <v>-0.41867154450628802</v>
      </c>
    </row>
    <row r="3425" spans="6:32" x14ac:dyDescent="0.25">
      <c r="F3425">
        <v>117.9</v>
      </c>
      <c r="G3425">
        <v>8.2215480000000003</v>
      </c>
      <c r="AB3425">
        <v>-100</v>
      </c>
      <c r="AC3425">
        <v>39.650000000000006</v>
      </c>
      <c r="AD3425">
        <v>117.95</v>
      </c>
      <c r="AE3425">
        <v>8.2215150000000001</v>
      </c>
      <c r="AF3425">
        <v>-0.41907124828945003</v>
      </c>
    </row>
    <row r="3426" spans="6:32" x14ac:dyDescent="0.25">
      <c r="F3426">
        <v>117.916667</v>
      </c>
      <c r="G3426">
        <v>8.2215480000000003</v>
      </c>
      <c r="AB3426">
        <v>-100</v>
      </c>
      <c r="AC3426">
        <v>39.666667000000004</v>
      </c>
      <c r="AD3426">
        <v>117.966667</v>
      </c>
      <c r="AE3426">
        <v>8.2215150000000001</v>
      </c>
      <c r="AF3426">
        <v>-0.41907124828945003</v>
      </c>
    </row>
    <row r="3427" spans="6:32" x14ac:dyDescent="0.25">
      <c r="F3427">
        <v>117.933333</v>
      </c>
      <c r="G3427">
        <v>8.2215480000000003</v>
      </c>
      <c r="AB3427">
        <v>-100</v>
      </c>
      <c r="AC3427">
        <v>39.683333000000005</v>
      </c>
      <c r="AD3427">
        <v>117.983333</v>
      </c>
      <c r="AE3427">
        <v>8.2215150000000001</v>
      </c>
      <c r="AF3427">
        <v>-0.41907124828945003</v>
      </c>
    </row>
    <row r="3428" spans="6:32" x14ac:dyDescent="0.25">
      <c r="F3428">
        <v>117.95</v>
      </c>
      <c r="G3428">
        <v>8.2215150000000001</v>
      </c>
      <c r="AB3428">
        <v>-100</v>
      </c>
      <c r="AC3428">
        <v>39.700000000000003</v>
      </c>
      <c r="AD3428">
        <v>118</v>
      </c>
      <c r="AE3428">
        <v>8.2214810000000007</v>
      </c>
      <c r="AF3428">
        <v>-0.41948306430845639</v>
      </c>
    </row>
    <row r="3429" spans="6:32" x14ac:dyDescent="0.25">
      <c r="F3429">
        <v>117.966667</v>
      </c>
      <c r="G3429">
        <v>8.2215150000000001</v>
      </c>
      <c r="AB3429">
        <v>-100</v>
      </c>
      <c r="AC3429">
        <v>39.716667000000001</v>
      </c>
      <c r="AD3429">
        <v>118.016667</v>
      </c>
      <c r="AE3429">
        <v>8.2214810000000007</v>
      </c>
      <c r="AF3429">
        <v>-0.41948306430845639</v>
      </c>
    </row>
    <row r="3430" spans="6:32" x14ac:dyDescent="0.25">
      <c r="F3430">
        <v>117.983333</v>
      </c>
      <c r="G3430">
        <v>8.2215150000000001</v>
      </c>
      <c r="AB3430">
        <v>-100</v>
      </c>
      <c r="AC3430">
        <v>39.733333000000002</v>
      </c>
      <c r="AD3430">
        <v>118.033333</v>
      </c>
      <c r="AE3430">
        <v>8.2214810000000007</v>
      </c>
      <c r="AF3430">
        <v>-0.41948306430845639</v>
      </c>
    </row>
    <row r="3431" spans="6:32" x14ac:dyDescent="0.25">
      <c r="F3431">
        <v>118</v>
      </c>
      <c r="G3431">
        <v>8.2214810000000007</v>
      </c>
      <c r="AB3431">
        <v>-100</v>
      </c>
      <c r="AC3431">
        <v>39.75</v>
      </c>
      <c r="AD3431">
        <v>118.05</v>
      </c>
      <c r="AE3431">
        <v>8.2214469999999995</v>
      </c>
      <c r="AF3431">
        <v>-0.41989488032748418</v>
      </c>
    </row>
    <row r="3432" spans="6:32" x14ac:dyDescent="0.25">
      <c r="F3432">
        <v>118.016667</v>
      </c>
      <c r="G3432">
        <v>8.2214810000000007</v>
      </c>
      <c r="AB3432">
        <v>-100</v>
      </c>
      <c r="AC3432">
        <v>39.766666999999998</v>
      </c>
      <c r="AD3432">
        <v>118.066667</v>
      </c>
      <c r="AE3432">
        <v>8.2214469999999995</v>
      </c>
      <c r="AF3432">
        <v>-0.41989488032748418</v>
      </c>
    </row>
    <row r="3433" spans="6:32" x14ac:dyDescent="0.25">
      <c r="F3433">
        <v>118.033333</v>
      </c>
      <c r="G3433">
        <v>8.2214810000000007</v>
      </c>
      <c r="AB3433">
        <v>-100</v>
      </c>
      <c r="AC3433">
        <v>39.783332999999999</v>
      </c>
      <c r="AD3433">
        <v>118.083333</v>
      </c>
      <c r="AE3433">
        <v>8.2214139999999993</v>
      </c>
      <c r="AF3433">
        <v>-0.4202945841106463</v>
      </c>
    </row>
    <row r="3434" spans="6:32" x14ac:dyDescent="0.25">
      <c r="F3434">
        <v>118.05</v>
      </c>
      <c r="G3434">
        <v>8.2214469999999995</v>
      </c>
      <c r="AB3434">
        <v>-100</v>
      </c>
      <c r="AC3434">
        <v>39.799999999999997</v>
      </c>
      <c r="AD3434">
        <v>118.1</v>
      </c>
      <c r="AE3434">
        <v>8.2214139999999993</v>
      </c>
      <c r="AF3434">
        <v>-0.4202945841106463</v>
      </c>
    </row>
    <row r="3435" spans="6:32" x14ac:dyDescent="0.25">
      <c r="F3435">
        <v>118.066667</v>
      </c>
      <c r="G3435">
        <v>8.2214469999999995</v>
      </c>
      <c r="AB3435">
        <v>-100</v>
      </c>
      <c r="AC3435">
        <v>39.81666700000001</v>
      </c>
      <c r="AD3435">
        <v>118.11666700000001</v>
      </c>
      <c r="AE3435">
        <v>8.2214139999999993</v>
      </c>
      <c r="AF3435">
        <v>-0.4202945841106463</v>
      </c>
    </row>
    <row r="3436" spans="6:32" x14ac:dyDescent="0.25">
      <c r="F3436">
        <v>118.083333</v>
      </c>
      <c r="G3436">
        <v>8.2214139999999993</v>
      </c>
      <c r="AB3436">
        <v>-100</v>
      </c>
      <c r="AC3436">
        <v>39.833332999999996</v>
      </c>
      <c r="AD3436">
        <v>118.13333299999999</v>
      </c>
      <c r="AE3436">
        <v>8.2213799999999999</v>
      </c>
      <c r="AF3436">
        <v>-0.42070640012965255</v>
      </c>
    </row>
    <row r="3437" spans="6:32" x14ac:dyDescent="0.25">
      <c r="F3437">
        <v>118.1</v>
      </c>
      <c r="G3437">
        <v>8.2214139999999993</v>
      </c>
      <c r="AB3437">
        <v>-100</v>
      </c>
      <c r="AC3437">
        <v>39.850000000000009</v>
      </c>
      <c r="AD3437">
        <v>118.15</v>
      </c>
      <c r="AE3437">
        <v>8.2213799999999999</v>
      </c>
      <c r="AF3437">
        <v>-0.42070640012965255</v>
      </c>
    </row>
    <row r="3438" spans="6:32" x14ac:dyDescent="0.25">
      <c r="F3438">
        <v>118.11666700000001</v>
      </c>
      <c r="G3438">
        <v>8.2214139999999993</v>
      </c>
      <c r="AB3438">
        <v>-100</v>
      </c>
      <c r="AC3438">
        <v>39.866667000000007</v>
      </c>
      <c r="AD3438">
        <v>118.166667</v>
      </c>
      <c r="AE3438">
        <v>8.2213799999999999</v>
      </c>
      <c r="AF3438">
        <v>-0.42070640012965255</v>
      </c>
    </row>
    <row r="3439" spans="6:32" x14ac:dyDescent="0.25">
      <c r="F3439">
        <v>118.13333299999999</v>
      </c>
      <c r="G3439">
        <v>8.2213799999999999</v>
      </c>
      <c r="AB3439">
        <v>-100</v>
      </c>
      <c r="AC3439">
        <v>39.883333000000007</v>
      </c>
      <c r="AD3439">
        <v>118.183333</v>
      </c>
      <c r="AE3439">
        <v>8.2213460000000005</v>
      </c>
      <c r="AF3439">
        <v>-0.42111821614865885</v>
      </c>
    </row>
    <row r="3440" spans="6:32" x14ac:dyDescent="0.25">
      <c r="F3440">
        <v>118.15</v>
      </c>
      <c r="G3440">
        <v>8.2213799999999999</v>
      </c>
      <c r="AB3440">
        <v>-100</v>
      </c>
      <c r="AC3440">
        <v>39.900000000000006</v>
      </c>
      <c r="AD3440">
        <v>118.2</v>
      </c>
      <c r="AE3440">
        <v>8.2213460000000005</v>
      </c>
      <c r="AF3440">
        <v>-0.42111821614865885</v>
      </c>
    </row>
    <row r="3441" spans="6:32" x14ac:dyDescent="0.25">
      <c r="F3441">
        <v>118.166667</v>
      </c>
      <c r="G3441">
        <v>8.2213799999999999</v>
      </c>
      <c r="AB3441">
        <v>-100</v>
      </c>
      <c r="AC3441">
        <v>39.916667000000004</v>
      </c>
      <c r="AD3441">
        <v>118.216667</v>
      </c>
      <c r="AE3441">
        <v>8.2213460000000005</v>
      </c>
      <c r="AF3441">
        <v>-0.42111821614865885</v>
      </c>
    </row>
    <row r="3442" spans="6:32" x14ac:dyDescent="0.25">
      <c r="F3442">
        <v>118.183333</v>
      </c>
      <c r="G3442">
        <v>8.2213460000000005</v>
      </c>
      <c r="AB3442">
        <v>-100</v>
      </c>
      <c r="AC3442">
        <v>39.933333000000005</v>
      </c>
      <c r="AD3442">
        <v>118.233333</v>
      </c>
      <c r="AE3442">
        <v>8.2213130000000003</v>
      </c>
      <c r="AF3442">
        <v>-0.42151791993182097</v>
      </c>
    </row>
    <row r="3443" spans="6:32" x14ac:dyDescent="0.25">
      <c r="F3443">
        <v>118.2</v>
      </c>
      <c r="G3443">
        <v>8.2213460000000005</v>
      </c>
      <c r="AB3443">
        <v>-100</v>
      </c>
      <c r="AC3443">
        <v>39.950000000000003</v>
      </c>
      <c r="AD3443">
        <v>118.25</v>
      </c>
      <c r="AE3443">
        <v>8.2213130000000003</v>
      </c>
      <c r="AF3443">
        <v>-0.42151791993182097</v>
      </c>
    </row>
    <row r="3444" spans="6:32" x14ac:dyDescent="0.25">
      <c r="F3444">
        <v>118.216667</v>
      </c>
      <c r="G3444">
        <v>8.2213460000000005</v>
      </c>
      <c r="AB3444">
        <v>-100</v>
      </c>
      <c r="AC3444">
        <v>39.966667000000001</v>
      </c>
      <c r="AD3444">
        <v>118.266667</v>
      </c>
      <c r="AE3444">
        <v>8.2213130000000003</v>
      </c>
      <c r="AF3444">
        <v>-0.42151791993182097</v>
      </c>
    </row>
    <row r="3445" spans="6:32" x14ac:dyDescent="0.25">
      <c r="F3445">
        <v>118.233333</v>
      </c>
      <c r="G3445">
        <v>8.2213130000000003</v>
      </c>
      <c r="AB3445">
        <v>-100</v>
      </c>
      <c r="AC3445">
        <v>39.983333000000002</v>
      </c>
      <c r="AD3445">
        <v>118.283333</v>
      </c>
      <c r="AE3445">
        <v>8.2212789999999991</v>
      </c>
      <c r="AF3445">
        <v>-0.42192973595084876</v>
      </c>
    </row>
    <row r="3446" spans="6:32" x14ac:dyDescent="0.25">
      <c r="F3446">
        <v>118.25</v>
      </c>
      <c r="G3446">
        <v>8.2213130000000003</v>
      </c>
      <c r="AB3446">
        <v>-100</v>
      </c>
      <c r="AC3446">
        <v>40</v>
      </c>
      <c r="AD3446">
        <v>118.3</v>
      </c>
      <c r="AE3446">
        <v>8.2212789999999991</v>
      </c>
      <c r="AF3446">
        <v>-0.42192973595084876</v>
      </c>
    </row>
    <row r="3447" spans="6:32" x14ac:dyDescent="0.25">
      <c r="F3447">
        <v>118.266667</v>
      </c>
      <c r="G3447">
        <v>8.2213130000000003</v>
      </c>
      <c r="AB3447">
        <v>-100</v>
      </c>
      <c r="AC3447">
        <v>40.016666999999998</v>
      </c>
      <c r="AD3447">
        <v>118.316667</v>
      </c>
      <c r="AE3447">
        <v>8.2212449999999997</v>
      </c>
      <c r="AF3447">
        <v>-0.42234155196985512</v>
      </c>
    </row>
    <row r="3448" spans="6:32" x14ac:dyDescent="0.25">
      <c r="F3448">
        <v>118.283333</v>
      </c>
      <c r="G3448">
        <v>8.2212789999999991</v>
      </c>
      <c r="AB3448">
        <v>-100</v>
      </c>
      <c r="AC3448">
        <v>40.033332999999999</v>
      </c>
      <c r="AD3448">
        <v>118.333333</v>
      </c>
      <c r="AE3448">
        <v>8.2212449999999997</v>
      </c>
      <c r="AF3448">
        <v>-0.42234155196985512</v>
      </c>
    </row>
    <row r="3449" spans="6:32" x14ac:dyDescent="0.25">
      <c r="F3449">
        <v>118.3</v>
      </c>
      <c r="G3449">
        <v>8.2212789999999991</v>
      </c>
      <c r="AB3449">
        <v>-100</v>
      </c>
      <c r="AC3449">
        <v>40.049999999999997</v>
      </c>
      <c r="AD3449">
        <v>118.35</v>
      </c>
      <c r="AE3449">
        <v>8.2212119999999995</v>
      </c>
      <c r="AF3449">
        <v>-0.42274125575301713</v>
      </c>
    </row>
    <row r="3450" spans="6:32" x14ac:dyDescent="0.25">
      <c r="F3450">
        <v>118.316667</v>
      </c>
      <c r="G3450">
        <v>8.2212449999999997</v>
      </c>
      <c r="AB3450">
        <v>-100</v>
      </c>
      <c r="AC3450">
        <v>40.06666700000001</v>
      </c>
      <c r="AD3450">
        <v>118.36666700000001</v>
      </c>
      <c r="AE3450">
        <v>8.2212119999999995</v>
      </c>
      <c r="AF3450">
        <v>-0.42274125575301713</v>
      </c>
    </row>
    <row r="3451" spans="6:32" x14ac:dyDescent="0.25">
      <c r="F3451">
        <v>118.333333</v>
      </c>
      <c r="G3451">
        <v>8.2212449999999997</v>
      </c>
      <c r="AB3451">
        <v>-100</v>
      </c>
      <c r="AC3451">
        <v>40.083332999999996</v>
      </c>
      <c r="AD3451">
        <v>118.38333299999999</v>
      </c>
      <c r="AE3451">
        <v>8.2212119999999995</v>
      </c>
      <c r="AF3451">
        <v>-0.42274125575301713</v>
      </c>
    </row>
    <row r="3452" spans="6:32" x14ac:dyDescent="0.25">
      <c r="F3452">
        <v>118.35</v>
      </c>
      <c r="G3452">
        <v>8.2212119999999995</v>
      </c>
      <c r="AB3452">
        <v>-100</v>
      </c>
      <c r="AC3452">
        <v>40.100000000000009</v>
      </c>
      <c r="AD3452">
        <v>118.4</v>
      </c>
      <c r="AE3452">
        <v>8.2211780000000001</v>
      </c>
      <c r="AF3452">
        <v>-0.42315307177202344</v>
      </c>
    </row>
    <row r="3453" spans="6:32" x14ac:dyDescent="0.25">
      <c r="F3453">
        <v>118.36666700000001</v>
      </c>
      <c r="G3453">
        <v>8.2212119999999995</v>
      </c>
      <c r="AB3453">
        <v>-100</v>
      </c>
      <c r="AC3453">
        <v>40.116667000000007</v>
      </c>
      <c r="AD3453">
        <v>118.416667</v>
      </c>
      <c r="AE3453">
        <v>8.2211780000000001</v>
      </c>
      <c r="AF3453">
        <v>-0.42315307177202344</v>
      </c>
    </row>
    <row r="3454" spans="6:32" x14ac:dyDescent="0.25">
      <c r="F3454">
        <v>118.38333299999999</v>
      </c>
      <c r="G3454">
        <v>8.2212119999999995</v>
      </c>
      <c r="AB3454">
        <v>-100</v>
      </c>
      <c r="AC3454">
        <v>40.133333000000007</v>
      </c>
      <c r="AD3454">
        <v>118.433333</v>
      </c>
      <c r="AE3454">
        <v>8.2211780000000001</v>
      </c>
      <c r="AF3454">
        <v>-0.42315307177202344</v>
      </c>
    </row>
    <row r="3455" spans="6:32" x14ac:dyDescent="0.25">
      <c r="F3455">
        <v>118.4</v>
      </c>
      <c r="G3455">
        <v>8.2211780000000001</v>
      </c>
      <c r="AB3455">
        <v>-100</v>
      </c>
      <c r="AC3455">
        <v>40.150000000000006</v>
      </c>
      <c r="AD3455">
        <v>118.45</v>
      </c>
      <c r="AE3455">
        <v>8.2211440000000007</v>
      </c>
      <c r="AF3455">
        <v>-0.4235648877910298</v>
      </c>
    </row>
    <row r="3456" spans="6:32" x14ac:dyDescent="0.25">
      <c r="F3456">
        <v>118.416667</v>
      </c>
      <c r="G3456">
        <v>8.2211780000000001</v>
      </c>
      <c r="AB3456">
        <v>-100</v>
      </c>
      <c r="AC3456">
        <v>40.166667000000004</v>
      </c>
      <c r="AD3456">
        <v>118.466667</v>
      </c>
      <c r="AE3456">
        <v>8.2211440000000007</v>
      </c>
      <c r="AF3456">
        <v>-0.4235648877910298</v>
      </c>
    </row>
    <row r="3457" spans="6:32" x14ac:dyDescent="0.25">
      <c r="F3457">
        <v>118.433333</v>
      </c>
      <c r="G3457">
        <v>8.2211780000000001</v>
      </c>
      <c r="AB3457">
        <v>-100</v>
      </c>
      <c r="AC3457">
        <v>40.183333000000005</v>
      </c>
      <c r="AD3457">
        <v>118.483333</v>
      </c>
      <c r="AE3457">
        <v>8.2211440000000007</v>
      </c>
      <c r="AF3457">
        <v>-0.4235648877910298</v>
      </c>
    </row>
    <row r="3458" spans="6:32" x14ac:dyDescent="0.25">
      <c r="F3458">
        <v>118.45</v>
      </c>
      <c r="G3458">
        <v>8.2211440000000007</v>
      </c>
      <c r="AB3458">
        <v>-100</v>
      </c>
      <c r="AC3458">
        <v>40.200000000000003</v>
      </c>
      <c r="AD3458">
        <v>118.5</v>
      </c>
      <c r="AE3458">
        <v>8.2211110000000005</v>
      </c>
      <c r="AF3458">
        <v>-0.42396459157419181</v>
      </c>
    </row>
    <row r="3459" spans="6:32" x14ac:dyDescent="0.25">
      <c r="F3459">
        <v>118.466667</v>
      </c>
      <c r="G3459">
        <v>8.2211440000000007</v>
      </c>
      <c r="AB3459">
        <v>-100</v>
      </c>
      <c r="AC3459">
        <v>40.216667000000001</v>
      </c>
      <c r="AD3459">
        <v>118.516667</v>
      </c>
      <c r="AE3459">
        <v>8.2211110000000005</v>
      </c>
      <c r="AF3459">
        <v>-0.42396459157419181</v>
      </c>
    </row>
    <row r="3460" spans="6:32" x14ac:dyDescent="0.25">
      <c r="F3460">
        <v>118.483333</v>
      </c>
      <c r="G3460">
        <v>8.2211440000000007</v>
      </c>
      <c r="AB3460">
        <v>-100</v>
      </c>
      <c r="AC3460">
        <v>40.233333000000002</v>
      </c>
      <c r="AD3460">
        <v>118.533333</v>
      </c>
      <c r="AE3460">
        <v>8.2211110000000005</v>
      </c>
      <c r="AF3460">
        <v>-0.42396459157419181</v>
      </c>
    </row>
    <row r="3461" spans="6:32" x14ac:dyDescent="0.25">
      <c r="F3461">
        <v>118.5</v>
      </c>
      <c r="G3461">
        <v>8.2211110000000005</v>
      </c>
      <c r="AB3461">
        <v>-100</v>
      </c>
      <c r="AC3461">
        <v>40.25</v>
      </c>
      <c r="AD3461">
        <v>118.55</v>
      </c>
      <c r="AE3461">
        <v>8.2210769999999993</v>
      </c>
      <c r="AF3461">
        <v>-0.42437640759321971</v>
      </c>
    </row>
    <row r="3462" spans="6:32" x14ac:dyDescent="0.25">
      <c r="F3462">
        <v>118.516667</v>
      </c>
      <c r="G3462">
        <v>8.2211110000000005</v>
      </c>
      <c r="AB3462">
        <v>-100</v>
      </c>
      <c r="AC3462">
        <v>40.266666999999998</v>
      </c>
      <c r="AD3462">
        <v>118.566667</v>
      </c>
      <c r="AE3462">
        <v>8.2210769999999993</v>
      </c>
      <c r="AF3462">
        <v>-0.42437640759321971</v>
      </c>
    </row>
    <row r="3463" spans="6:32" x14ac:dyDescent="0.25">
      <c r="F3463">
        <v>118.533333</v>
      </c>
      <c r="G3463">
        <v>8.2211110000000005</v>
      </c>
      <c r="AB3463">
        <v>-100</v>
      </c>
      <c r="AC3463">
        <v>40.283332999999999</v>
      </c>
      <c r="AD3463">
        <v>118.583333</v>
      </c>
      <c r="AE3463">
        <v>8.2210769999999993</v>
      </c>
      <c r="AF3463">
        <v>-0.42437640759321971</v>
      </c>
    </row>
    <row r="3464" spans="6:32" x14ac:dyDescent="0.25">
      <c r="F3464">
        <v>118.55</v>
      </c>
      <c r="G3464">
        <v>8.2210769999999993</v>
      </c>
      <c r="AB3464">
        <v>-100</v>
      </c>
      <c r="AC3464">
        <v>40.299999999999997</v>
      </c>
      <c r="AD3464">
        <v>118.6</v>
      </c>
      <c r="AE3464">
        <v>8.2210769999999993</v>
      </c>
      <c r="AF3464">
        <v>-0.42437640759321971</v>
      </c>
    </row>
    <row r="3465" spans="6:32" x14ac:dyDescent="0.25">
      <c r="F3465">
        <v>118.566667</v>
      </c>
      <c r="G3465">
        <v>8.2210769999999993</v>
      </c>
      <c r="AB3465">
        <v>-100</v>
      </c>
      <c r="AC3465">
        <v>40.31666700000001</v>
      </c>
      <c r="AD3465">
        <v>118.61666700000001</v>
      </c>
      <c r="AE3465">
        <v>8.2210769999999993</v>
      </c>
      <c r="AF3465">
        <v>-0.42437640759321971</v>
      </c>
    </row>
    <row r="3466" spans="6:32" x14ac:dyDescent="0.25">
      <c r="F3466">
        <v>118.583333</v>
      </c>
      <c r="G3466">
        <v>8.2210769999999993</v>
      </c>
      <c r="AB3466">
        <v>-100</v>
      </c>
      <c r="AC3466">
        <v>40.333332999999996</v>
      </c>
      <c r="AD3466">
        <v>118.63333299999999</v>
      </c>
      <c r="AE3466">
        <v>8.2210429999999999</v>
      </c>
      <c r="AF3466">
        <v>-0.42478822361222596</v>
      </c>
    </row>
    <row r="3467" spans="6:32" x14ac:dyDescent="0.25">
      <c r="F3467">
        <v>118.6</v>
      </c>
      <c r="G3467">
        <v>8.2210769999999993</v>
      </c>
      <c r="AB3467">
        <v>-100</v>
      </c>
      <c r="AC3467">
        <v>40.350000000000009</v>
      </c>
      <c r="AD3467">
        <v>118.65</v>
      </c>
      <c r="AE3467">
        <v>8.2210429999999999</v>
      </c>
      <c r="AF3467">
        <v>-0.42478822361222596</v>
      </c>
    </row>
    <row r="3468" spans="6:32" x14ac:dyDescent="0.25">
      <c r="F3468">
        <v>118.61666700000001</v>
      </c>
      <c r="G3468">
        <v>8.2210769999999993</v>
      </c>
      <c r="AB3468">
        <v>-100</v>
      </c>
      <c r="AC3468">
        <v>40.366667000000007</v>
      </c>
      <c r="AD3468">
        <v>118.666667</v>
      </c>
      <c r="AE3468">
        <v>8.2210429999999999</v>
      </c>
      <c r="AF3468">
        <v>-0.42478822361222596</v>
      </c>
    </row>
    <row r="3469" spans="6:32" x14ac:dyDescent="0.25">
      <c r="F3469">
        <v>118.63333299999999</v>
      </c>
      <c r="G3469">
        <v>8.2210429999999999</v>
      </c>
      <c r="AB3469">
        <v>-100</v>
      </c>
      <c r="AC3469">
        <v>40.383333000000007</v>
      </c>
      <c r="AD3469">
        <v>118.683333</v>
      </c>
      <c r="AE3469">
        <v>8.2210429999999999</v>
      </c>
      <c r="AF3469">
        <v>-0.42478822361222596</v>
      </c>
    </row>
    <row r="3470" spans="6:32" x14ac:dyDescent="0.25">
      <c r="F3470">
        <v>118.65</v>
      </c>
      <c r="G3470">
        <v>8.2210429999999999</v>
      </c>
      <c r="AB3470">
        <v>-100</v>
      </c>
      <c r="AC3470">
        <v>40.400000000000006</v>
      </c>
      <c r="AD3470">
        <v>118.7</v>
      </c>
      <c r="AE3470">
        <v>8.2210429999999999</v>
      </c>
      <c r="AF3470">
        <v>-0.42478822361222596</v>
      </c>
    </row>
    <row r="3471" spans="6:32" x14ac:dyDescent="0.25">
      <c r="F3471">
        <v>118.666667</v>
      </c>
      <c r="G3471">
        <v>8.2210429999999999</v>
      </c>
      <c r="AB3471">
        <v>-100</v>
      </c>
      <c r="AC3471">
        <v>40.416667000000004</v>
      </c>
      <c r="AD3471">
        <v>118.716667</v>
      </c>
      <c r="AE3471">
        <v>8.2210429999999999</v>
      </c>
      <c r="AF3471">
        <v>-0.42478822361222596</v>
      </c>
    </row>
    <row r="3472" spans="6:32" x14ac:dyDescent="0.25">
      <c r="F3472">
        <v>118.683333</v>
      </c>
      <c r="G3472">
        <v>8.2210429999999999</v>
      </c>
      <c r="AB3472">
        <v>-100</v>
      </c>
      <c r="AC3472">
        <v>40.433333000000005</v>
      </c>
      <c r="AD3472">
        <v>118.733333</v>
      </c>
      <c r="AE3472">
        <v>8.2210429999999999</v>
      </c>
      <c r="AF3472">
        <v>-0.42478822361222596</v>
      </c>
    </row>
    <row r="3473" spans="6:32" x14ac:dyDescent="0.25">
      <c r="F3473">
        <v>118.7</v>
      </c>
      <c r="G3473">
        <v>8.2210429999999999</v>
      </c>
      <c r="AB3473">
        <v>-100</v>
      </c>
      <c r="AC3473">
        <v>40.450000000000003</v>
      </c>
      <c r="AD3473">
        <v>118.75</v>
      </c>
      <c r="AE3473">
        <v>8.2210099999999997</v>
      </c>
      <c r="AF3473">
        <v>-0.42518792739538802</v>
      </c>
    </row>
    <row r="3474" spans="6:32" x14ac:dyDescent="0.25">
      <c r="F3474">
        <v>118.716667</v>
      </c>
      <c r="G3474">
        <v>8.2210429999999999</v>
      </c>
      <c r="AB3474">
        <v>-100</v>
      </c>
      <c r="AC3474">
        <v>40.466667000000001</v>
      </c>
      <c r="AD3474">
        <v>118.766667</v>
      </c>
      <c r="AE3474">
        <v>8.2210099999999997</v>
      </c>
      <c r="AF3474">
        <v>-0.42518792739538802</v>
      </c>
    </row>
    <row r="3475" spans="6:32" x14ac:dyDescent="0.25">
      <c r="F3475">
        <v>118.733333</v>
      </c>
      <c r="G3475">
        <v>8.2210429999999999</v>
      </c>
      <c r="AB3475">
        <v>-100</v>
      </c>
      <c r="AC3475">
        <v>40.483333000000002</v>
      </c>
      <c r="AD3475">
        <v>118.783333</v>
      </c>
      <c r="AE3475">
        <v>8.2210429999999999</v>
      </c>
      <c r="AF3475">
        <v>-0.42478822361222596</v>
      </c>
    </row>
    <row r="3476" spans="6:32" x14ac:dyDescent="0.25">
      <c r="F3476">
        <v>118.75</v>
      </c>
      <c r="G3476">
        <v>8.2210099999999997</v>
      </c>
      <c r="AB3476">
        <v>-100</v>
      </c>
      <c r="AC3476">
        <v>40.5</v>
      </c>
      <c r="AD3476">
        <v>118.8</v>
      </c>
      <c r="AE3476">
        <v>8.2210429999999999</v>
      </c>
      <c r="AF3476">
        <v>-0.42478822361222596</v>
      </c>
    </row>
    <row r="3477" spans="6:32" x14ac:dyDescent="0.25">
      <c r="F3477">
        <v>118.766667</v>
      </c>
      <c r="G3477">
        <v>8.2210099999999997</v>
      </c>
      <c r="AB3477">
        <v>-100</v>
      </c>
      <c r="AC3477">
        <v>40.516666999999998</v>
      </c>
      <c r="AD3477">
        <v>118.816667</v>
      </c>
      <c r="AE3477">
        <v>8.2210429999999999</v>
      </c>
      <c r="AF3477">
        <v>-0.42478822361222596</v>
      </c>
    </row>
    <row r="3478" spans="6:32" x14ac:dyDescent="0.25">
      <c r="F3478">
        <v>118.783333</v>
      </c>
      <c r="G3478">
        <v>8.2210429999999999</v>
      </c>
      <c r="AB3478">
        <v>-100</v>
      </c>
      <c r="AC3478">
        <v>40.533332999999999</v>
      </c>
      <c r="AD3478">
        <v>118.833333</v>
      </c>
      <c r="AE3478">
        <v>8.2210429999999999</v>
      </c>
      <c r="AF3478">
        <v>-0.42478822361222596</v>
      </c>
    </row>
    <row r="3479" spans="6:32" x14ac:dyDescent="0.25">
      <c r="F3479">
        <v>118.8</v>
      </c>
      <c r="G3479">
        <v>8.2210429999999999</v>
      </c>
      <c r="AB3479">
        <v>-100</v>
      </c>
      <c r="AC3479">
        <v>40.549999999999997</v>
      </c>
      <c r="AD3479">
        <v>118.85</v>
      </c>
      <c r="AE3479">
        <v>8.2210429999999999</v>
      </c>
      <c r="AF3479">
        <v>-0.42478822361222596</v>
      </c>
    </row>
    <row r="3480" spans="6:32" x14ac:dyDescent="0.25">
      <c r="F3480">
        <v>118.816667</v>
      </c>
      <c r="G3480">
        <v>8.2210429999999999</v>
      </c>
      <c r="AB3480">
        <v>-100</v>
      </c>
      <c r="AC3480">
        <v>40.56666700000001</v>
      </c>
      <c r="AD3480">
        <v>118.86666700000001</v>
      </c>
      <c r="AE3480">
        <v>8.2210429999999999</v>
      </c>
      <c r="AF3480">
        <v>-0.42478822361222596</v>
      </c>
    </row>
    <row r="3481" spans="6:32" x14ac:dyDescent="0.25">
      <c r="F3481">
        <v>118.833333</v>
      </c>
      <c r="G3481">
        <v>8.2210429999999999</v>
      </c>
      <c r="AB3481">
        <v>-100</v>
      </c>
      <c r="AC3481">
        <v>40.583332999999996</v>
      </c>
      <c r="AD3481">
        <v>118.88333299999999</v>
      </c>
      <c r="AE3481">
        <v>8.2210099999999997</v>
      </c>
      <c r="AF3481">
        <v>-0.42518792739538802</v>
      </c>
    </row>
    <row r="3482" spans="6:32" x14ac:dyDescent="0.25">
      <c r="F3482">
        <v>118.85</v>
      </c>
      <c r="G3482">
        <v>8.2210429999999999</v>
      </c>
      <c r="AB3482">
        <v>-100</v>
      </c>
      <c r="AC3482">
        <v>40.600000000000009</v>
      </c>
      <c r="AD3482">
        <v>118.9</v>
      </c>
      <c r="AE3482">
        <v>8.2210099999999997</v>
      </c>
      <c r="AF3482">
        <v>-0.42518792739538802</v>
      </c>
    </row>
    <row r="3483" spans="6:32" x14ac:dyDescent="0.25">
      <c r="F3483">
        <v>118.86666700000001</v>
      </c>
      <c r="G3483">
        <v>8.2210429999999999</v>
      </c>
      <c r="AB3483">
        <v>-100</v>
      </c>
      <c r="AC3483">
        <v>40.616667000000007</v>
      </c>
      <c r="AD3483">
        <v>118.916667</v>
      </c>
      <c r="AE3483">
        <v>8.2210099999999997</v>
      </c>
      <c r="AF3483">
        <v>-0.42518792739538802</v>
      </c>
    </row>
    <row r="3484" spans="6:32" x14ac:dyDescent="0.25">
      <c r="F3484">
        <v>118.88333299999999</v>
      </c>
      <c r="G3484">
        <v>8.2210099999999997</v>
      </c>
      <c r="AB3484">
        <v>-100</v>
      </c>
      <c r="AC3484">
        <v>40.633333000000007</v>
      </c>
      <c r="AD3484">
        <v>118.933333</v>
      </c>
      <c r="AE3484">
        <v>8.2210099999999997</v>
      </c>
      <c r="AF3484">
        <v>-0.42518792739538802</v>
      </c>
    </row>
    <row r="3485" spans="6:32" x14ac:dyDescent="0.25">
      <c r="F3485">
        <v>118.9</v>
      </c>
      <c r="G3485">
        <v>8.2210099999999997</v>
      </c>
      <c r="AB3485">
        <v>-100</v>
      </c>
      <c r="AC3485">
        <v>40.650000000000006</v>
      </c>
      <c r="AD3485">
        <v>118.95</v>
      </c>
      <c r="AE3485">
        <v>8.2209760000000003</v>
      </c>
      <c r="AF3485">
        <v>-0.42559974341439438</v>
      </c>
    </row>
    <row r="3486" spans="6:32" x14ac:dyDescent="0.25">
      <c r="F3486">
        <v>118.916667</v>
      </c>
      <c r="G3486">
        <v>8.2210099999999997</v>
      </c>
      <c r="AB3486">
        <v>-100</v>
      </c>
      <c r="AC3486">
        <v>40.666667000000004</v>
      </c>
      <c r="AD3486">
        <v>118.966667</v>
      </c>
      <c r="AE3486">
        <v>8.2209760000000003</v>
      </c>
      <c r="AF3486">
        <v>-0.42559974341439438</v>
      </c>
    </row>
    <row r="3487" spans="6:32" x14ac:dyDescent="0.25">
      <c r="F3487">
        <v>118.933333</v>
      </c>
      <c r="G3487">
        <v>8.2210099999999997</v>
      </c>
      <c r="AB3487">
        <v>-100</v>
      </c>
      <c r="AC3487">
        <v>40.683333000000005</v>
      </c>
      <c r="AD3487">
        <v>118.983333</v>
      </c>
      <c r="AE3487">
        <v>8.2209760000000003</v>
      </c>
      <c r="AF3487">
        <v>-0.42559974341439438</v>
      </c>
    </row>
    <row r="3488" spans="6:32" x14ac:dyDescent="0.25">
      <c r="F3488">
        <v>118.95</v>
      </c>
      <c r="G3488">
        <v>8.2209760000000003</v>
      </c>
      <c r="AB3488">
        <v>-100</v>
      </c>
      <c r="AC3488">
        <v>40.700000000000003</v>
      </c>
      <c r="AD3488">
        <v>119</v>
      </c>
      <c r="AE3488">
        <v>8.2209760000000003</v>
      </c>
      <c r="AF3488">
        <v>-0.42559974341439438</v>
      </c>
    </row>
    <row r="3489" spans="6:32" x14ac:dyDescent="0.25">
      <c r="F3489">
        <v>118.966667</v>
      </c>
      <c r="G3489">
        <v>8.2209760000000003</v>
      </c>
      <c r="AB3489">
        <v>-100</v>
      </c>
      <c r="AC3489">
        <v>40.716667000000001</v>
      </c>
      <c r="AD3489">
        <v>119.016667</v>
      </c>
      <c r="AE3489">
        <v>8.2209430000000001</v>
      </c>
      <c r="AF3489">
        <v>-0.42599944719755639</v>
      </c>
    </row>
    <row r="3490" spans="6:32" x14ac:dyDescent="0.25">
      <c r="F3490">
        <v>118.983333</v>
      </c>
      <c r="G3490">
        <v>8.2209760000000003</v>
      </c>
      <c r="AB3490">
        <v>-100</v>
      </c>
      <c r="AC3490">
        <v>40.733333000000002</v>
      </c>
      <c r="AD3490">
        <v>119.033333</v>
      </c>
      <c r="AE3490">
        <v>8.2209430000000001</v>
      </c>
      <c r="AF3490">
        <v>-0.42599944719755639</v>
      </c>
    </row>
    <row r="3491" spans="6:32" x14ac:dyDescent="0.25">
      <c r="F3491">
        <v>119</v>
      </c>
      <c r="G3491">
        <v>8.2209760000000003</v>
      </c>
      <c r="AB3491">
        <v>-100</v>
      </c>
      <c r="AC3491">
        <v>40.75</v>
      </c>
      <c r="AD3491">
        <v>119.05</v>
      </c>
      <c r="AE3491">
        <v>8.2209090000000007</v>
      </c>
      <c r="AF3491">
        <v>-0.42641126321656275</v>
      </c>
    </row>
    <row r="3492" spans="6:32" x14ac:dyDescent="0.25">
      <c r="F3492">
        <v>119.016667</v>
      </c>
      <c r="G3492">
        <v>8.2209430000000001</v>
      </c>
      <c r="AB3492">
        <v>-100</v>
      </c>
      <c r="AC3492">
        <v>40.766666999999998</v>
      </c>
      <c r="AD3492">
        <v>119.066667</v>
      </c>
      <c r="AE3492">
        <v>8.2209090000000007</v>
      </c>
      <c r="AF3492">
        <v>-0.42641126321656275</v>
      </c>
    </row>
    <row r="3493" spans="6:32" x14ac:dyDescent="0.25">
      <c r="F3493">
        <v>119.033333</v>
      </c>
      <c r="G3493">
        <v>8.2209430000000001</v>
      </c>
      <c r="AB3493">
        <v>-100</v>
      </c>
      <c r="AC3493">
        <v>40.783332999999999</v>
      </c>
      <c r="AD3493">
        <v>119.083333</v>
      </c>
      <c r="AE3493">
        <v>8.2209090000000007</v>
      </c>
      <c r="AF3493">
        <v>-0.42641126321656275</v>
      </c>
    </row>
    <row r="3494" spans="6:32" x14ac:dyDescent="0.25">
      <c r="F3494">
        <v>119.05</v>
      </c>
      <c r="G3494">
        <v>8.2209090000000007</v>
      </c>
      <c r="AB3494">
        <v>-100</v>
      </c>
      <c r="AC3494">
        <v>40.799999999999997</v>
      </c>
      <c r="AD3494">
        <v>119.1</v>
      </c>
      <c r="AE3494">
        <v>8.2208749999999995</v>
      </c>
      <c r="AF3494">
        <v>-0.42682307923559054</v>
      </c>
    </row>
    <row r="3495" spans="6:32" x14ac:dyDescent="0.25">
      <c r="F3495">
        <v>119.066667</v>
      </c>
      <c r="G3495">
        <v>8.2209090000000007</v>
      </c>
      <c r="AB3495">
        <v>-100</v>
      </c>
      <c r="AC3495">
        <v>40.81666700000001</v>
      </c>
      <c r="AD3495">
        <v>119.11666700000001</v>
      </c>
      <c r="AE3495">
        <v>8.2208749999999995</v>
      </c>
      <c r="AF3495">
        <v>-0.42682307923559054</v>
      </c>
    </row>
    <row r="3496" spans="6:32" x14ac:dyDescent="0.25">
      <c r="F3496">
        <v>119.083333</v>
      </c>
      <c r="G3496">
        <v>8.2209090000000007</v>
      </c>
      <c r="AB3496">
        <v>-100</v>
      </c>
      <c r="AC3496">
        <v>40.833332999999996</v>
      </c>
      <c r="AD3496">
        <v>119.13333299999999</v>
      </c>
      <c r="AE3496">
        <v>8.2208419999999993</v>
      </c>
      <c r="AF3496">
        <v>-0.42722278301875261</v>
      </c>
    </row>
    <row r="3497" spans="6:32" x14ac:dyDescent="0.25">
      <c r="F3497">
        <v>119.1</v>
      </c>
      <c r="G3497">
        <v>8.2208749999999995</v>
      </c>
      <c r="AB3497">
        <v>-100</v>
      </c>
      <c r="AC3497">
        <v>40.850000000000009</v>
      </c>
      <c r="AD3497">
        <v>119.15</v>
      </c>
      <c r="AE3497">
        <v>8.2208419999999993</v>
      </c>
      <c r="AF3497">
        <v>-0.42722278301875261</v>
      </c>
    </row>
    <row r="3498" spans="6:32" x14ac:dyDescent="0.25">
      <c r="F3498">
        <v>119.11666700000001</v>
      </c>
      <c r="G3498">
        <v>8.2208749999999995</v>
      </c>
      <c r="AB3498">
        <v>-100</v>
      </c>
      <c r="AC3498">
        <v>40.866667000000007</v>
      </c>
      <c r="AD3498">
        <v>119.166667</v>
      </c>
      <c r="AE3498">
        <v>8.2208419999999993</v>
      </c>
      <c r="AF3498">
        <v>-0.42722278301875261</v>
      </c>
    </row>
    <row r="3499" spans="6:32" x14ac:dyDescent="0.25">
      <c r="F3499">
        <v>119.13333299999999</v>
      </c>
      <c r="G3499">
        <v>8.2208419999999993</v>
      </c>
      <c r="AB3499">
        <v>-100</v>
      </c>
      <c r="AC3499">
        <v>40.883333000000007</v>
      </c>
      <c r="AD3499">
        <v>119.183333</v>
      </c>
      <c r="AE3499">
        <v>8.2208079999999999</v>
      </c>
      <c r="AF3499">
        <v>-0.42763459903775891</v>
      </c>
    </row>
    <row r="3500" spans="6:32" x14ac:dyDescent="0.25">
      <c r="F3500">
        <v>119.15</v>
      </c>
      <c r="G3500">
        <v>8.2208419999999993</v>
      </c>
      <c r="AB3500">
        <v>-100</v>
      </c>
      <c r="AC3500">
        <v>40.900000000000006</v>
      </c>
      <c r="AD3500">
        <v>119.2</v>
      </c>
      <c r="AE3500">
        <v>8.2208079999999999</v>
      </c>
      <c r="AF3500">
        <v>-0.42763459903775891</v>
      </c>
    </row>
    <row r="3501" spans="6:32" x14ac:dyDescent="0.25">
      <c r="F3501">
        <v>119.166667</v>
      </c>
      <c r="G3501">
        <v>8.2208419999999993</v>
      </c>
      <c r="AB3501">
        <v>-100</v>
      </c>
      <c r="AC3501">
        <v>40.916667000000004</v>
      </c>
      <c r="AD3501">
        <v>119.216667</v>
      </c>
      <c r="AE3501">
        <v>8.2207740000000005</v>
      </c>
      <c r="AF3501">
        <v>-0.42804641505676522</v>
      </c>
    </row>
    <row r="3502" spans="6:32" x14ac:dyDescent="0.25">
      <c r="F3502">
        <v>119.183333</v>
      </c>
      <c r="G3502">
        <v>8.2208079999999999</v>
      </c>
      <c r="AB3502">
        <v>-100</v>
      </c>
      <c r="AC3502">
        <v>40.933333000000005</v>
      </c>
      <c r="AD3502">
        <v>119.233333</v>
      </c>
      <c r="AE3502">
        <v>8.2207410000000003</v>
      </c>
      <c r="AF3502">
        <v>-0.42844611883992734</v>
      </c>
    </row>
    <row r="3503" spans="6:32" x14ac:dyDescent="0.25">
      <c r="F3503">
        <v>119.2</v>
      </c>
      <c r="G3503">
        <v>8.2208079999999999</v>
      </c>
      <c r="AB3503">
        <v>-100</v>
      </c>
      <c r="AC3503">
        <v>40.950000000000003</v>
      </c>
      <c r="AD3503">
        <v>119.25</v>
      </c>
      <c r="AE3503">
        <v>8.2207410000000003</v>
      </c>
      <c r="AF3503">
        <v>-0.42844611883992734</v>
      </c>
    </row>
    <row r="3504" spans="6:32" x14ac:dyDescent="0.25">
      <c r="F3504">
        <v>119.216667</v>
      </c>
      <c r="G3504">
        <v>8.2207740000000005</v>
      </c>
      <c r="AB3504">
        <v>-100</v>
      </c>
      <c r="AC3504">
        <v>40.966667000000001</v>
      </c>
      <c r="AD3504">
        <v>119.266667</v>
      </c>
      <c r="AE3504">
        <v>8.2207070000000009</v>
      </c>
      <c r="AF3504">
        <v>-0.42885793485893359</v>
      </c>
    </row>
    <row r="3505" spans="6:32" x14ac:dyDescent="0.25">
      <c r="F3505">
        <v>119.233333</v>
      </c>
      <c r="G3505">
        <v>8.2207410000000003</v>
      </c>
      <c r="AB3505">
        <v>-100</v>
      </c>
      <c r="AC3505">
        <v>40.983333000000002</v>
      </c>
      <c r="AD3505">
        <v>119.283333</v>
      </c>
      <c r="AE3505">
        <v>8.2207070000000009</v>
      </c>
      <c r="AF3505">
        <v>-0.42885793485893359</v>
      </c>
    </row>
    <row r="3506" spans="6:32" x14ac:dyDescent="0.25">
      <c r="F3506">
        <v>119.25</v>
      </c>
      <c r="G3506">
        <v>8.2207410000000003</v>
      </c>
      <c r="AB3506">
        <v>-100</v>
      </c>
      <c r="AC3506">
        <v>41</v>
      </c>
      <c r="AD3506">
        <v>119.3</v>
      </c>
      <c r="AE3506">
        <v>8.2207070000000009</v>
      </c>
      <c r="AF3506">
        <v>-0.42885793485893359</v>
      </c>
    </row>
    <row r="3507" spans="6:32" x14ac:dyDescent="0.25">
      <c r="F3507">
        <v>119.266667</v>
      </c>
      <c r="G3507">
        <v>8.2207070000000009</v>
      </c>
      <c r="AB3507">
        <v>-100</v>
      </c>
      <c r="AC3507">
        <v>41.016666999999998</v>
      </c>
      <c r="AD3507">
        <v>119.316667</v>
      </c>
      <c r="AE3507">
        <v>8.2207070000000009</v>
      </c>
      <c r="AF3507">
        <v>-0.42885793485893359</v>
      </c>
    </row>
    <row r="3508" spans="6:32" x14ac:dyDescent="0.25">
      <c r="F3508">
        <v>119.283333</v>
      </c>
      <c r="G3508">
        <v>8.2207070000000009</v>
      </c>
      <c r="AB3508">
        <v>-100</v>
      </c>
      <c r="AC3508">
        <v>41.033332999999999</v>
      </c>
      <c r="AD3508">
        <v>119.333333</v>
      </c>
      <c r="AE3508">
        <v>8.2206729999999997</v>
      </c>
      <c r="AF3508">
        <v>-0.42926975087796149</v>
      </c>
    </row>
    <row r="3509" spans="6:32" x14ac:dyDescent="0.25">
      <c r="F3509">
        <v>119.3</v>
      </c>
      <c r="G3509">
        <v>8.2207070000000009</v>
      </c>
      <c r="AB3509">
        <v>-100</v>
      </c>
      <c r="AC3509">
        <v>41.05</v>
      </c>
      <c r="AD3509">
        <v>119.35</v>
      </c>
      <c r="AE3509">
        <v>8.2206729999999997</v>
      </c>
      <c r="AF3509">
        <v>-0.42926975087796149</v>
      </c>
    </row>
    <row r="3510" spans="6:32" x14ac:dyDescent="0.25">
      <c r="F3510">
        <v>119.316667</v>
      </c>
      <c r="G3510">
        <v>8.2207070000000009</v>
      </c>
      <c r="AB3510">
        <v>-100</v>
      </c>
      <c r="AC3510">
        <v>41.06666700000001</v>
      </c>
      <c r="AD3510">
        <v>119.36666700000001</v>
      </c>
      <c r="AE3510">
        <v>8.2206729999999997</v>
      </c>
      <c r="AF3510">
        <v>-0.42926975087796149</v>
      </c>
    </row>
    <row r="3511" spans="6:32" x14ac:dyDescent="0.25">
      <c r="F3511">
        <v>119.333333</v>
      </c>
      <c r="G3511">
        <v>8.2206729999999997</v>
      </c>
      <c r="AB3511">
        <v>-100</v>
      </c>
      <c r="AC3511">
        <v>41.083332999999996</v>
      </c>
      <c r="AD3511">
        <v>119.38333299999999</v>
      </c>
      <c r="AE3511">
        <v>8.2206729999999997</v>
      </c>
      <c r="AF3511">
        <v>-0.42926975087796149</v>
      </c>
    </row>
    <row r="3512" spans="6:32" x14ac:dyDescent="0.25">
      <c r="F3512">
        <v>119.35</v>
      </c>
      <c r="G3512">
        <v>8.2206729999999997</v>
      </c>
      <c r="AB3512">
        <v>-100</v>
      </c>
      <c r="AC3512">
        <v>41.100000000000009</v>
      </c>
      <c r="AD3512">
        <v>119.4</v>
      </c>
      <c r="AE3512">
        <v>8.2206729999999997</v>
      </c>
      <c r="AF3512">
        <v>-0.42926975087796149</v>
      </c>
    </row>
    <row r="3513" spans="6:32" x14ac:dyDescent="0.25">
      <c r="F3513">
        <v>119.36666700000001</v>
      </c>
      <c r="G3513">
        <v>8.2206729999999997</v>
      </c>
      <c r="AB3513">
        <v>-100</v>
      </c>
      <c r="AC3513">
        <v>41.116667000000007</v>
      </c>
      <c r="AD3513">
        <v>119.416667</v>
      </c>
      <c r="AE3513">
        <v>8.2206399999999995</v>
      </c>
      <c r="AF3513">
        <v>-0.4296694546611235</v>
      </c>
    </row>
    <row r="3514" spans="6:32" x14ac:dyDescent="0.25">
      <c r="F3514">
        <v>119.38333299999999</v>
      </c>
      <c r="G3514">
        <v>8.2206729999999997</v>
      </c>
      <c r="AB3514">
        <v>-100</v>
      </c>
      <c r="AC3514">
        <v>41.133333000000007</v>
      </c>
      <c r="AD3514">
        <v>119.433333</v>
      </c>
      <c r="AE3514">
        <v>8.2206399999999995</v>
      </c>
      <c r="AF3514">
        <v>-0.4296694546611235</v>
      </c>
    </row>
    <row r="3515" spans="6:32" x14ac:dyDescent="0.25">
      <c r="F3515">
        <v>119.4</v>
      </c>
      <c r="G3515">
        <v>8.2206729999999997</v>
      </c>
      <c r="AB3515">
        <v>-100</v>
      </c>
      <c r="AC3515">
        <v>41.150000000000006</v>
      </c>
      <c r="AD3515">
        <v>119.45</v>
      </c>
      <c r="AE3515">
        <v>8.2206399999999995</v>
      </c>
      <c r="AF3515">
        <v>-0.4296694546611235</v>
      </c>
    </row>
    <row r="3516" spans="6:32" x14ac:dyDescent="0.25">
      <c r="F3516">
        <v>119.416667</v>
      </c>
      <c r="G3516">
        <v>8.2206399999999995</v>
      </c>
      <c r="AB3516">
        <v>-100</v>
      </c>
      <c r="AC3516">
        <v>41.166667000000004</v>
      </c>
      <c r="AD3516">
        <v>119.466667</v>
      </c>
      <c r="AE3516">
        <v>8.2206399999999995</v>
      </c>
      <c r="AF3516">
        <v>-0.4296694546611235</v>
      </c>
    </row>
    <row r="3517" spans="6:32" x14ac:dyDescent="0.25">
      <c r="F3517">
        <v>119.433333</v>
      </c>
      <c r="G3517">
        <v>8.2206399999999995</v>
      </c>
      <c r="AB3517">
        <v>-100</v>
      </c>
      <c r="AC3517">
        <v>41.183333000000005</v>
      </c>
      <c r="AD3517">
        <v>119.483333</v>
      </c>
      <c r="AE3517">
        <v>8.2206399999999995</v>
      </c>
      <c r="AF3517">
        <v>-0.4296694546611235</v>
      </c>
    </row>
    <row r="3518" spans="6:32" x14ac:dyDescent="0.25">
      <c r="F3518">
        <v>119.45</v>
      </c>
      <c r="G3518">
        <v>8.2206399999999995</v>
      </c>
      <c r="AB3518">
        <v>-100</v>
      </c>
      <c r="AC3518">
        <v>41.2</v>
      </c>
      <c r="AD3518">
        <v>119.5</v>
      </c>
      <c r="AE3518">
        <v>8.2206060000000001</v>
      </c>
      <c r="AF3518">
        <v>-0.4300812706801298</v>
      </c>
    </row>
    <row r="3519" spans="6:32" x14ac:dyDescent="0.25">
      <c r="F3519">
        <v>119.466667</v>
      </c>
      <c r="G3519">
        <v>8.2206399999999995</v>
      </c>
      <c r="AB3519">
        <v>-100</v>
      </c>
      <c r="AC3519">
        <v>41.216667000000001</v>
      </c>
      <c r="AD3519">
        <v>119.516667</v>
      </c>
      <c r="AE3519">
        <v>8.2206060000000001</v>
      </c>
      <c r="AF3519">
        <v>-0.4300812706801298</v>
      </c>
    </row>
    <row r="3520" spans="6:32" x14ac:dyDescent="0.25">
      <c r="F3520">
        <v>119.483333</v>
      </c>
      <c r="G3520">
        <v>8.2206399999999995</v>
      </c>
      <c r="AB3520">
        <v>-100</v>
      </c>
      <c r="AC3520">
        <v>41.233333000000002</v>
      </c>
      <c r="AD3520">
        <v>119.533333</v>
      </c>
      <c r="AE3520">
        <v>8.2206060000000001</v>
      </c>
      <c r="AF3520">
        <v>-0.4300812706801298</v>
      </c>
    </row>
    <row r="3521" spans="6:32" x14ac:dyDescent="0.25">
      <c r="F3521">
        <v>119.5</v>
      </c>
      <c r="G3521">
        <v>8.2206060000000001</v>
      </c>
      <c r="AB3521">
        <v>-100</v>
      </c>
      <c r="AC3521">
        <v>41.25</v>
      </c>
      <c r="AD3521">
        <v>119.55</v>
      </c>
      <c r="AE3521">
        <v>8.2206060000000001</v>
      </c>
      <c r="AF3521">
        <v>-0.4300812706801298</v>
      </c>
    </row>
    <row r="3522" spans="6:32" x14ac:dyDescent="0.25">
      <c r="F3522">
        <v>119.516667</v>
      </c>
      <c r="G3522">
        <v>8.2206060000000001</v>
      </c>
      <c r="AB3522">
        <v>-100</v>
      </c>
      <c r="AC3522">
        <v>41.266666999999998</v>
      </c>
      <c r="AD3522">
        <v>119.566667</v>
      </c>
      <c r="AE3522">
        <v>8.2206060000000001</v>
      </c>
      <c r="AF3522">
        <v>-0.4300812706801298</v>
      </c>
    </row>
    <row r="3523" spans="6:32" x14ac:dyDescent="0.25">
      <c r="F3523">
        <v>119.533333</v>
      </c>
      <c r="G3523">
        <v>8.2206060000000001</v>
      </c>
      <c r="AB3523">
        <v>-100</v>
      </c>
      <c r="AC3523">
        <v>41.283332999999999</v>
      </c>
      <c r="AD3523">
        <v>119.583333</v>
      </c>
      <c r="AE3523">
        <v>8.2206060000000001</v>
      </c>
      <c r="AF3523">
        <v>-0.4300812706801298</v>
      </c>
    </row>
    <row r="3524" spans="6:32" x14ac:dyDescent="0.25">
      <c r="F3524">
        <v>119.55</v>
      </c>
      <c r="G3524">
        <v>8.2206060000000001</v>
      </c>
      <c r="AB3524">
        <v>-100</v>
      </c>
      <c r="AC3524">
        <v>41.3</v>
      </c>
      <c r="AD3524">
        <v>119.6</v>
      </c>
      <c r="AE3524">
        <v>8.2206060000000001</v>
      </c>
      <c r="AF3524">
        <v>-0.4300812706801298</v>
      </c>
    </row>
    <row r="3525" spans="6:32" x14ac:dyDescent="0.25">
      <c r="F3525">
        <v>119.566667</v>
      </c>
      <c r="G3525">
        <v>8.2206060000000001</v>
      </c>
      <c r="AB3525">
        <v>-100</v>
      </c>
      <c r="AC3525">
        <v>41.31666700000001</v>
      </c>
      <c r="AD3525">
        <v>119.61666700000001</v>
      </c>
      <c r="AE3525">
        <v>8.2206060000000001</v>
      </c>
      <c r="AF3525">
        <v>-0.4300812706801298</v>
      </c>
    </row>
    <row r="3526" spans="6:32" x14ac:dyDescent="0.25">
      <c r="F3526">
        <v>119.583333</v>
      </c>
      <c r="G3526">
        <v>8.2206060000000001</v>
      </c>
      <c r="AB3526">
        <v>-100</v>
      </c>
      <c r="AC3526">
        <v>41.333332999999996</v>
      </c>
      <c r="AD3526">
        <v>119.63333299999999</v>
      </c>
      <c r="AE3526">
        <v>8.2206060000000001</v>
      </c>
      <c r="AF3526">
        <v>-0.4300812706801298</v>
      </c>
    </row>
    <row r="3527" spans="6:32" x14ac:dyDescent="0.25">
      <c r="F3527">
        <v>119.6</v>
      </c>
      <c r="G3527">
        <v>8.2206060000000001</v>
      </c>
      <c r="AB3527">
        <v>-100</v>
      </c>
      <c r="AC3527">
        <v>41.350000000000009</v>
      </c>
      <c r="AD3527">
        <v>119.65</v>
      </c>
      <c r="AE3527">
        <v>8.2206060000000001</v>
      </c>
      <c r="AF3527">
        <v>-0.4300812706801298</v>
      </c>
    </row>
    <row r="3528" spans="6:32" x14ac:dyDescent="0.25">
      <c r="F3528">
        <v>119.61666700000001</v>
      </c>
      <c r="G3528">
        <v>8.2206060000000001</v>
      </c>
      <c r="AB3528">
        <v>-100</v>
      </c>
      <c r="AC3528">
        <v>41.366667000000007</v>
      </c>
      <c r="AD3528">
        <v>119.666667</v>
      </c>
      <c r="AE3528">
        <v>8.2206060000000001</v>
      </c>
      <c r="AF3528">
        <v>-0.4300812706801298</v>
      </c>
    </row>
    <row r="3529" spans="6:32" x14ac:dyDescent="0.25">
      <c r="F3529">
        <v>119.63333299999999</v>
      </c>
      <c r="G3529">
        <v>8.2206060000000001</v>
      </c>
      <c r="AB3529">
        <v>-100</v>
      </c>
      <c r="AC3529">
        <v>41.383333000000007</v>
      </c>
      <c r="AD3529">
        <v>119.683333</v>
      </c>
      <c r="AE3529">
        <v>8.2205720000000007</v>
      </c>
      <c r="AF3529">
        <v>-0.43049308669913616</v>
      </c>
    </row>
    <row r="3530" spans="6:32" x14ac:dyDescent="0.25">
      <c r="F3530">
        <v>119.65</v>
      </c>
      <c r="G3530">
        <v>8.2206060000000001</v>
      </c>
      <c r="AB3530">
        <v>-100</v>
      </c>
      <c r="AC3530">
        <v>41.400000000000006</v>
      </c>
      <c r="AD3530">
        <v>119.7</v>
      </c>
      <c r="AE3530">
        <v>8.2205720000000007</v>
      </c>
      <c r="AF3530">
        <v>-0.43049308669913616</v>
      </c>
    </row>
    <row r="3531" spans="6:32" x14ac:dyDescent="0.25">
      <c r="F3531">
        <v>119.666667</v>
      </c>
      <c r="G3531">
        <v>8.2206060000000001</v>
      </c>
      <c r="AB3531">
        <v>-100</v>
      </c>
      <c r="AC3531">
        <v>41.416667000000004</v>
      </c>
      <c r="AD3531">
        <v>119.716667</v>
      </c>
      <c r="AE3531">
        <v>8.2205720000000007</v>
      </c>
      <c r="AF3531">
        <v>-0.43049308669913616</v>
      </c>
    </row>
    <row r="3532" spans="6:32" x14ac:dyDescent="0.25">
      <c r="F3532">
        <v>119.683333</v>
      </c>
      <c r="G3532">
        <v>8.2205720000000007</v>
      </c>
      <c r="AB3532">
        <v>-100</v>
      </c>
      <c r="AC3532">
        <v>41.433333000000005</v>
      </c>
      <c r="AD3532">
        <v>119.733333</v>
      </c>
      <c r="AE3532">
        <v>8.2205720000000007</v>
      </c>
      <c r="AF3532">
        <v>-0.43049308669913616</v>
      </c>
    </row>
    <row r="3533" spans="6:32" x14ac:dyDescent="0.25">
      <c r="F3533">
        <v>119.7</v>
      </c>
      <c r="G3533">
        <v>8.2205720000000007</v>
      </c>
      <c r="AB3533">
        <v>-100</v>
      </c>
      <c r="AC3533">
        <v>41.45</v>
      </c>
      <c r="AD3533">
        <v>119.75</v>
      </c>
      <c r="AE3533">
        <v>8.2205390000000005</v>
      </c>
      <c r="AF3533">
        <v>-0.43089279048229817</v>
      </c>
    </row>
    <row r="3534" spans="6:32" x14ac:dyDescent="0.25">
      <c r="F3534">
        <v>119.716667</v>
      </c>
      <c r="G3534">
        <v>8.2205720000000007</v>
      </c>
      <c r="AB3534">
        <v>-100</v>
      </c>
      <c r="AC3534">
        <v>41.466667000000001</v>
      </c>
      <c r="AD3534">
        <v>119.766667</v>
      </c>
      <c r="AE3534">
        <v>8.2205390000000005</v>
      </c>
      <c r="AF3534">
        <v>-0.43089279048229817</v>
      </c>
    </row>
    <row r="3535" spans="6:32" x14ac:dyDescent="0.25">
      <c r="F3535">
        <v>119.733333</v>
      </c>
      <c r="G3535">
        <v>8.2205720000000007</v>
      </c>
      <c r="AB3535">
        <v>-100</v>
      </c>
      <c r="AC3535">
        <v>41.483333000000002</v>
      </c>
      <c r="AD3535">
        <v>119.783333</v>
      </c>
      <c r="AE3535">
        <v>8.2205049999999993</v>
      </c>
      <c r="AF3535">
        <v>-0.43130460650132607</v>
      </c>
    </row>
    <row r="3536" spans="6:32" x14ac:dyDescent="0.25">
      <c r="F3536">
        <v>119.75</v>
      </c>
      <c r="G3536">
        <v>8.2205390000000005</v>
      </c>
      <c r="AB3536">
        <v>-100</v>
      </c>
      <c r="AC3536">
        <v>41.5</v>
      </c>
      <c r="AD3536">
        <v>119.8</v>
      </c>
      <c r="AE3536">
        <v>8.2205049999999993</v>
      </c>
      <c r="AF3536">
        <v>-0.43130460650132607</v>
      </c>
    </row>
    <row r="3537" spans="6:32" x14ac:dyDescent="0.25">
      <c r="F3537">
        <v>119.766667</v>
      </c>
      <c r="G3537">
        <v>8.2205390000000005</v>
      </c>
      <c r="AB3537">
        <v>-100</v>
      </c>
      <c r="AC3537">
        <v>41.516666999999998</v>
      </c>
      <c r="AD3537">
        <v>119.816667</v>
      </c>
      <c r="AE3537">
        <v>8.2205049999999993</v>
      </c>
      <c r="AF3537">
        <v>-0.43130460650132607</v>
      </c>
    </row>
    <row r="3538" spans="6:32" x14ac:dyDescent="0.25">
      <c r="F3538">
        <v>119.783333</v>
      </c>
      <c r="G3538">
        <v>8.2205049999999993</v>
      </c>
      <c r="AB3538">
        <v>-100</v>
      </c>
      <c r="AC3538">
        <v>41.533332999999999</v>
      </c>
      <c r="AD3538">
        <v>119.833333</v>
      </c>
      <c r="AE3538">
        <v>8.2205049999999993</v>
      </c>
      <c r="AF3538">
        <v>-0.43130460650132607</v>
      </c>
    </row>
    <row r="3539" spans="6:32" x14ac:dyDescent="0.25">
      <c r="F3539">
        <v>119.8</v>
      </c>
      <c r="G3539">
        <v>8.2205049999999993</v>
      </c>
      <c r="AB3539">
        <v>-100</v>
      </c>
      <c r="AC3539">
        <v>41.55</v>
      </c>
      <c r="AD3539">
        <v>119.85</v>
      </c>
      <c r="AE3539">
        <v>8.2204709999999999</v>
      </c>
      <c r="AF3539">
        <v>-0.43171642252033238</v>
      </c>
    </row>
    <row r="3540" spans="6:32" x14ac:dyDescent="0.25">
      <c r="F3540">
        <v>119.816667</v>
      </c>
      <c r="G3540">
        <v>8.2205049999999993</v>
      </c>
      <c r="AB3540">
        <v>-100</v>
      </c>
      <c r="AC3540">
        <v>41.56666700000001</v>
      </c>
      <c r="AD3540">
        <v>119.86666700000001</v>
      </c>
      <c r="AE3540">
        <v>8.2204709999999999</v>
      </c>
      <c r="AF3540">
        <v>-0.43171642252033238</v>
      </c>
    </row>
    <row r="3541" spans="6:32" x14ac:dyDescent="0.25">
      <c r="F3541">
        <v>119.833333</v>
      </c>
      <c r="G3541">
        <v>8.2205049999999993</v>
      </c>
      <c r="AB3541">
        <v>-100</v>
      </c>
      <c r="AC3541">
        <v>41.583332999999996</v>
      </c>
      <c r="AD3541">
        <v>119.88333299999999</v>
      </c>
      <c r="AE3541">
        <v>8.2204709999999999</v>
      </c>
      <c r="AF3541">
        <v>-0.43171642252033238</v>
      </c>
    </row>
    <row r="3542" spans="6:32" x14ac:dyDescent="0.25">
      <c r="F3542">
        <v>119.85</v>
      </c>
      <c r="G3542">
        <v>8.2204709999999999</v>
      </c>
      <c r="AB3542">
        <v>-100</v>
      </c>
      <c r="AC3542">
        <v>41.600000000000009</v>
      </c>
      <c r="AD3542">
        <v>119.9</v>
      </c>
      <c r="AE3542">
        <v>8.2204709999999999</v>
      </c>
      <c r="AF3542">
        <v>-0.43171642252033238</v>
      </c>
    </row>
    <row r="3543" spans="6:32" x14ac:dyDescent="0.25">
      <c r="F3543">
        <v>119.86666700000001</v>
      </c>
      <c r="G3543">
        <v>8.2204709999999999</v>
      </c>
      <c r="AB3543">
        <v>-100</v>
      </c>
      <c r="AC3543">
        <v>41.616667000000007</v>
      </c>
      <c r="AD3543">
        <v>119.916667</v>
      </c>
      <c r="AE3543">
        <v>8.2204709999999999</v>
      </c>
      <c r="AF3543">
        <v>-0.43171642252033238</v>
      </c>
    </row>
    <row r="3544" spans="6:32" x14ac:dyDescent="0.25">
      <c r="F3544">
        <v>119.88333299999999</v>
      </c>
      <c r="G3544">
        <v>8.2204709999999999</v>
      </c>
      <c r="AB3544">
        <v>-100</v>
      </c>
      <c r="AC3544">
        <v>41.633333000000007</v>
      </c>
      <c r="AD3544">
        <v>119.933333</v>
      </c>
      <c r="AE3544">
        <v>8.2204379999999997</v>
      </c>
      <c r="AF3544">
        <v>-0.43211612630349439</v>
      </c>
    </row>
    <row r="3545" spans="6:32" x14ac:dyDescent="0.25">
      <c r="F3545">
        <v>119.9</v>
      </c>
      <c r="G3545">
        <v>8.2204709999999999</v>
      </c>
      <c r="AB3545">
        <v>-100</v>
      </c>
      <c r="AC3545">
        <v>41.650000000000006</v>
      </c>
      <c r="AD3545">
        <v>119.95</v>
      </c>
      <c r="AE3545">
        <v>8.2204379999999997</v>
      </c>
      <c r="AF3545">
        <v>-0.43211612630349439</v>
      </c>
    </row>
    <row r="3546" spans="6:32" x14ac:dyDescent="0.25">
      <c r="F3546">
        <v>119.916667</v>
      </c>
      <c r="G3546">
        <v>8.2204709999999999</v>
      </c>
      <c r="AB3546">
        <v>-100</v>
      </c>
      <c r="AC3546">
        <v>41.666667000000004</v>
      </c>
      <c r="AD3546">
        <v>119.966667</v>
      </c>
      <c r="AE3546">
        <v>8.2204379999999997</v>
      </c>
      <c r="AF3546">
        <v>-0.43211612630349439</v>
      </c>
    </row>
    <row r="3547" spans="6:32" x14ac:dyDescent="0.25">
      <c r="F3547">
        <v>119.933333</v>
      </c>
      <c r="G3547">
        <v>8.2204379999999997</v>
      </c>
      <c r="AB3547">
        <v>-100</v>
      </c>
      <c r="AC3547">
        <v>41.683333000000005</v>
      </c>
      <c r="AD3547">
        <v>119.983333</v>
      </c>
      <c r="AE3547">
        <v>8.2204040000000003</v>
      </c>
      <c r="AF3547">
        <v>-0.43252794232250075</v>
      </c>
    </row>
    <row r="3548" spans="6:32" x14ac:dyDescent="0.25">
      <c r="F3548">
        <v>119.95</v>
      </c>
      <c r="G3548">
        <v>8.2204379999999997</v>
      </c>
      <c r="AB3548">
        <v>-100</v>
      </c>
      <c r="AC3548">
        <v>41.7</v>
      </c>
      <c r="AD3548">
        <v>120</v>
      </c>
      <c r="AE3548">
        <v>8.2204040000000003</v>
      </c>
      <c r="AF3548">
        <v>-0.43252794232250075</v>
      </c>
    </row>
    <row r="3549" spans="6:32" x14ac:dyDescent="0.25">
      <c r="F3549">
        <v>119.966667</v>
      </c>
      <c r="G3549">
        <v>8.2204379999999997</v>
      </c>
      <c r="AB3549">
        <v>-100</v>
      </c>
      <c r="AC3549">
        <v>41.716667000000001</v>
      </c>
      <c r="AD3549">
        <v>120.016667</v>
      </c>
      <c r="AE3549">
        <v>8.2204040000000003</v>
      </c>
      <c r="AF3549">
        <v>-0.43252794232250075</v>
      </c>
    </row>
    <row r="3550" spans="6:32" x14ac:dyDescent="0.25">
      <c r="F3550">
        <v>119.983333</v>
      </c>
      <c r="G3550">
        <v>8.2204040000000003</v>
      </c>
      <c r="AB3550">
        <v>-100</v>
      </c>
      <c r="AC3550">
        <v>41.733333000000002</v>
      </c>
      <c r="AD3550">
        <v>120.033333</v>
      </c>
      <c r="AE3550">
        <v>8.2203700000000008</v>
      </c>
      <c r="AF3550">
        <v>-0.432939758341507</v>
      </c>
    </row>
    <row r="3551" spans="6:32" x14ac:dyDescent="0.25">
      <c r="F3551">
        <v>120</v>
      </c>
      <c r="G3551">
        <v>8.2204040000000003</v>
      </c>
      <c r="AB3551">
        <v>-100</v>
      </c>
      <c r="AC3551">
        <v>41.75</v>
      </c>
      <c r="AD3551">
        <v>120.05</v>
      </c>
      <c r="AE3551">
        <v>8.2203700000000008</v>
      </c>
      <c r="AF3551">
        <v>-0.432939758341507</v>
      </c>
    </row>
    <row r="3552" spans="6:32" x14ac:dyDescent="0.25">
      <c r="F3552">
        <v>120.016667</v>
      </c>
      <c r="G3552">
        <v>8.2204040000000003</v>
      </c>
      <c r="AB3552">
        <v>-100</v>
      </c>
      <c r="AC3552">
        <v>41.766666999999998</v>
      </c>
      <c r="AD3552">
        <v>120.066667</v>
      </c>
      <c r="AE3552">
        <v>8.2203370000000007</v>
      </c>
      <c r="AF3552">
        <v>-0.43333946212466912</v>
      </c>
    </row>
    <row r="3553" spans="6:32" x14ac:dyDescent="0.25">
      <c r="F3553">
        <v>120.033333</v>
      </c>
      <c r="G3553">
        <v>8.2203700000000008</v>
      </c>
      <c r="AB3553">
        <v>-100</v>
      </c>
      <c r="AC3553">
        <v>41.783332999999999</v>
      </c>
      <c r="AD3553">
        <v>120.083333</v>
      </c>
      <c r="AE3553">
        <v>8.2203370000000007</v>
      </c>
      <c r="AF3553">
        <v>-0.43333946212466912</v>
      </c>
    </row>
    <row r="3554" spans="6:32" x14ac:dyDescent="0.25">
      <c r="F3554">
        <v>120.05</v>
      </c>
      <c r="G3554">
        <v>8.2203700000000008</v>
      </c>
      <c r="AB3554">
        <v>-100</v>
      </c>
      <c r="AC3554">
        <v>41.8</v>
      </c>
      <c r="AD3554">
        <v>120.1</v>
      </c>
      <c r="AE3554">
        <v>8.2203370000000007</v>
      </c>
      <c r="AF3554">
        <v>-0.43333946212466912</v>
      </c>
    </row>
    <row r="3555" spans="6:32" x14ac:dyDescent="0.25">
      <c r="F3555">
        <v>120.066667</v>
      </c>
      <c r="G3555">
        <v>8.2203370000000007</v>
      </c>
      <c r="AB3555">
        <v>-100</v>
      </c>
      <c r="AC3555">
        <v>41.81666700000001</v>
      </c>
      <c r="AD3555">
        <v>120.11666700000001</v>
      </c>
      <c r="AE3555">
        <v>8.2203029999999995</v>
      </c>
      <c r="AF3555">
        <v>-0.43375127814369691</v>
      </c>
    </row>
    <row r="3556" spans="6:32" x14ac:dyDescent="0.25">
      <c r="F3556">
        <v>120.083333</v>
      </c>
      <c r="G3556">
        <v>8.2203370000000007</v>
      </c>
      <c r="AB3556">
        <v>-100</v>
      </c>
      <c r="AC3556">
        <v>41.833332999999996</v>
      </c>
      <c r="AD3556">
        <v>120.13333299999999</v>
      </c>
      <c r="AE3556">
        <v>8.2203029999999995</v>
      </c>
      <c r="AF3556">
        <v>-0.43375127814369691</v>
      </c>
    </row>
    <row r="3557" spans="6:32" x14ac:dyDescent="0.25">
      <c r="F3557">
        <v>120.1</v>
      </c>
      <c r="G3557">
        <v>8.2203370000000007</v>
      </c>
      <c r="AB3557">
        <v>-100</v>
      </c>
      <c r="AC3557">
        <v>41.850000000000009</v>
      </c>
      <c r="AD3557">
        <v>120.15</v>
      </c>
      <c r="AE3557">
        <v>8.2203029999999995</v>
      </c>
      <c r="AF3557">
        <v>-0.43375127814369691</v>
      </c>
    </row>
    <row r="3558" spans="6:32" x14ac:dyDescent="0.25">
      <c r="F3558">
        <v>120.11666700000001</v>
      </c>
      <c r="G3558">
        <v>8.2203029999999995</v>
      </c>
      <c r="AB3558">
        <v>-100</v>
      </c>
      <c r="AC3558">
        <v>41.866667000000007</v>
      </c>
      <c r="AD3558">
        <v>120.166667</v>
      </c>
      <c r="AE3558">
        <v>8.2203029999999995</v>
      </c>
      <c r="AF3558">
        <v>-0.43375127814369691</v>
      </c>
    </row>
    <row r="3559" spans="6:32" x14ac:dyDescent="0.25">
      <c r="F3559">
        <v>120.13333299999999</v>
      </c>
      <c r="G3559">
        <v>8.2203029999999995</v>
      </c>
      <c r="AB3559">
        <v>-100</v>
      </c>
      <c r="AC3559">
        <v>41.883333000000007</v>
      </c>
      <c r="AD3559">
        <v>120.183333</v>
      </c>
      <c r="AE3559">
        <v>8.2203029999999995</v>
      </c>
      <c r="AF3559">
        <v>-0.43375127814369691</v>
      </c>
    </row>
    <row r="3560" spans="6:32" x14ac:dyDescent="0.25">
      <c r="F3560">
        <v>120.15</v>
      </c>
      <c r="G3560">
        <v>8.2203029999999995</v>
      </c>
      <c r="AB3560">
        <v>-100</v>
      </c>
      <c r="AC3560">
        <v>41.900000000000006</v>
      </c>
      <c r="AD3560">
        <v>120.2</v>
      </c>
      <c r="AE3560">
        <v>8.220269</v>
      </c>
      <c r="AF3560">
        <v>-0.43416309416270327</v>
      </c>
    </row>
    <row r="3561" spans="6:32" x14ac:dyDescent="0.25">
      <c r="F3561">
        <v>120.166667</v>
      </c>
      <c r="G3561">
        <v>8.2203029999999995</v>
      </c>
      <c r="AB3561">
        <v>-100</v>
      </c>
      <c r="AC3561">
        <v>41.916667000000004</v>
      </c>
      <c r="AD3561">
        <v>120.216667</v>
      </c>
      <c r="AE3561">
        <v>8.220269</v>
      </c>
      <c r="AF3561">
        <v>-0.43416309416270327</v>
      </c>
    </row>
    <row r="3562" spans="6:32" x14ac:dyDescent="0.25">
      <c r="F3562">
        <v>120.183333</v>
      </c>
      <c r="G3562">
        <v>8.2203029999999995</v>
      </c>
      <c r="AB3562">
        <v>-100</v>
      </c>
      <c r="AC3562">
        <v>41.933333000000005</v>
      </c>
      <c r="AD3562">
        <v>120.233333</v>
      </c>
      <c r="AE3562">
        <v>8.220269</v>
      </c>
      <c r="AF3562">
        <v>-0.43416309416270327</v>
      </c>
    </row>
    <row r="3563" spans="6:32" x14ac:dyDescent="0.25">
      <c r="F3563">
        <v>120.2</v>
      </c>
      <c r="G3563">
        <v>8.220269</v>
      </c>
      <c r="AB3563">
        <v>-100</v>
      </c>
      <c r="AC3563">
        <v>41.95</v>
      </c>
      <c r="AD3563">
        <v>120.25</v>
      </c>
      <c r="AE3563">
        <v>8.220269</v>
      </c>
      <c r="AF3563">
        <v>-0.43416309416270327</v>
      </c>
    </row>
    <row r="3564" spans="6:32" x14ac:dyDescent="0.25">
      <c r="F3564">
        <v>120.216667</v>
      </c>
      <c r="G3564">
        <v>8.220269</v>
      </c>
      <c r="AB3564">
        <v>-100</v>
      </c>
      <c r="AC3564">
        <v>41.966667000000001</v>
      </c>
      <c r="AD3564">
        <v>120.266667</v>
      </c>
      <c r="AE3564">
        <v>8.220269</v>
      </c>
      <c r="AF3564">
        <v>-0.43416309416270327</v>
      </c>
    </row>
    <row r="3565" spans="6:32" x14ac:dyDescent="0.25">
      <c r="F3565">
        <v>120.233333</v>
      </c>
      <c r="G3565">
        <v>8.220269</v>
      </c>
      <c r="AB3565">
        <v>-100</v>
      </c>
      <c r="AC3565">
        <v>41.983333000000002</v>
      </c>
      <c r="AD3565">
        <v>120.283333</v>
      </c>
      <c r="AE3565">
        <v>8.2202359999999999</v>
      </c>
      <c r="AF3565">
        <v>-0.43456279794586533</v>
      </c>
    </row>
    <row r="3566" spans="6:32" x14ac:dyDescent="0.25">
      <c r="F3566">
        <v>120.25</v>
      </c>
      <c r="G3566">
        <v>8.220269</v>
      </c>
      <c r="AB3566">
        <v>-100</v>
      </c>
      <c r="AC3566">
        <v>42</v>
      </c>
      <c r="AD3566">
        <v>120.3</v>
      </c>
      <c r="AE3566">
        <v>8.2202359999999999</v>
      </c>
      <c r="AF3566">
        <v>-0.43456279794586533</v>
      </c>
    </row>
    <row r="3567" spans="6:32" x14ac:dyDescent="0.25">
      <c r="F3567">
        <v>120.266667</v>
      </c>
      <c r="G3567">
        <v>8.220269</v>
      </c>
      <c r="AB3567">
        <v>-100</v>
      </c>
      <c r="AC3567">
        <v>42.016666999999998</v>
      </c>
      <c r="AD3567">
        <v>120.316667</v>
      </c>
      <c r="AE3567">
        <v>8.2202359999999999</v>
      </c>
      <c r="AF3567">
        <v>-0.43456279794586533</v>
      </c>
    </row>
    <row r="3568" spans="6:32" x14ac:dyDescent="0.25">
      <c r="F3568">
        <v>120.283333</v>
      </c>
      <c r="G3568">
        <v>8.2202359999999999</v>
      </c>
      <c r="AB3568">
        <v>-100</v>
      </c>
      <c r="AC3568">
        <v>42.033332999999999</v>
      </c>
      <c r="AD3568">
        <v>120.333333</v>
      </c>
      <c r="AE3568">
        <v>8.2202359999999999</v>
      </c>
      <c r="AF3568">
        <v>-0.43456279794586533</v>
      </c>
    </row>
    <row r="3569" spans="6:32" x14ac:dyDescent="0.25">
      <c r="F3569">
        <v>120.3</v>
      </c>
      <c r="G3569">
        <v>8.2202359999999999</v>
      </c>
      <c r="AB3569">
        <v>-100</v>
      </c>
      <c r="AC3569">
        <v>42.05</v>
      </c>
      <c r="AD3569">
        <v>120.35</v>
      </c>
      <c r="AE3569">
        <v>8.2202359999999999</v>
      </c>
      <c r="AF3569">
        <v>-0.43456279794586533</v>
      </c>
    </row>
    <row r="3570" spans="6:32" x14ac:dyDescent="0.25">
      <c r="F3570">
        <v>120.316667</v>
      </c>
      <c r="G3570">
        <v>8.2202359999999999</v>
      </c>
      <c r="AB3570">
        <v>-100</v>
      </c>
      <c r="AC3570">
        <v>42.06666700000001</v>
      </c>
      <c r="AD3570">
        <v>120.36666700000001</v>
      </c>
      <c r="AE3570">
        <v>8.2202359999999999</v>
      </c>
      <c r="AF3570">
        <v>-0.43456279794586533</v>
      </c>
    </row>
    <row r="3571" spans="6:32" x14ac:dyDescent="0.25">
      <c r="F3571">
        <v>120.333333</v>
      </c>
      <c r="G3571">
        <v>8.2202359999999999</v>
      </c>
      <c r="AB3571">
        <v>-100</v>
      </c>
      <c r="AC3571">
        <v>42.083332999999996</v>
      </c>
      <c r="AD3571">
        <v>120.38333299999999</v>
      </c>
      <c r="AE3571">
        <v>8.2202020000000005</v>
      </c>
      <c r="AF3571">
        <v>-0.43497461396487158</v>
      </c>
    </row>
    <row r="3572" spans="6:32" x14ac:dyDescent="0.25">
      <c r="F3572">
        <v>120.35</v>
      </c>
      <c r="G3572">
        <v>8.2202359999999999</v>
      </c>
      <c r="AB3572">
        <v>-100</v>
      </c>
      <c r="AC3572">
        <v>42.100000000000009</v>
      </c>
      <c r="AD3572">
        <v>120.4</v>
      </c>
      <c r="AE3572">
        <v>8.2202020000000005</v>
      </c>
      <c r="AF3572">
        <v>-0.43497461396487158</v>
      </c>
    </row>
    <row r="3573" spans="6:32" x14ac:dyDescent="0.25">
      <c r="F3573">
        <v>120.36666700000001</v>
      </c>
      <c r="G3573">
        <v>8.2202359999999999</v>
      </c>
      <c r="AB3573">
        <v>-100</v>
      </c>
      <c r="AC3573">
        <v>42.116667000000007</v>
      </c>
      <c r="AD3573">
        <v>120.416667</v>
      </c>
      <c r="AE3573">
        <v>8.2202020000000005</v>
      </c>
      <c r="AF3573">
        <v>-0.43497461396487158</v>
      </c>
    </row>
    <row r="3574" spans="6:32" x14ac:dyDescent="0.25">
      <c r="F3574">
        <v>120.38333299999999</v>
      </c>
      <c r="G3574">
        <v>8.2202020000000005</v>
      </c>
      <c r="AB3574">
        <v>-100</v>
      </c>
      <c r="AC3574">
        <v>42.133333000000007</v>
      </c>
      <c r="AD3574">
        <v>120.433333</v>
      </c>
      <c r="AE3574">
        <v>8.2202020000000005</v>
      </c>
      <c r="AF3574">
        <v>-0.43497461396487158</v>
      </c>
    </row>
    <row r="3575" spans="6:32" x14ac:dyDescent="0.25">
      <c r="F3575">
        <v>120.4</v>
      </c>
      <c r="G3575">
        <v>8.2202020000000005</v>
      </c>
      <c r="AB3575">
        <v>-100</v>
      </c>
      <c r="AC3575">
        <v>42.150000000000006</v>
      </c>
      <c r="AD3575">
        <v>120.45</v>
      </c>
      <c r="AE3575">
        <v>8.2201679999999993</v>
      </c>
      <c r="AF3575">
        <v>-0.43538642998389948</v>
      </c>
    </row>
    <row r="3576" spans="6:32" x14ac:dyDescent="0.25">
      <c r="F3576">
        <v>120.416667</v>
      </c>
      <c r="G3576">
        <v>8.2202020000000005</v>
      </c>
      <c r="AB3576">
        <v>-100</v>
      </c>
      <c r="AC3576">
        <v>42.166667000000004</v>
      </c>
      <c r="AD3576">
        <v>120.466667</v>
      </c>
      <c r="AE3576">
        <v>8.2201679999999993</v>
      </c>
      <c r="AF3576">
        <v>-0.43538642998389948</v>
      </c>
    </row>
    <row r="3577" spans="6:32" x14ac:dyDescent="0.25">
      <c r="F3577">
        <v>120.433333</v>
      </c>
      <c r="G3577">
        <v>8.2202020000000005</v>
      </c>
      <c r="AB3577">
        <v>-100</v>
      </c>
      <c r="AC3577">
        <v>42.183333000000005</v>
      </c>
      <c r="AD3577">
        <v>120.483333</v>
      </c>
      <c r="AE3577">
        <v>8.2201679999999993</v>
      </c>
      <c r="AF3577">
        <v>-0.43538642998389948</v>
      </c>
    </row>
    <row r="3578" spans="6:32" x14ac:dyDescent="0.25">
      <c r="F3578">
        <v>120.45</v>
      </c>
      <c r="G3578">
        <v>8.2201679999999993</v>
      </c>
      <c r="AB3578">
        <v>-100</v>
      </c>
      <c r="AC3578">
        <v>42.2</v>
      </c>
      <c r="AD3578">
        <v>120.5</v>
      </c>
      <c r="AE3578">
        <v>8.2201679999999993</v>
      </c>
      <c r="AF3578">
        <v>-0.43538642998389948</v>
      </c>
    </row>
    <row r="3579" spans="6:32" x14ac:dyDescent="0.25">
      <c r="F3579">
        <v>120.466667</v>
      </c>
      <c r="G3579">
        <v>8.2201679999999993</v>
      </c>
      <c r="AB3579">
        <v>-100</v>
      </c>
      <c r="AC3579">
        <v>42.216667000000001</v>
      </c>
      <c r="AD3579">
        <v>120.516667</v>
      </c>
      <c r="AE3579">
        <v>8.2202020000000005</v>
      </c>
      <c r="AF3579">
        <v>-0.43497461396487158</v>
      </c>
    </row>
    <row r="3580" spans="6:32" x14ac:dyDescent="0.25">
      <c r="F3580">
        <v>120.483333</v>
      </c>
      <c r="G3580">
        <v>8.2201679999999993</v>
      </c>
      <c r="AB3580">
        <v>-100</v>
      </c>
      <c r="AC3580">
        <v>42.233333000000002</v>
      </c>
      <c r="AD3580">
        <v>120.533333</v>
      </c>
      <c r="AE3580">
        <v>8.2202020000000005</v>
      </c>
      <c r="AF3580">
        <v>-0.43497461396487158</v>
      </c>
    </row>
    <row r="3581" spans="6:32" x14ac:dyDescent="0.25">
      <c r="F3581">
        <v>120.5</v>
      </c>
      <c r="G3581">
        <v>8.2201679999999993</v>
      </c>
      <c r="AB3581">
        <v>-100</v>
      </c>
      <c r="AC3581">
        <v>42.25</v>
      </c>
      <c r="AD3581">
        <v>120.55</v>
      </c>
      <c r="AE3581">
        <v>8.2202020000000005</v>
      </c>
      <c r="AF3581">
        <v>-0.43497461396487158</v>
      </c>
    </row>
    <row r="3582" spans="6:32" x14ac:dyDescent="0.25">
      <c r="F3582">
        <v>120.516667</v>
      </c>
      <c r="G3582">
        <v>8.2202020000000005</v>
      </c>
      <c r="AB3582">
        <v>-100</v>
      </c>
      <c r="AC3582">
        <v>42.266666999999998</v>
      </c>
      <c r="AD3582">
        <v>120.566667</v>
      </c>
      <c r="AE3582">
        <v>8.2202020000000005</v>
      </c>
      <c r="AF3582">
        <v>-0.43497461396487158</v>
      </c>
    </row>
    <row r="3583" spans="6:32" x14ac:dyDescent="0.25">
      <c r="F3583">
        <v>120.533333</v>
      </c>
      <c r="G3583">
        <v>8.2202020000000005</v>
      </c>
      <c r="AB3583">
        <v>-100</v>
      </c>
      <c r="AC3583">
        <v>42.283332999999999</v>
      </c>
      <c r="AD3583">
        <v>120.583333</v>
      </c>
      <c r="AE3583">
        <v>8.2202020000000005</v>
      </c>
      <c r="AF3583">
        <v>-0.43497461396487158</v>
      </c>
    </row>
    <row r="3584" spans="6:32" x14ac:dyDescent="0.25">
      <c r="F3584">
        <v>120.55</v>
      </c>
      <c r="G3584">
        <v>8.2202020000000005</v>
      </c>
      <c r="AB3584">
        <v>-100</v>
      </c>
      <c r="AC3584">
        <v>42.3</v>
      </c>
      <c r="AD3584">
        <v>120.6</v>
      </c>
      <c r="AE3584">
        <v>8.2201679999999993</v>
      </c>
      <c r="AF3584">
        <v>-0.43538642998389948</v>
      </c>
    </row>
    <row r="3585" spans="6:32" x14ac:dyDescent="0.25">
      <c r="F3585">
        <v>120.566667</v>
      </c>
      <c r="G3585">
        <v>8.2202020000000005</v>
      </c>
      <c r="AB3585">
        <v>-100</v>
      </c>
      <c r="AC3585">
        <v>42.31666700000001</v>
      </c>
      <c r="AD3585">
        <v>120.61666700000001</v>
      </c>
      <c r="AE3585">
        <v>8.2201679999999993</v>
      </c>
      <c r="AF3585">
        <v>-0.43538642998389948</v>
      </c>
    </row>
    <row r="3586" spans="6:32" x14ac:dyDescent="0.25">
      <c r="F3586">
        <v>120.583333</v>
      </c>
      <c r="G3586">
        <v>8.2202020000000005</v>
      </c>
      <c r="AB3586">
        <v>-100</v>
      </c>
      <c r="AC3586">
        <v>42.333332999999996</v>
      </c>
      <c r="AD3586">
        <v>120.63333299999999</v>
      </c>
      <c r="AE3586">
        <v>8.2201679999999993</v>
      </c>
      <c r="AF3586">
        <v>-0.43538642998389948</v>
      </c>
    </row>
    <row r="3587" spans="6:32" x14ac:dyDescent="0.25">
      <c r="F3587">
        <v>120.6</v>
      </c>
      <c r="G3587">
        <v>8.2201679999999993</v>
      </c>
      <c r="AB3587">
        <v>-100</v>
      </c>
      <c r="AC3587">
        <v>42.350000000000009</v>
      </c>
      <c r="AD3587">
        <v>120.65</v>
      </c>
      <c r="AE3587">
        <v>8.2201679999999993</v>
      </c>
      <c r="AF3587">
        <v>-0.43538642998389948</v>
      </c>
    </row>
    <row r="3588" spans="6:32" x14ac:dyDescent="0.25">
      <c r="F3588">
        <v>120.61666700000001</v>
      </c>
      <c r="G3588">
        <v>8.2201679999999993</v>
      </c>
      <c r="AB3588">
        <v>-100</v>
      </c>
      <c r="AC3588">
        <v>42.366667000000007</v>
      </c>
      <c r="AD3588">
        <v>120.666667</v>
      </c>
      <c r="AE3588">
        <v>8.2201679999999993</v>
      </c>
      <c r="AF3588">
        <v>-0.43538642998389948</v>
      </c>
    </row>
    <row r="3589" spans="6:32" x14ac:dyDescent="0.25">
      <c r="F3589">
        <v>120.63333299999999</v>
      </c>
      <c r="G3589">
        <v>8.2201679999999993</v>
      </c>
      <c r="AB3589">
        <v>-100</v>
      </c>
      <c r="AC3589">
        <v>42.383333000000007</v>
      </c>
      <c r="AD3589">
        <v>120.683333</v>
      </c>
      <c r="AE3589">
        <v>8.2201679999999993</v>
      </c>
      <c r="AF3589">
        <v>-0.43538642998389948</v>
      </c>
    </row>
    <row r="3590" spans="6:32" x14ac:dyDescent="0.25">
      <c r="F3590">
        <v>120.65</v>
      </c>
      <c r="G3590">
        <v>8.2201679999999993</v>
      </c>
      <c r="AB3590">
        <v>-100</v>
      </c>
      <c r="AC3590">
        <v>42.400000000000006</v>
      </c>
      <c r="AD3590">
        <v>120.7</v>
      </c>
      <c r="AE3590">
        <v>8.2201350000000009</v>
      </c>
      <c r="AF3590">
        <v>-0.43578613376703995</v>
      </c>
    </row>
    <row r="3591" spans="6:32" x14ac:dyDescent="0.25">
      <c r="F3591">
        <v>120.666667</v>
      </c>
      <c r="G3591">
        <v>8.2201679999999993</v>
      </c>
      <c r="AB3591">
        <v>-100</v>
      </c>
      <c r="AC3591">
        <v>42.416667000000004</v>
      </c>
      <c r="AD3591">
        <v>120.716667</v>
      </c>
      <c r="AE3591">
        <v>8.2201350000000009</v>
      </c>
      <c r="AF3591">
        <v>-0.43578613376703995</v>
      </c>
    </row>
    <row r="3592" spans="6:32" x14ac:dyDescent="0.25">
      <c r="F3592">
        <v>120.683333</v>
      </c>
      <c r="G3592">
        <v>8.2201679999999993</v>
      </c>
      <c r="AB3592">
        <v>-100</v>
      </c>
      <c r="AC3592">
        <v>42.433333000000005</v>
      </c>
      <c r="AD3592">
        <v>120.733333</v>
      </c>
      <c r="AE3592">
        <v>8.2201350000000009</v>
      </c>
      <c r="AF3592">
        <v>-0.43578613376703995</v>
      </c>
    </row>
    <row r="3593" spans="6:32" x14ac:dyDescent="0.25">
      <c r="F3593">
        <v>120.7</v>
      </c>
      <c r="G3593">
        <v>8.2201350000000009</v>
      </c>
      <c r="AB3593">
        <v>-100</v>
      </c>
      <c r="AC3593">
        <v>42.45</v>
      </c>
      <c r="AD3593">
        <v>120.75</v>
      </c>
      <c r="AE3593">
        <v>8.2201009999999997</v>
      </c>
      <c r="AF3593">
        <v>-0.43619794978606785</v>
      </c>
    </row>
    <row r="3594" spans="6:32" x14ac:dyDescent="0.25">
      <c r="F3594">
        <v>120.716667</v>
      </c>
      <c r="G3594">
        <v>8.2201350000000009</v>
      </c>
      <c r="AB3594">
        <v>-100</v>
      </c>
      <c r="AC3594">
        <v>42.466667000000001</v>
      </c>
      <c r="AD3594">
        <v>120.766667</v>
      </c>
      <c r="AE3594">
        <v>8.2201009999999997</v>
      </c>
      <c r="AF3594">
        <v>-0.43619794978606785</v>
      </c>
    </row>
    <row r="3595" spans="6:32" x14ac:dyDescent="0.25">
      <c r="F3595">
        <v>120.733333</v>
      </c>
      <c r="G3595">
        <v>8.2201350000000009</v>
      </c>
      <c r="AB3595">
        <v>-100</v>
      </c>
      <c r="AC3595">
        <v>42.483333000000002</v>
      </c>
      <c r="AD3595">
        <v>120.783333</v>
      </c>
      <c r="AE3595">
        <v>8.2201009999999997</v>
      </c>
      <c r="AF3595">
        <v>-0.43619794978606785</v>
      </c>
    </row>
    <row r="3596" spans="6:32" x14ac:dyDescent="0.25">
      <c r="F3596">
        <v>120.75</v>
      </c>
      <c r="G3596">
        <v>8.2201009999999997</v>
      </c>
      <c r="AB3596">
        <v>-100</v>
      </c>
      <c r="AC3596">
        <v>42.5</v>
      </c>
      <c r="AD3596">
        <v>120.8</v>
      </c>
      <c r="AE3596">
        <v>8.2201009999999997</v>
      </c>
      <c r="AF3596">
        <v>-0.43619794978606785</v>
      </c>
    </row>
    <row r="3597" spans="6:32" x14ac:dyDescent="0.25">
      <c r="F3597">
        <v>120.766667</v>
      </c>
      <c r="G3597">
        <v>8.2201009999999997</v>
      </c>
      <c r="AB3597">
        <v>-100</v>
      </c>
      <c r="AC3597">
        <v>42.516666999999998</v>
      </c>
      <c r="AD3597">
        <v>120.816667</v>
      </c>
      <c r="AE3597">
        <v>8.2200670000000002</v>
      </c>
      <c r="AF3597">
        <v>-0.43660976580507416</v>
      </c>
    </row>
    <row r="3598" spans="6:32" x14ac:dyDescent="0.25">
      <c r="F3598">
        <v>120.783333</v>
      </c>
      <c r="G3598">
        <v>8.2201009999999997</v>
      </c>
      <c r="AB3598">
        <v>-100</v>
      </c>
      <c r="AC3598">
        <v>42.533332999999999</v>
      </c>
      <c r="AD3598">
        <v>120.833333</v>
      </c>
      <c r="AE3598">
        <v>8.2200670000000002</v>
      </c>
      <c r="AF3598">
        <v>-0.43660976580507416</v>
      </c>
    </row>
    <row r="3599" spans="6:32" x14ac:dyDescent="0.25">
      <c r="F3599">
        <v>120.8</v>
      </c>
      <c r="G3599">
        <v>8.2201009999999997</v>
      </c>
      <c r="AB3599">
        <v>-100</v>
      </c>
      <c r="AC3599">
        <v>42.55</v>
      </c>
      <c r="AD3599">
        <v>120.85</v>
      </c>
      <c r="AE3599">
        <v>8.2200670000000002</v>
      </c>
      <c r="AF3599">
        <v>-0.43660976580507416</v>
      </c>
    </row>
    <row r="3600" spans="6:32" x14ac:dyDescent="0.25">
      <c r="F3600">
        <v>120.816667</v>
      </c>
      <c r="G3600">
        <v>8.2200670000000002</v>
      </c>
      <c r="AB3600">
        <v>-100</v>
      </c>
      <c r="AC3600">
        <v>42.56666700000001</v>
      </c>
      <c r="AD3600">
        <v>120.86666700000001</v>
      </c>
      <c r="AE3600">
        <v>8.2200670000000002</v>
      </c>
      <c r="AF3600">
        <v>-0.43660976580507416</v>
      </c>
    </row>
    <row r="3601" spans="6:32" x14ac:dyDescent="0.25">
      <c r="F3601">
        <v>120.833333</v>
      </c>
      <c r="G3601">
        <v>8.2200670000000002</v>
      </c>
      <c r="AB3601">
        <v>-100</v>
      </c>
      <c r="AC3601">
        <v>42.583332999999996</v>
      </c>
      <c r="AD3601">
        <v>120.88333299999999</v>
      </c>
      <c r="AE3601">
        <v>8.2200670000000002</v>
      </c>
      <c r="AF3601">
        <v>-0.43660976580507416</v>
      </c>
    </row>
    <row r="3602" spans="6:32" x14ac:dyDescent="0.25">
      <c r="F3602">
        <v>120.85</v>
      </c>
      <c r="G3602">
        <v>8.2200670000000002</v>
      </c>
      <c r="AB3602">
        <v>-100</v>
      </c>
      <c r="AC3602">
        <v>42.600000000000009</v>
      </c>
      <c r="AD3602">
        <v>120.9</v>
      </c>
      <c r="AE3602">
        <v>8.2200340000000001</v>
      </c>
      <c r="AF3602">
        <v>-0.43700946958823617</v>
      </c>
    </row>
    <row r="3603" spans="6:32" x14ac:dyDescent="0.25">
      <c r="F3603">
        <v>120.86666700000001</v>
      </c>
      <c r="G3603">
        <v>8.2200670000000002</v>
      </c>
      <c r="AB3603">
        <v>-100</v>
      </c>
      <c r="AC3603">
        <v>42.616667000000007</v>
      </c>
      <c r="AD3603">
        <v>120.916667</v>
      </c>
      <c r="AE3603">
        <v>8.2200340000000001</v>
      </c>
      <c r="AF3603">
        <v>-0.43700946958823617</v>
      </c>
    </row>
    <row r="3604" spans="6:32" x14ac:dyDescent="0.25">
      <c r="F3604">
        <v>120.88333299999999</v>
      </c>
      <c r="G3604">
        <v>8.2200670000000002</v>
      </c>
      <c r="AB3604">
        <v>-100</v>
      </c>
      <c r="AC3604">
        <v>42.633333000000007</v>
      </c>
      <c r="AD3604">
        <v>120.933333</v>
      </c>
      <c r="AE3604">
        <v>8.2200000000000006</v>
      </c>
      <c r="AF3604">
        <v>-0.43742128560724253</v>
      </c>
    </row>
    <row r="3605" spans="6:32" x14ac:dyDescent="0.25">
      <c r="F3605">
        <v>120.9</v>
      </c>
      <c r="G3605">
        <v>8.2200340000000001</v>
      </c>
      <c r="AB3605">
        <v>-100</v>
      </c>
      <c r="AC3605">
        <v>42.650000000000006</v>
      </c>
      <c r="AD3605">
        <v>120.95</v>
      </c>
      <c r="AE3605">
        <v>8.2200000000000006</v>
      </c>
      <c r="AF3605">
        <v>-0.43742128560724253</v>
      </c>
    </row>
    <row r="3606" spans="6:32" x14ac:dyDescent="0.25">
      <c r="F3606">
        <v>120.916667</v>
      </c>
      <c r="G3606">
        <v>8.2200340000000001</v>
      </c>
      <c r="AB3606">
        <v>-100</v>
      </c>
      <c r="AC3606">
        <v>42.666667000000004</v>
      </c>
      <c r="AD3606">
        <v>120.966667</v>
      </c>
      <c r="AE3606">
        <v>8.2199659999999994</v>
      </c>
      <c r="AF3606">
        <v>-0.43783310162627037</v>
      </c>
    </row>
    <row r="3607" spans="6:32" x14ac:dyDescent="0.25">
      <c r="F3607">
        <v>120.933333</v>
      </c>
      <c r="G3607">
        <v>8.2200000000000006</v>
      </c>
      <c r="AB3607">
        <v>-100</v>
      </c>
      <c r="AC3607">
        <v>42.683333000000005</v>
      </c>
      <c r="AD3607">
        <v>120.983333</v>
      </c>
      <c r="AE3607">
        <v>8.2199659999999994</v>
      </c>
      <c r="AF3607">
        <v>-0.43783310162627037</v>
      </c>
    </row>
    <row r="3608" spans="6:32" x14ac:dyDescent="0.25">
      <c r="F3608">
        <v>120.95</v>
      </c>
      <c r="G3608">
        <v>8.2200000000000006</v>
      </c>
      <c r="AB3608">
        <v>-100</v>
      </c>
      <c r="AC3608">
        <v>42.7</v>
      </c>
      <c r="AD3608">
        <v>121</v>
      </c>
      <c r="AE3608">
        <v>8.2199659999999994</v>
      </c>
      <c r="AF3608">
        <v>-0.43783310162627037</v>
      </c>
    </row>
    <row r="3609" spans="6:32" x14ac:dyDescent="0.25">
      <c r="F3609">
        <v>120.966667</v>
      </c>
      <c r="G3609">
        <v>8.2199659999999994</v>
      </c>
      <c r="AB3609">
        <v>-100</v>
      </c>
      <c r="AC3609">
        <v>42.716667000000001</v>
      </c>
      <c r="AD3609">
        <v>121.016667</v>
      </c>
      <c r="AE3609">
        <v>8.2199659999999994</v>
      </c>
      <c r="AF3609">
        <v>-0.43783310162627037</v>
      </c>
    </row>
    <row r="3610" spans="6:32" x14ac:dyDescent="0.25">
      <c r="F3610">
        <v>120.983333</v>
      </c>
      <c r="G3610">
        <v>8.2199659999999994</v>
      </c>
      <c r="AB3610">
        <v>-100</v>
      </c>
      <c r="AC3610">
        <v>42.733333000000002</v>
      </c>
      <c r="AD3610">
        <v>121.033333</v>
      </c>
      <c r="AE3610">
        <v>8.2199329999999993</v>
      </c>
      <c r="AF3610">
        <v>-0.43823280540943244</v>
      </c>
    </row>
    <row r="3611" spans="6:32" x14ac:dyDescent="0.25">
      <c r="F3611">
        <v>121</v>
      </c>
      <c r="G3611">
        <v>8.2199659999999994</v>
      </c>
      <c r="AB3611">
        <v>-100</v>
      </c>
      <c r="AC3611">
        <v>42.75</v>
      </c>
      <c r="AD3611">
        <v>121.05</v>
      </c>
      <c r="AE3611">
        <v>8.2199329999999993</v>
      </c>
      <c r="AF3611">
        <v>-0.43823280540943244</v>
      </c>
    </row>
    <row r="3612" spans="6:32" x14ac:dyDescent="0.25">
      <c r="F3612">
        <v>121.016667</v>
      </c>
      <c r="G3612">
        <v>8.2199659999999994</v>
      </c>
      <c r="AB3612">
        <v>-100</v>
      </c>
      <c r="AC3612">
        <v>42.766666999999998</v>
      </c>
      <c r="AD3612">
        <v>121.066667</v>
      </c>
      <c r="AE3612">
        <v>8.2199329999999993</v>
      </c>
      <c r="AF3612">
        <v>-0.43823280540943244</v>
      </c>
    </row>
    <row r="3613" spans="6:32" x14ac:dyDescent="0.25">
      <c r="F3613">
        <v>121.033333</v>
      </c>
      <c r="G3613">
        <v>8.2199329999999993</v>
      </c>
      <c r="AB3613">
        <v>-100</v>
      </c>
      <c r="AC3613">
        <v>42.783332999999999</v>
      </c>
      <c r="AD3613">
        <v>121.083333</v>
      </c>
      <c r="AE3613">
        <v>8.2199329999999993</v>
      </c>
      <c r="AF3613">
        <v>-0.43823280540943244</v>
      </c>
    </row>
    <row r="3614" spans="6:32" x14ac:dyDescent="0.25">
      <c r="F3614">
        <v>121.05</v>
      </c>
      <c r="G3614">
        <v>8.2199329999999993</v>
      </c>
      <c r="AB3614">
        <v>-100</v>
      </c>
      <c r="AC3614">
        <v>42.8</v>
      </c>
      <c r="AD3614">
        <v>121.1</v>
      </c>
      <c r="AE3614">
        <v>8.2199329999999993</v>
      </c>
      <c r="AF3614">
        <v>-0.43823280540943244</v>
      </c>
    </row>
    <row r="3615" spans="6:32" x14ac:dyDescent="0.25">
      <c r="F3615">
        <v>121.066667</v>
      </c>
      <c r="G3615">
        <v>8.2199329999999993</v>
      </c>
      <c r="AB3615">
        <v>-100</v>
      </c>
      <c r="AC3615">
        <v>42.81666700000001</v>
      </c>
      <c r="AD3615">
        <v>121.11666700000001</v>
      </c>
      <c r="AE3615">
        <v>8.2199329999999993</v>
      </c>
      <c r="AF3615">
        <v>-0.43823280540943244</v>
      </c>
    </row>
    <row r="3616" spans="6:32" x14ac:dyDescent="0.25">
      <c r="F3616">
        <v>121.083333</v>
      </c>
      <c r="G3616">
        <v>8.2199329999999993</v>
      </c>
      <c r="AB3616">
        <v>-100</v>
      </c>
      <c r="AC3616">
        <v>42.833332999999996</v>
      </c>
      <c r="AD3616">
        <v>121.13333299999999</v>
      </c>
      <c r="AE3616">
        <v>8.2199329999999993</v>
      </c>
      <c r="AF3616">
        <v>-0.43823280540943244</v>
      </c>
    </row>
    <row r="3617" spans="6:32" x14ac:dyDescent="0.25">
      <c r="F3617">
        <v>121.1</v>
      </c>
      <c r="G3617">
        <v>8.2199329999999993</v>
      </c>
      <c r="AB3617">
        <v>-100</v>
      </c>
      <c r="AC3617">
        <v>42.850000000000009</v>
      </c>
      <c r="AD3617">
        <v>121.15</v>
      </c>
      <c r="AE3617">
        <v>8.2198989999999998</v>
      </c>
      <c r="AF3617">
        <v>-0.43864462142843874</v>
      </c>
    </row>
    <row r="3618" spans="6:32" x14ac:dyDescent="0.25">
      <c r="F3618">
        <v>121.11666700000001</v>
      </c>
      <c r="G3618">
        <v>8.2199329999999993</v>
      </c>
      <c r="AB3618">
        <v>-100</v>
      </c>
      <c r="AC3618">
        <v>42.866667000000007</v>
      </c>
      <c r="AD3618">
        <v>121.166667</v>
      </c>
      <c r="AE3618">
        <v>8.2198989999999998</v>
      </c>
      <c r="AF3618">
        <v>-0.43864462142843874</v>
      </c>
    </row>
    <row r="3619" spans="6:32" x14ac:dyDescent="0.25">
      <c r="F3619">
        <v>121.13333299999999</v>
      </c>
      <c r="G3619">
        <v>8.2199329999999993</v>
      </c>
      <c r="AB3619">
        <v>-100</v>
      </c>
      <c r="AC3619">
        <v>42.883333000000007</v>
      </c>
      <c r="AD3619">
        <v>121.183333</v>
      </c>
      <c r="AE3619">
        <v>8.2198989999999998</v>
      </c>
      <c r="AF3619">
        <v>-0.43864462142843874</v>
      </c>
    </row>
    <row r="3620" spans="6:32" x14ac:dyDescent="0.25">
      <c r="F3620">
        <v>121.15</v>
      </c>
      <c r="G3620">
        <v>8.2198989999999998</v>
      </c>
      <c r="AB3620">
        <v>-100</v>
      </c>
      <c r="AC3620">
        <v>42.900000000000006</v>
      </c>
      <c r="AD3620">
        <v>121.2</v>
      </c>
      <c r="AE3620">
        <v>8.2198989999999998</v>
      </c>
      <c r="AF3620">
        <v>-0.43864462142843874</v>
      </c>
    </row>
    <row r="3621" spans="6:32" x14ac:dyDescent="0.25">
      <c r="F3621">
        <v>121.166667</v>
      </c>
      <c r="G3621">
        <v>8.2198989999999998</v>
      </c>
      <c r="AB3621">
        <v>-100</v>
      </c>
      <c r="AC3621">
        <v>42.916667000000004</v>
      </c>
      <c r="AD3621">
        <v>121.216667</v>
      </c>
      <c r="AE3621">
        <v>8.2198989999999998</v>
      </c>
      <c r="AF3621">
        <v>-0.43864462142843874</v>
      </c>
    </row>
    <row r="3622" spans="6:32" x14ac:dyDescent="0.25">
      <c r="F3622">
        <v>121.183333</v>
      </c>
      <c r="G3622">
        <v>8.2198989999999998</v>
      </c>
      <c r="AB3622">
        <v>-100</v>
      </c>
      <c r="AC3622">
        <v>42.933333000000005</v>
      </c>
      <c r="AD3622">
        <v>121.233333</v>
      </c>
      <c r="AE3622">
        <v>8.2198989999999998</v>
      </c>
      <c r="AF3622">
        <v>-0.43864462142843874</v>
      </c>
    </row>
    <row r="3623" spans="6:32" x14ac:dyDescent="0.25">
      <c r="F3623">
        <v>121.2</v>
      </c>
      <c r="G3623">
        <v>8.2198989999999998</v>
      </c>
      <c r="AB3623">
        <v>-100</v>
      </c>
      <c r="AC3623">
        <v>42.95</v>
      </c>
      <c r="AD3623">
        <v>121.25</v>
      </c>
      <c r="AE3623">
        <v>8.2198989999999998</v>
      </c>
      <c r="AF3623">
        <v>-0.43864462142843874</v>
      </c>
    </row>
    <row r="3624" spans="6:32" x14ac:dyDescent="0.25">
      <c r="F3624">
        <v>121.216667</v>
      </c>
      <c r="G3624">
        <v>8.2198989999999998</v>
      </c>
      <c r="AB3624">
        <v>-100</v>
      </c>
      <c r="AC3624">
        <v>42.966667000000001</v>
      </c>
      <c r="AD3624">
        <v>121.266667</v>
      </c>
      <c r="AE3624">
        <v>8.2198989999999998</v>
      </c>
      <c r="AF3624">
        <v>-0.43864462142843874</v>
      </c>
    </row>
    <row r="3625" spans="6:32" x14ac:dyDescent="0.25">
      <c r="F3625">
        <v>121.233333</v>
      </c>
      <c r="G3625">
        <v>8.2198989999999998</v>
      </c>
      <c r="AB3625">
        <v>-100</v>
      </c>
      <c r="AC3625">
        <v>42.983333000000002</v>
      </c>
      <c r="AD3625">
        <v>121.283333</v>
      </c>
      <c r="AE3625">
        <v>8.2198659999999997</v>
      </c>
      <c r="AF3625">
        <v>-0.43904432521160075</v>
      </c>
    </row>
    <row r="3626" spans="6:32" x14ac:dyDescent="0.25">
      <c r="F3626">
        <v>121.25</v>
      </c>
      <c r="G3626">
        <v>8.2198989999999998</v>
      </c>
      <c r="AB3626">
        <v>-100</v>
      </c>
      <c r="AC3626">
        <v>43</v>
      </c>
      <c r="AD3626">
        <v>121.3</v>
      </c>
      <c r="AE3626">
        <v>8.2198659999999997</v>
      </c>
      <c r="AF3626">
        <v>-0.43904432521160075</v>
      </c>
    </row>
    <row r="3627" spans="6:32" x14ac:dyDescent="0.25">
      <c r="F3627">
        <v>121.266667</v>
      </c>
      <c r="G3627">
        <v>8.2198989999999998</v>
      </c>
      <c r="AB3627">
        <v>-100</v>
      </c>
      <c r="AC3627">
        <v>43.016666999999998</v>
      </c>
      <c r="AD3627">
        <v>121.316667</v>
      </c>
      <c r="AE3627">
        <v>8.2198659999999997</v>
      </c>
      <c r="AF3627">
        <v>-0.43904432521160075</v>
      </c>
    </row>
    <row r="3628" spans="6:32" x14ac:dyDescent="0.25">
      <c r="F3628">
        <v>121.283333</v>
      </c>
      <c r="G3628">
        <v>8.2198659999999997</v>
      </c>
      <c r="AB3628">
        <v>-100</v>
      </c>
      <c r="AC3628">
        <v>43.033332999999999</v>
      </c>
      <c r="AD3628">
        <v>121.333333</v>
      </c>
      <c r="AE3628">
        <v>8.2198659999999997</v>
      </c>
      <c r="AF3628">
        <v>-0.43904432521160075</v>
      </c>
    </row>
    <row r="3629" spans="6:32" x14ac:dyDescent="0.25">
      <c r="F3629">
        <v>121.3</v>
      </c>
      <c r="G3629">
        <v>8.2198659999999997</v>
      </c>
      <c r="AB3629">
        <v>-100</v>
      </c>
      <c r="AC3629">
        <v>43.05</v>
      </c>
      <c r="AD3629">
        <v>121.35</v>
      </c>
      <c r="AE3629">
        <v>8.2198659999999997</v>
      </c>
      <c r="AF3629">
        <v>-0.43904432521160075</v>
      </c>
    </row>
    <row r="3630" spans="6:32" x14ac:dyDescent="0.25">
      <c r="F3630">
        <v>121.316667</v>
      </c>
      <c r="G3630">
        <v>8.2198659999999997</v>
      </c>
      <c r="AB3630">
        <v>-100</v>
      </c>
      <c r="AC3630">
        <v>43.06666700000001</v>
      </c>
      <c r="AD3630">
        <v>121.36666700000001</v>
      </c>
      <c r="AE3630">
        <v>8.2198320000000002</v>
      </c>
      <c r="AF3630">
        <v>-0.43945614123060711</v>
      </c>
    </row>
    <row r="3631" spans="6:32" x14ac:dyDescent="0.25">
      <c r="F3631">
        <v>121.333333</v>
      </c>
      <c r="G3631">
        <v>8.2198659999999997</v>
      </c>
      <c r="AB3631">
        <v>-100</v>
      </c>
      <c r="AC3631">
        <v>43.083332999999996</v>
      </c>
      <c r="AD3631">
        <v>121.38333299999999</v>
      </c>
      <c r="AE3631">
        <v>8.2198320000000002</v>
      </c>
      <c r="AF3631">
        <v>-0.43945614123060711</v>
      </c>
    </row>
    <row r="3632" spans="6:32" x14ac:dyDescent="0.25">
      <c r="F3632">
        <v>121.35</v>
      </c>
      <c r="G3632">
        <v>8.2198659999999997</v>
      </c>
      <c r="AB3632">
        <v>-100</v>
      </c>
      <c r="AC3632">
        <v>43.100000000000009</v>
      </c>
      <c r="AD3632">
        <v>121.4</v>
      </c>
      <c r="AE3632">
        <v>8.2198320000000002</v>
      </c>
      <c r="AF3632">
        <v>-0.43945614123060711</v>
      </c>
    </row>
    <row r="3633" spans="6:32" x14ac:dyDescent="0.25">
      <c r="F3633">
        <v>121.36666700000001</v>
      </c>
      <c r="G3633">
        <v>8.2198320000000002</v>
      </c>
      <c r="AB3633">
        <v>-100</v>
      </c>
      <c r="AC3633">
        <v>43.116667000000007</v>
      </c>
      <c r="AD3633">
        <v>121.416667</v>
      </c>
      <c r="AE3633">
        <v>8.2198320000000002</v>
      </c>
      <c r="AF3633">
        <v>-0.43945614123060711</v>
      </c>
    </row>
    <row r="3634" spans="6:32" x14ac:dyDescent="0.25">
      <c r="F3634">
        <v>121.38333299999999</v>
      </c>
      <c r="G3634">
        <v>8.2198320000000002</v>
      </c>
      <c r="AB3634">
        <v>-100</v>
      </c>
      <c r="AC3634">
        <v>43.133333000000007</v>
      </c>
      <c r="AD3634">
        <v>121.433333</v>
      </c>
      <c r="AE3634">
        <v>8.2198320000000002</v>
      </c>
      <c r="AF3634">
        <v>-0.43945614123060711</v>
      </c>
    </row>
    <row r="3635" spans="6:32" x14ac:dyDescent="0.25">
      <c r="F3635">
        <v>121.4</v>
      </c>
      <c r="G3635">
        <v>8.2198320000000002</v>
      </c>
      <c r="AB3635">
        <v>-100</v>
      </c>
      <c r="AC3635">
        <v>43.150000000000006</v>
      </c>
      <c r="AD3635">
        <v>121.45</v>
      </c>
      <c r="AE3635">
        <v>8.2198320000000002</v>
      </c>
      <c r="AF3635">
        <v>-0.43945614123060711</v>
      </c>
    </row>
    <row r="3636" spans="6:32" x14ac:dyDescent="0.25">
      <c r="F3636">
        <v>121.416667</v>
      </c>
      <c r="G3636">
        <v>8.2198320000000002</v>
      </c>
      <c r="AB3636">
        <v>-100</v>
      </c>
      <c r="AC3636">
        <v>43.166667000000004</v>
      </c>
      <c r="AD3636">
        <v>121.466667</v>
      </c>
      <c r="AE3636">
        <v>8.2198320000000002</v>
      </c>
      <c r="AF3636">
        <v>-0.43945614123060711</v>
      </c>
    </row>
    <row r="3637" spans="6:32" x14ac:dyDescent="0.25">
      <c r="F3637">
        <v>121.433333</v>
      </c>
      <c r="G3637">
        <v>8.2198320000000002</v>
      </c>
      <c r="AB3637">
        <v>-100</v>
      </c>
      <c r="AC3637">
        <v>43.183333000000005</v>
      </c>
      <c r="AD3637">
        <v>121.483333</v>
      </c>
      <c r="AE3637">
        <v>8.2197980000000008</v>
      </c>
      <c r="AF3637">
        <v>-0.43986795724961336</v>
      </c>
    </row>
    <row r="3638" spans="6:32" x14ac:dyDescent="0.25">
      <c r="F3638">
        <v>121.45</v>
      </c>
      <c r="G3638">
        <v>8.2198320000000002</v>
      </c>
      <c r="AB3638">
        <v>-100</v>
      </c>
      <c r="AC3638">
        <v>43.2</v>
      </c>
      <c r="AD3638">
        <v>121.5</v>
      </c>
      <c r="AE3638">
        <v>8.2197980000000008</v>
      </c>
      <c r="AF3638">
        <v>-0.43986795724961336</v>
      </c>
    </row>
    <row r="3639" spans="6:32" x14ac:dyDescent="0.25">
      <c r="F3639">
        <v>121.466667</v>
      </c>
      <c r="G3639">
        <v>8.2198320000000002</v>
      </c>
      <c r="AB3639">
        <v>-100</v>
      </c>
      <c r="AC3639">
        <v>43.216667000000001</v>
      </c>
      <c r="AD3639">
        <v>121.516667</v>
      </c>
      <c r="AE3639">
        <v>8.2197980000000008</v>
      </c>
      <c r="AF3639">
        <v>-0.43986795724961336</v>
      </c>
    </row>
    <row r="3640" spans="6:32" x14ac:dyDescent="0.25">
      <c r="F3640">
        <v>121.483333</v>
      </c>
      <c r="G3640">
        <v>8.2197980000000008</v>
      </c>
      <c r="AB3640">
        <v>-100</v>
      </c>
      <c r="AC3640">
        <v>43.233333000000002</v>
      </c>
      <c r="AD3640">
        <v>121.533333</v>
      </c>
      <c r="AE3640">
        <v>8.2197980000000008</v>
      </c>
      <c r="AF3640">
        <v>-0.43986795724961336</v>
      </c>
    </row>
    <row r="3641" spans="6:32" x14ac:dyDescent="0.25">
      <c r="F3641">
        <v>121.5</v>
      </c>
      <c r="G3641">
        <v>8.2197980000000008</v>
      </c>
      <c r="AB3641">
        <v>-100</v>
      </c>
      <c r="AC3641">
        <v>43.25</v>
      </c>
      <c r="AD3641">
        <v>121.55</v>
      </c>
      <c r="AE3641">
        <v>8.2197980000000008</v>
      </c>
      <c r="AF3641">
        <v>-0.43986795724961336</v>
      </c>
    </row>
    <row r="3642" spans="6:32" x14ac:dyDescent="0.25">
      <c r="F3642">
        <v>121.516667</v>
      </c>
      <c r="G3642">
        <v>8.2197980000000008</v>
      </c>
      <c r="AB3642">
        <v>-100</v>
      </c>
      <c r="AC3642">
        <v>43.266666999999998</v>
      </c>
      <c r="AD3642">
        <v>121.566667</v>
      </c>
      <c r="AE3642">
        <v>8.2197650000000007</v>
      </c>
      <c r="AF3642">
        <v>-0.44026766103277548</v>
      </c>
    </row>
    <row r="3643" spans="6:32" x14ac:dyDescent="0.25">
      <c r="F3643">
        <v>121.533333</v>
      </c>
      <c r="G3643">
        <v>8.2197980000000008</v>
      </c>
      <c r="AB3643">
        <v>-100</v>
      </c>
      <c r="AC3643">
        <v>43.283332999999999</v>
      </c>
      <c r="AD3643">
        <v>121.583333</v>
      </c>
      <c r="AE3643">
        <v>8.2197650000000007</v>
      </c>
      <c r="AF3643">
        <v>-0.44026766103277548</v>
      </c>
    </row>
    <row r="3644" spans="6:32" x14ac:dyDescent="0.25">
      <c r="F3644">
        <v>121.55</v>
      </c>
      <c r="G3644">
        <v>8.2197980000000008</v>
      </c>
      <c r="AB3644">
        <v>-100</v>
      </c>
      <c r="AC3644">
        <v>43.3</v>
      </c>
      <c r="AD3644">
        <v>121.6</v>
      </c>
      <c r="AE3644">
        <v>8.2197650000000007</v>
      </c>
      <c r="AF3644">
        <v>-0.44026766103277548</v>
      </c>
    </row>
    <row r="3645" spans="6:32" x14ac:dyDescent="0.25">
      <c r="F3645">
        <v>121.566667</v>
      </c>
      <c r="G3645">
        <v>8.2197650000000007</v>
      </c>
      <c r="AB3645">
        <v>-100</v>
      </c>
      <c r="AC3645">
        <v>43.31666700000001</v>
      </c>
      <c r="AD3645">
        <v>121.61666700000001</v>
      </c>
      <c r="AE3645">
        <v>8.2197650000000007</v>
      </c>
      <c r="AF3645">
        <v>-0.44026766103277548</v>
      </c>
    </row>
    <row r="3646" spans="6:32" x14ac:dyDescent="0.25">
      <c r="F3646">
        <v>121.583333</v>
      </c>
      <c r="G3646">
        <v>8.2197650000000007</v>
      </c>
      <c r="AB3646">
        <v>-100</v>
      </c>
      <c r="AC3646">
        <v>43.333332999999996</v>
      </c>
      <c r="AD3646">
        <v>121.63333299999999</v>
      </c>
      <c r="AE3646">
        <v>8.2197650000000007</v>
      </c>
      <c r="AF3646">
        <v>-0.44026766103277548</v>
      </c>
    </row>
    <row r="3647" spans="6:32" x14ac:dyDescent="0.25">
      <c r="F3647">
        <v>121.6</v>
      </c>
      <c r="G3647">
        <v>8.2197650000000007</v>
      </c>
      <c r="AB3647">
        <v>-100</v>
      </c>
      <c r="AC3647">
        <v>43.350000000000009</v>
      </c>
      <c r="AD3647">
        <v>121.65</v>
      </c>
      <c r="AE3647">
        <v>8.2197309999999995</v>
      </c>
      <c r="AF3647">
        <v>-0.44067947705180333</v>
      </c>
    </row>
    <row r="3648" spans="6:32" x14ac:dyDescent="0.25">
      <c r="F3648">
        <v>121.61666700000001</v>
      </c>
      <c r="G3648">
        <v>8.2197650000000007</v>
      </c>
      <c r="AB3648">
        <v>-100</v>
      </c>
      <c r="AC3648">
        <v>43.366667000000007</v>
      </c>
      <c r="AD3648">
        <v>121.666667</v>
      </c>
      <c r="AE3648">
        <v>8.2197309999999995</v>
      </c>
      <c r="AF3648">
        <v>-0.44067947705180333</v>
      </c>
    </row>
    <row r="3649" spans="6:32" x14ac:dyDescent="0.25">
      <c r="F3649">
        <v>121.63333299999999</v>
      </c>
      <c r="G3649">
        <v>8.2197650000000007</v>
      </c>
      <c r="AB3649">
        <v>-100</v>
      </c>
      <c r="AC3649">
        <v>43.383333000000007</v>
      </c>
      <c r="AD3649">
        <v>121.683333</v>
      </c>
      <c r="AE3649">
        <v>8.2197309999999995</v>
      </c>
      <c r="AF3649">
        <v>-0.44067947705180333</v>
      </c>
    </row>
    <row r="3650" spans="6:32" x14ac:dyDescent="0.25">
      <c r="F3650">
        <v>121.65</v>
      </c>
      <c r="G3650">
        <v>8.2197309999999995</v>
      </c>
      <c r="AB3650">
        <v>-100</v>
      </c>
      <c r="AC3650">
        <v>43.400000000000006</v>
      </c>
      <c r="AD3650">
        <v>121.7</v>
      </c>
      <c r="AE3650">
        <v>8.2197309999999995</v>
      </c>
      <c r="AF3650">
        <v>-0.44067947705180333</v>
      </c>
    </row>
    <row r="3651" spans="6:32" x14ac:dyDescent="0.25">
      <c r="F3651">
        <v>121.666667</v>
      </c>
      <c r="G3651">
        <v>8.2197309999999995</v>
      </c>
      <c r="AB3651">
        <v>-100</v>
      </c>
      <c r="AC3651">
        <v>43.416667000000004</v>
      </c>
      <c r="AD3651">
        <v>121.716667</v>
      </c>
      <c r="AE3651">
        <v>8.2197309999999995</v>
      </c>
      <c r="AF3651">
        <v>-0.44067947705180333</v>
      </c>
    </row>
    <row r="3652" spans="6:32" x14ac:dyDescent="0.25">
      <c r="F3652">
        <v>121.683333</v>
      </c>
      <c r="G3652">
        <v>8.2197309999999995</v>
      </c>
      <c r="AB3652">
        <v>-100</v>
      </c>
      <c r="AC3652">
        <v>43.433333000000005</v>
      </c>
      <c r="AD3652">
        <v>121.733333</v>
      </c>
      <c r="AE3652">
        <v>8.219697</v>
      </c>
      <c r="AF3652">
        <v>-0.44109129307080958</v>
      </c>
    </row>
    <row r="3653" spans="6:32" x14ac:dyDescent="0.25">
      <c r="F3653">
        <v>121.7</v>
      </c>
      <c r="G3653">
        <v>8.2197309999999995</v>
      </c>
      <c r="AB3653">
        <v>-100</v>
      </c>
      <c r="AC3653">
        <v>43.45</v>
      </c>
      <c r="AD3653">
        <v>121.75</v>
      </c>
      <c r="AE3653">
        <v>8.219697</v>
      </c>
      <c r="AF3653">
        <v>-0.44109129307080958</v>
      </c>
    </row>
    <row r="3654" spans="6:32" x14ac:dyDescent="0.25">
      <c r="F3654">
        <v>121.716667</v>
      </c>
      <c r="G3654">
        <v>8.2197309999999995</v>
      </c>
      <c r="AB3654">
        <v>-100</v>
      </c>
      <c r="AC3654">
        <v>43.466667000000001</v>
      </c>
      <c r="AD3654">
        <v>121.766667</v>
      </c>
      <c r="AE3654">
        <v>8.219697</v>
      </c>
      <c r="AF3654">
        <v>-0.44109129307080958</v>
      </c>
    </row>
    <row r="3655" spans="6:32" x14ac:dyDescent="0.25">
      <c r="F3655">
        <v>121.733333</v>
      </c>
      <c r="G3655">
        <v>8.219697</v>
      </c>
      <c r="AB3655">
        <v>-100</v>
      </c>
      <c r="AC3655">
        <v>43.483333000000002</v>
      </c>
      <c r="AD3655">
        <v>121.783333</v>
      </c>
      <c r="AE3655">
        <v>8.219697</v>
      </c>
      <c r="AF3655">
        <v>-0.44109129307080958</v>
      </c>
    </row>
    <row r="3656" spans="6:32" x14ac:dyDescent="0.25">
      <c r="F3656">
        <v>121.75</v>
      </c>
      <c r="G3656">
        <v>8.219697</v>
      </c>
      <c r="AB3656">
        <v>-100</v>
      </c>
      <c r="AC3656">
        <v>43.5</v>
      </c>
      <c r="AD3656">
        <v>121.8</v>
      </c>
      <c r="AE3656">
        <v>8.2196639999999999</v>
      </c>
      <c r="AF3656">
        <v>-0.4414909968539717</v>
      </c>
    </row>
    <row r="3657" spans="6:32" x14ac:dyDescent="0.25">
      <c r="F3657">
        <v>121.766667</v>
      </c>
      <c r="G3657">
        <v>8.219697</v>
      </c>
      <c r="AB3657">
        <v>-100</v>
      </c>
      <c r="AC3657">
        <v>43.516666999999998</v>
      </c>
      <c r="AD3657">
        <v>121.816667</v>
      </c>
      <c r="AE3657">
        <v>8.2196639999999999</v>
      </c>
      <c r="AF3657">
        <v>-0.4414909968539717</v>
      </c>
    </row>
    <row r="3658" spans="6:32" x14ac:dyDescent="0.25">
      <c r="F3658">
        <v>121.783333</v>
      </c>
      <c r="G3658">
        <v>8.219697</v>
      </c>
      <c r="AB3658">
        <v>-100</v>
      </c>
      <c r="AC3658">
        <v>43.533332999999999</v>
      </c>
      <c r="AD3658">
        <v>121.833333</v>
      </c>
      <c r="AE3658">
        <v>8.2196639999999999</v>
      </c>
      <c r="AF3658">
        <v>-0.4414909968539717</v>
      </c>
    </row>
    <row r="3659" spans="6:32" x14ac:dyDescent="0.25">
      <c r="F3659">
        <v>121.8</v>
      </c>
      <c r="G3659">
        <v>8.2196639999999999</v>
      </c>
      <c r="AB3659">
        <v>-100</v>
      </c>
      <c r="AC3659">
        <v>43.55</v>
      </c>
      <c r="AD3659">
        <v>121.85</v>
      </c>
      <c r="AE3659">
        <v>8.2196639999999999</v>
      </c>
      <c r="AF3659">
        <v>-0.4414909968539717</v>
      </c>
    </row>
    <row r="3660" spans="6:32" x14ac:dyDescent="0.25">
      <c r="F3660">
        <v>121.816667</v>
      </c>
      <c r="G3660">
        <v>8.2196639999999999</v>
      </c>
      <c r="AB3660">
        <v>-100</v>
      </c>
      <c r="AC3660">
        <v>43.56666700000001</v>
      </c>
      <c r="AD3660">
        <v>121.86666700000001</v>
      </c>
      <c r="AE3660">
        <v>8.2196300000000004</v>
      </c>
      <c r="AF3660">
        <v>-0.44190281287297795</v>
      </c>
    </row>
    <row r="3661" spans="6:32" x14ac:dyDescent="0.25">
      <c r="F3661">
        <v>121.833333</v>
      </c>
      <c r="G3661">
        <v>8.2196639999999999</v>
      </c>
      <c r="AB3661">
        <v>-100</v>
      </c>
      <c r="AC3661">
        <v>43.583332999999996</v>
      </c>
      <c r="AD3661">
        <v>121.88333299999999</v>
      </c>
      <c r="AE3661">
        <v>8.2196300000000004</v>
      </c>
      <c r="AF3661">
        <v>-0.44190281287297795</v>
      </c>
    </row>
    <row r="3662" spans="6:32" x14ac:dyDescent="0.25">
      <c r="F3662">
        <v>121.85</v>
      </c>
      <c r="G3662">
        <v>8.2196639999999999</v>
      </c>
      <c r="AB3662">
        <v>-100</v>
      </c>
      <c r="AC3662">
        <v>43.600000000000009</v>
      </c>
      <c r="AD3662">
        <v>121.9</v>
      </c>
      <c r="AE3662">
        <v>8.2196300000000004</v>
      </c>
      <c r="AF3662">
        <v>-0.44190281287297795</v>
      </c>
    </row>
    <row r="3663" spans="6:32" x14ac:dyDescent="0.25">
      <c r="F3663">
        <v>121.86666700000001</v>
      </c>
      <c r="G3663">
        <v>8.2196300000000004</v>
      </c>
      <c r="AB3663">
        <v>-100</v>
      </c>
      <c r="AC3663">
        <v>43.616667000000007</v>
      </c>
      <c r="AD3663">
        <v>121.916667</v>
      </c>
      <c r="AE3663">
        <v>8.2195959999999992</v>
      </c>
      <c r="AF3663">
        <v>-0.44231462889200585</v>
      </c>
    </row>
    <row r="3664" spans="6:32" x14ac:dyDescent="0.25">
      <c r="F3664">
        <v>121.88333299999999</v>
      </c>
      <c r="G3664">
        <v>8.2196300000000004</v>
      </c>
      <c r="AB3664">
        <v>-100</v>
      </c>
      <c r="AC3664">
        <v>43.633333000000007</v>
      </c>
      <c r="AD3664">
        <v>121.933333</v>
      </c>
      <c r="AE3664">
        <v>8.2195959999999992</v>
      </c>
      <c r="AF3664">
        <v>-0.44231462889200585</v>
      </c>
    </row>
    <row r="3665" spans="6:32" x14ac:dyDescent="0.25">
      <c r="F3665">
        <v>121.9</v>
      </c>
      <c r="G3665">
        <v>8.2196300000000004</v>
      </c>
      <c r="AB3665">
        <v>-100</v>
      </c>
      <c r="AC3665">
        <v>43.650000000000006</v>
      </c>
      <c r="AD3665">
        <v>121.95</v>
      </c>
      <c r="AE3665">
        <v>8.2195959999999992</v>
      </c>
      <c r="AF3665">
        <v>-0.44231462889200585</v>
      </c>
    </row>
    <row r="3666" spans="6:32" x14ac:dyDescent="0.25">
      <c r="F3666">
        <v>121.916667</v>
      </c>
      <c r="G3666">
        <v>8.2195959999999992</v>
      </c>
      <c r="AB3666">
        <v>-100</v>
      </c>
      <c r="AC3666">
        <v>43.666667000000004</v>
      </c>
      <c r="AD3666">
        <v>121.966667</v>
      </c>
      <c r="AE3666">
        <v>8.2195630000000008</v>
      </c>
      <c r="AF3666">
        <v>-0.44271433267514632</v>
      </c>
    </row>
    <row r="3667" spans="6:32" x14ac:dyDescent="0.25">
      <c r="F3667">
        <v>121.933333</v>
      </c>
      <c r="G3667">
        <v>8.2195959999999992</v>
      </c>
      <c r="AB3667">
        <v>-100</v>
      </c>
      <c r="AC3667">
        <v>43.683333000000005</v>
      </c>
      <c r="AD3667">
        <v>121.983333</v>
      </c>
      <c r="AE3667">
        <v>8.2195630000000008</v>
      </c>
      <c r="AF3667">
        <v>-0.44271433267514632</v>
      </c>
    </row>
    <row r="3668" spans="6:32" x14ac:dyDescent="0.25">
      <c r="F3668">
        <v>121.95</v>
      </c>
      <c r="G3668">
        <v>8.2195959999999992</v>
      </c>
      <c r="AB3668">
        <v>-100</v>
      </c>
      <c r="AC3668">
        <v>43.7</v>
      </c>
      <c r="AD3668">
        <v>122</v>
      </c>
      <c r="AE3668">
        <v>8.2195630000000008</v>
      </c>
      <c r="AF3668">
        <v>-0.44271433267514632</v>
      </c>
    </row>
    <row r="3669" spans="6:32" x14ac:dyDescent="0.25">
      <c r="F3669">
        <v>121.966667</v>
      </c>
      <c r="G3669">
        <v>8.2195630000000008</v>
      </c>
      <c r="AB3669">
        <v>-100</v>
      </c>
      <c r="AC3669">
        <v>43.716667000000001</v>
      </c>
      <c r="AD3669">
        <v>122.016667</v>
      </c>
      <c r="AE3669">
        <v>8.2195630000000008</v>
      </c>
      <c r="AF3669">
        <v>-0.44271433267514632</v>
      </c>
    </row>
    <row r="3670" spans="6:32" x14ac:dyDescent="0.25">
      <c r="F3670">
        <v>121.983333</v>
      </c>
      <c r="G3670">
        <v>8.2195630000000008</v>
      </c>
      <c r="AB3670">
        <v>-100</v>
      </c>
      <c r="AC3670">
        <v>43.733333000000002</v>
      </c>
      <c r="AD3670">
        <v>122.033333</v>
      </c>
      <c r="AE3670">
        <v>8.2195630000000008</v>
      </c>
      <c r="AF3670">
        <v>-0.44271433267514632</v>
      </c>
    </row>
    <row r="3671" spans="6:32" x14ac:dyDescent="0.25">
      <c r="F3671">
        <v>122</v>
      </c>
      <c r="G3671">
        <v>8.2195630000000008</v>
      </c>
      <c r="AB3671">
        <v>-100</v>
      </c>
      <c r="AC3671">
        <v>43.75</v>
      </c>
      <c r="AD3671">
        <v>122.05</v>
      </c>
      <c r="AE3671">
        <v>8.2195289999999996</v>
      </c>
      <c r="AF3671">
        <v>-0.44312614869417416</v>
      </c>
    </row>
    <row r="3672" spans="6:32" x14ac:dyDescent="0.25">
      <c r="F3672">
        <v>122.016667</v>
      </c>
      <c r="G3672">
        <v>8.2195630000000008</v>
      </c>
      <c r="AB3672">
        <v>-100</v>
      </c>
      <c r="AC3672">
        <v>43.766666999999998</v>
      </c>
      <c r="AD3672">
        <v>122.066667</v>
      </c>
      <c r="AE3672">
        <v>8.2195289999999996</v>
      </c>
      <c r="AF3672">
        <v>-0.44312614869417416</v>
      </c>
    </row>
    <row r="3673" spans="6:32" x14ac:dyDescent="0.25">
      <c r="F3673">
        <v>122.033333</v>
      </c>
      <c r="G3673">
        <v>8.2195630000000008</v>
      </c>
      <c r="AB3673">
        <v>-100</v>
      </c>
      <c r="AC3673">
        <v>43.783332999999999</v>
      </c>
      <c r="AD3673">
        <v>122.083333</v>
      </c>
      <c r="AE3673">
        <v>8.2195289999999996</v>
      </c>
      <c r="AF3673">
        <v>-0.44312614869417416</v>
      </c>
    </row>
    <row r="3674" spans="6:32" x14ac:dyDescent="0.25">
      <c r="F3674">
        <v>122.05</v>
      </c>
      <c r="G3674">
        <v>8.2195289999999996</v>
      </c>
      <c r="AB3674">
        <v>-100</v>
      </c>
      <c r="AC3674">
        <v>43.8</v>
      </c>
      <c r="AD3674">
        <v>122.1</v>
      </c>
      <c r="AE3674">
        <v>8.2195289999999996</v>
      </c>
      <c r="AF3674">
        <v>-0.44312614869417416</v>
      </c>
    </row>
    <row r="3675" spans="6:32" x14ac:dyDescent="0.25">
      <c r="F3675">
        <v>122.066667</v>
      </c>
      <c r="G3675">
        <v>8.2195289999999996</v>
      </c>
      <c r="AB3675">
        <v>-100</v>
      </c>
      <c r="AC3675">
        <v>43.81666700000001</v>
      </c>
      <c r="AD3675">
        <v>122.11666700000001</v>
      </c>
      <c r="AE3675">
        <v>8.2195289999999996</v>
      </c>
      <c r="AF3675">
        <v>-0.44312614869417416</v>
      </c>
    </row>
    <row r="3676" spans="6:32" x14ac:dyDescent="0.25">
      <c r="F3676">
        <v>122.083333</v>
      </c>
      <c r="G3676">
        <v>8.2195289999999996</v>
      </c>
      <c r="AB3676">
        <v>-100</v>
      </c>
      <c r="AC3676">
        <v>43.833332999999996</v>
      </c>
      <c r="AD3676">
        <v>122.13333299999999</v>
      </c>
      <c r="AE3676">
        <v>8.2195289999999996</v>
      </c>
      <c r="AF3676">
        <v>-0.44312614869417416</v>
      </c>
    </row>
    <row r="3677" spans="6:32" x14ac:dyDescent="0.25">
      <c r="F3677">
        <v>122.1</v>
      </c>
      <c r="G3677">
        <v>8.2195289999999996</v>
      </c>
      <c r="AB3677">
        <v>-100</v>
      </c>
      <c r="AC3677">
        <v>43.850000000000009</v>
      </c>
      <c r="AD3677">
        <v>122.15</v>
      </c>
      <c r="AE3677">
        <v>8.2194950000000002</v>
      </c>
      <c r="AF3677">
        <v>-0.44353796471318052</v>
      </c>
    </row>
    <row r="3678" spans="6:32" x14ac:dyDescent="0.25">
      <c r="F3678">
        <v>122.11666700000001</v>
      </c>
      <c r="G3678">
        <v>8.2195289999999996</v>
      </c>
      <c r="AB3678">
        <v>-100</v>
      </c>
      <c r="AC3678">
        <v>43.866667000000007</v>
      </c>
      <c r="AD3678">
        <v>122.166667</v>
      </c>
      <c r="AE3678">
        <v>8.2194950000000002</v>
      </c>
      <c r="AF3678">
        <v>-0.44353796471318052</v>
      </c>
    </row>
    <row r="3679" spans="6:32" x14ac:dyDescent="0.25">
      <c r="F3679">
        <v>122.13333299999999</v>
      </c>
      <c r="G3679">
        <v>8.2195289999999996</v>
      </c>
      <c r="AB3679">
        <v>-100</v>
      </c>
      <c r="AC3679">
        <v>43.883333000000007</v>
      </c>
      <c r="AD3679">
        <v>122.183333</v>
      </c>
      <c r="AE3679">
        <v>8.2194950000000002</v>
      </c>
      <c r="AF3679">
        <v>-0.44353796471318052</v>
      </c>
    </row>
    <row r="3680" spans="6:32" x14ac:dyDescent="0.25">
      <c r="F3680">
        <v>122.15</v>
      </c>
      <c r="G3680">
        <v>8.2194950000000002</v>
      </c>
      <c r="AB3680">
        <v>-100</v>
      </c>
      <c r="AC3680">
        <v>43.900000000000006</v>
      </c>
      <c r="AD3680">
        <v>122.2</v>
      </c>
      <c r="AE3680">
        <v>8.2194950000000002</v>
      </c>
      <c r="AF3680">
        <v>-0.44353796471318052</v>
      </c>
    </row>
    <row r="3681" spans="6:32" x14ac:dyDescent="0.25">
      <c r="F3681">
        <v>122.166667</v>
      </c>
      <c r="G3681">
        <v>8.2194950000000002</v>
      </c>
      <c r="AB3681">
        <v>-100</v>
      </c>
      <c r="AC3681">
        <v>43.916667000000004</v>
      </c>
      <c r="AD3681">
        <v>122.216667</v>
      </c>
      <c r="AE3681">
        <v>8.2194950000000002</v>
      </c>
      <c r="AF3681">
        <v>-0.44353796471318052</v>
      </c>
    </row>
    <row r="3682" spans="6:32" x14ac:dyDescent="0.25">
      <c r="F3682">
        <v>122.183333</v>
      </c>
      <c r="G3682">
        <v>8.2194950000000002</v>
      </c>
      <c r="AB3682">
        <v>-100</v>
      </c>
      <c r="AC3682">
        <v>43.933333000000005</v>
      </c>
      <c r="AD3682">
        <v>122.233333</v>
      </c>
      <c r="AE3682">
        <v>8.2194950000000002</v>
      </c>
      <c r="AF3682">
        <v>-0.44353796471318052</v>
      </c>
    </row>
    <row r="3683" spans="6:32" x14ac:dyDescent="0.25">
      <c r="F3683">
        <v>122.2</v>
      </c>
      <c r="G3683">
        <v>8.2194950000000002</v>
      </c>
      <c r="AB3683">
        <v>-100</v>
      </c>
      <c r="AC3683">
        <v>43.95</v>
      </c>
      <c r="AD3683">
        <v>122.25</v>
      </c>
      <c r="AE3683">
        <v>8.2194950000000002</v>
      </c>
      <c r="AF3683">
        <v>-0.44353796471318052</v>
      </c>
    </row>
    <row r="3684" spans="6:32" x14ac:dyDescent="0.25">
      <c r="F3684">
        <v>122.216667</v>
      </c>
      <c r="G3684">
        <v>8.2194950000000002</v>
      </c>
      <c r="AB3684">
        <v>-100</v>
      </c>
      <c r="AC3684">
        <v>43.966667000000001</v>
      </c>
      <c r="AD3684">
        <v>122.266667</v>
      </c>
      <c r="AE3684">
        <v>8.2194950000000002</v>
      </c>
      <c r="AF3684">
        <v>-0.44353796471318052</v>
      </c>
    </row>
    <row r="3685" spans="6:32" x14ac:dyDescent="0.25">
      <c r="F3685">
        <v>122.233333</v>
      </c>
      <c r="G3685">
        <v>8.2194950000000002</v>
      </c>
      <c r="AB3685">
        <v>-100</v>
      </c>
      <c r="AC3685">
        <v>43.983333000000002</v>
      </c>
      <c r="AD3685">
        <v>122.283333</v>
      </c>
      <c r="AE3685">
        <v>8.2194950000000002</v>
      </c>
      <c r="AF3685">
        <v>-0.44353796471318052</v>
      </c>
    </row>
    <row r="3686" spans="6:32" x14ac:dyDescent="0.25">
      <c r="F3686">
        <v>122.25</v>
      </c>
      <c r="G3686">
        <v>8.2194950000000002</v>
      </c>
      <c r="AB3686">
        <v>-100</v>
      </c>
      <c r="AC3686">
        <v>44</v>
      </c>
      <c r="AD3686">
        <v>122.3</v>
      </c>
      <c r="AE3686">
        <v>8.2194950000000002</v>
      </c>
      <c r="AF3686">
        <v>-0.44353796471318052</v>
      </c>
    </row>
    <row r="3687" spans="6:32" x14ac:dyDescent="0.25">
      <c r="F3687">
        <v>122.266667</v>
      </c>
      <c r="G3687">
        <v>8.2194950000000002</v>
      </c>
      <c r="AB3687">
        <v>-100</v>
      </c>
      <c r="AC3687">
        <v>44.016666999999998</v>
      </c>
      <c r="AD3687">
        <v>122.316667</v>
      </c>
      <c r="AE3687">
        <v>8.219462</v>
      </c>
      <c r="AF3687">
        <v>-0.44393766849634253</v>
      </c>
    </row>
    <row r="3688" spans="6:32" x14ac:dyDescent="0.25">
      <c r="F3688">
        <v>122.283333</v>
      </c>
      <c r="G3688">
        <v>8.2194950000000002</v>
      </c>
      <c r="AB3688">
        <v>-100</v>
      </c>
      <c r="AC3688">
        <v>44.033332999999999</v>
      </c>
      <c r="AD3688">
        <v>122.333333</v>
      </c>
      <c r="AE3688">
        <v>8.219462</v>
      </c>
      <c r="AF3688">
        <v>-0.44393766849634253</v>
      </c>
    </row>
    <row r="3689" spans="6:32" x14ac:dyDescent="0.25">
      <c r="F3689">
        <v>122.3</v>
      </c>
      <c r="G3689">
        <v>8.2194950000000002</v>
      </c>
      <c r="AB3689">
        <v>-100</v>
      </c>
      <c r="AC3689">
        <v>44.05</v>
      </c>
      <c r="AD3689">
        <v>122.35</v>
      </c>
      <c r="AE3689">
        <v>8.219462</v>
      </c>
      <c r="AF3689">
        <v>-0.44393766849634253</v>
      </c>
    </row>
    <row r="3690" spans="6:32" x14ac:dyDescent="0.25">
      <c r="F3690">
        <v>122.316667</v>
      </c>
      <c r="G3690">
        <v>8.219462</v>
      </c>
      <c r="AB3690">
        <v>-100</v>
      </c>
      <c r="AC3690">
        <v>44.06666700000001</v>
      </c>
      <c r="AD3690">
        <v>122.36666700000001</v>
      </c>
      <c r="AE3690">
        <v>8.219462</v>
      </c>
      <c r="AF3690">
        <v>-0.44393766849634253</v>
      </c>
    </row>
    <row r="3691" spans="6:32" x14ac:dyDescent="0.25">
      <c r="F3691">
        <v>122.333333</v>
      </c>
      <c r="G3691">
        <v>8.219462</v>
      </c>
      <c r="AB3691">
        <v>-100</v>
      </c>
      <c r="AC3691">
        <v>44.083332999999996</v>
      </c>
      <c r="AD3691">
        <v>122.38333299999999</v>
      </c>
      <c r="AE3691">
        <v>8.219462</v>
      </c>
      <c r="AF3691">
        <v>-0.44393766849634253</v>
      </c>
    </row>
    <row r="3692" spans="6:32" x14ac:dyDescent="0.25">
      <c r="F3692">
        <v>122.35</v>
      </c>
      <c r="G3692">
        <v>8.219462</v>
      </c>
      <c r="AB3692">
        <v>-100</v>
      </c>
      <c r="AC3692">
        <v>44.100000000000009</v>
      </c>
      <c r="AD3692">
        <v>122.4</v>
      </c>
      <c r="AE3692">
        <v>8.219462</v>
      </c>
      <c r="AF3692">
        <v>-0.44393766849634253</v>
      </c>
    </row>
    <row r="3693" spans="6:32" x14ac:dyDescent="0.25">
      <c r="F3693">
        <v>122.36666700000001</v>
      </c>
      <c r="G3693">
        <v>8.219462</v>
      </c>
      <c r="AB3693">
        <v>-100</v>
      </c>
      <c r="AC3693">
        <v>44.116667000000007</v>
      </c>
      <c r="AD3693">
        <v>122.416667</v>
      </c>
      <c r="AE3693">
        <v>8.2194280000000006</v>
      </c>
      <c r="AF3693">
        <v>-0.44434948451534889</v>
      </c>
    </row>
    <row r="3694" spans="6:32" x14ac:dyDescent="0.25">
      <c r="F3694">
        <v>122.38333299999999</v>
      </c>
      <c r="G3694">
        <v>8.219462</v>
      </c>
      <c r="AB3694">
        <v>-100</v>
      </c>
      <c r="AC3694">
        <v>44.133333000000007</v>
      </c>
      <c r="AD3694">
        <v>122.433333</v>
      </c>
      <c r="AE3694">
        <v>8.2194280000000006</v>
      </c>
      <c r="AF3694">
        <v>-0.44434948451534889</v>
      </c>
    </row>
    <row r="3695" spans="6:32" x14ac:dyDescent="0.25">
      <c r="F3695">
        <v>122.4</v>
      </c>
      <c r="G3695">
        <v>8.219462</v>
      </c>
      <c r="AB3695">
        <v>-100</v>
      </c>
      <c r="AC3695">
        <v>44.150000000000006</v>
      </c>
      <c r="AD3695">
        <v>122.45</v>
      </c>
      <c r="AE3695">
        <v>8.2194280000000006</v>
      </c>
      <c r="AF3695">
        <v>-0.44434948451534889</v>
      </c>
    </row>
    <row r="3696" spans="6:32" x14ac:dyDescent="0.25">
      <c r="F3696">
        <v>122.416667</v>
      </c>
      <c r="G3696">
        <v>8.2194280000000006</v>
      </c>
      <c r="AB3696">
        <v>-100</v>
      </c>
      <c r="AC3696">
        <v>44.166667000000004</v>
      </c>
      <c r="AD3696">
        <v>122.466667</v>
      </c>
      <c r="AE3696">
        <v>8.2194280000000006</v>
      </c>
      <c r="AF3696">
        <v>-0.44434948451534889</v>
      </c>
    </row>
    <row r="3697" spans="6:32" x14ac:dyDescent="0.25">
      <c r="F3697">
        <v>122.433333</v>
      </c>
      <c r="G3697">
        <v>8.2194280000000006</v>
      </c>
      <c r="AB3697">
        <v>-100</v>
      </c>
      <c r="AC3697">
        <v>44.183333000000005</v>
      </c>
      <c r="AD3697">
        <v>122.483333</v>
      </c>
      <c r="AE3697">
        <v>8.2194280000000006</v>
      </c>
      <c r="AF3697">
        <v>-0.44434948451534889</v>
      </c>
    </row>
    <row r="3698" spans="6:32" x14ac:dyDescent="0.25">
      <c r="F3698">
        <v>122.45</v>
      </c>
      <c r="G3698">
        <v>8.2194280000000006</v>
      </c>
      <c r="AB3698">
        <v>-100</v>
      </c>
      <c r="AC3698">
        <v>44.2</v>
      </c>
      <c r="AD3698">
        <v>122.5</v>
      </c>
      <c r="AE3698">
        <v>8.2194280000000006</v>
      </c>
      <c r="AF3698">
        <v>-0.44434948451534889</v>
      </c>
    </row>
    <row r="3699" spans="6:32" x14ac:dyDescent="0.25">
      <c r="F3699">
        <v>122.466667</v>
      </c>
      <c r="G3699">
        <v>8.2194280000000006</v>
      </c>
      <c r="AB3699">
        <v>-100</v>
      </c>
      <c r="AC3699">
        <v>44.216667000000001</v>
      </c>
      <c r="AD3699">
        <v>122.516667</v>
      </c>
      <c r="AE3699">
        <v>8.2193939999999994</v>
      </c>
      <c r="AF3699">
        <v>-0.44476130053437674</v>
      </c>
    </row>
    <row r="3700" spans="6:32" x14ac:dyDescent="0.25">
      <c r="F3700">
        <v>122.483333</v>
      </c>
      <c r="G3700">
        <v>8.2194280000000006</v>
      </c>
      <c r="AB3700">
        <v>-100</v>
      </c>
      <c r="AC3700">
        <v>44.233333000000002</v>
      </c>
      <c r="AD3700">
        <v>122.533333</v>
      </c>
      <c r="AE3700">
        <v>8.2193939999999994</v>
      </c>
      <c r="AF3700">
        <v>-0.44476130053437674</v>
      </c>
    </row>
    <row r="3701" spans="6:32" x14ac:dyDescent="0.25">
      <c r="F3701">
        <v>122.5</v>
      </c>
      <c r="G3701">
        <v>8.2194280000000006</v>
      </c>
      <c r="AB3701">
        <v>-100</v>
      </c>
      <c r="AC3701">
        <v>44.25</v>
      </c>
      <c r="AD3701">
        <v>122.55</v>
      </c>
      <c r="AE3701">
        <v>8.2193939999999994</v>
      </c>
      <c r="AF3701">
        <v>-0.44476130053437674</v>
      </c>
    </row>
    <row r="3702" spans="6:32" x14ac:dyDescent="0.25">
      <c r="F3702">
        <v>122.516667</v>
      </c>
      <c r="G3702">
        <v>8.2193939999999994</v>
      </c>
      <c r="AB3702">
        <v>-100</v>
      </c>
      <c r="AC3702">
        <v>44.266666999999998</v>
      </c>
      <c r="AD3702">
        <v>122.566667</v>
      </c>
      <c r="AE3702">
        <v>8.2193939999999994</v>
      </c>
      <c r="AF3702">
        <v>-0.44476130053437674</v>
      </c>
    </row>
    <row r="3703" spans="6:32" x14ac:dyDescent="0.25">
      <c r="F3703">
        <v>122.533333</v>
      </c>
      <c r="G3703">
        <v>8.2193939999999994</v>
      </c>
      <c r="AB3703">
        <v>-100</v>
      </c>
      <c r="AC3703">
        <v>44.283332999999999</v>
      </c>
      <c r="AD3703">
        <v>122.583333</v>
      </c>
      <c r="AE3703">
        <v>8.2193939999999994</v>
      </c>
      <c r="AF3703">
        <v>-0.44476130053437674</v>
      </c>
    </row>
    <row r="3704" spans="6:32" x14ac:dyDescent="0.25">
      <c r="F3704">
        <v>122.55</v>
      </c>
      <c r="G3704">
        <v>8.2193939999999994</v>
      </c>
      <c r="AB3704">
        <v>-100</v>
      </c>
      <c r="AC3704">
        <v>44.3</v>
      </c>
      <c r="AD3704">
        <v>122.6</v>
      </c>
      <c r="AE3704">
        <v>8.2193609999999993</v>
      </c>
      <c r="AF3704">
        <v>-0.44516100431753874</v>
      </c>
    </row>
    <row r="3705" spans="6:32" x14ac:dyDescent="0.25">
      <c r="F3705">
        <v>122.566667</v>
      </c>
      <c r="G3705">
        <v>8.2193939999999994</v>
      </c>
      <c r="AB3705">
        <v>-100</v>
      </c>
      <c r="AC3705">
        <v>44.31666700000001</v>
      </c>
      <c r="AD3705">
        <v>122.61666700000001</v>
      </c>
      <c r="AE3705">
        <v>8.2193609999999993</v>
      </c>
      <c r="AF3705">
        <v>-0.44516100431753874</v>
      </c>
    </row>
    <row r="3706" spans="6:32" x14ac:dyDescent="0.25">
      <c r="F3706">
        <v>122.583333</v>
      </c>
      <c r="G3706">
        <v>8.2193939999999994</v>
      </c>
      <c r="AB3706">
        <v>-100</v>
      </c>
      <c r="AC3706">
        <v>44.333332999999996</v>
      </c>
      <c r="AD3706">
        <v>122.63333299999999</v>
      </c>
      <c r="AE3706">
        <v>8.2193609999999993</v>
      </c>
      <c r="AF3706">
        <v>-0.44516100431753874</v>
      </c>
    </row>
    <row r="3707" spans="6:32" x14ac:dyDescent="0.25">
      <c r="F3707">
        <v>122.6</v>
      </c>
      <c r="G3707">
        <v>8.2193609999999993</v>
      </c>
      <c r="AB3707">
        <v>-100</v>
      </c>
      <c r="AC3707">
        <v>44.350000000000009</v>
      </c>
      <c r="AD3707">
        <v>122.65</v>
      </c>
      <c r="AE3707">
        <v>8.2193609999999993</v>
      </c>
      <c r="AF3707">
        <v>-0.44516100431753874</v>
      </c>
    </row>
    <row r="3708" spans="6:32" x14ac:dyDescent="0.25">
      <c r="F3708">
        <v>122.61666700000001</v>
      </c>
      <c r="G3708">
        <v>8.2193609999999993</v>
      </c>
      <c r="AB3708">
        <v>-100</v>
      </c>
      <c r="AC3708">
        <v>44.366667000000007</v>
      </c>
      <c r="AD3708">
        <v>122.666667</v>
      </c>
      <c r="AE3708">
        <v>8.2193609999999993</v>
      </c>
      <c r="AF3708">
        <v>-0.44516100431753874</v>
      </c>
    </row>
    <row r="3709" spans="6:32" x14ac:dyDescent="0.25">
      <c r="F3709">
        <v>122.63333299999999</v>
      </c>
      <c r="G3709">
        <v>8.2193609999999993</v>
      </c>
      <c r="AB3709">
        <v>-100</v>
      </c>
      <c r="AC3709">
        <v>44.383333000000007</v>
      </c>
      <c r="AD3709">
        <v>122.683333</v>
      </c>
      <c r="AE3709">
        <v>8.2193269999999998</v>
      </c>
      <c r="AF3709">
        <v>-0.44557282033654511</v>
      </c>
    </row>
    <row r="3710" spans="6:32" x14ac:dyDescent="0.25">
      <c r="F3710">
        <v>122.65</v>
      </c>
      <c r="G3710">
        <v>8.2193609999999993</v>
      </c>
      <c r="AB3710">
        <v>-100</v>
      </c>
      <c r="AC3710">
        <v>44.400000000000006</v>
      </c>
      <c r="AD3710">
        <v>122.7</v>
      </c>
      <c r="AE3710">
        <v>8.2193269999999998</v>
      </c>
      <c r="AF3710">
        <v>-0.44557282033654511</v>
      </c>
    </row>
    <row r="3711" spans="6:32" x14ac:dyDescent="0.25">
      <c r="F3711">
        <v>122.666667</v>
      </c>
      <c r="G3711">
        <v>8.2193609999999993</v>
      </c>
      <c r="AB3711">
        <v>-100</v>
      </c>
      <c r="AC3711">
        <v>44.416667000000004</v>
      </c>
      <c r="AD3711">
        <v>122.716667</v>
      </c>
      <c r="AE3711">
        <v>8.2193269999999998</v>
      </c>
      <c r="AF3711">
        <v>-0.44557282033654511</v>
      </c>
    </row>
    <row r="3712" spans="6:32" x14ac:dyDescent="0.25">
      <c r="F3712">
        <v>122.683333</v>
      </c>
      <c r="G3712">
        <v>8.2193269999999998</v>
      </c>
      <c r="AB3712">
        <v>-100</v>
      </c>
      <c r="AC3712">
        <v>44.433333000000005</v>
      </c>
      <c r="AD3712">
        <v>122.733333</v>
      </c>
      <c r="AE3712">
        <v>8.2192930000000004</v>
      </c>
      <c r="AF3712">
        <v>-0.44598463635555136</v>
      </c>
    </row>
    <row r="3713" spans="6:32" x14ac:dyDescent="0.25">
      <c r="F3713">
        <v>122.7</v>
      </c>
      <c r="G3713">
        <v>8.2193269999999998</v>
      </c>
      <c r="AB3713">
        <v>-100</v>
      </c>
      <c r="AC3713">
        <v>44.45</v>
      </c>
      <c r="AD3713">
        <v>122.75</v>
      </c>
      <c r="AE3713">
        <v>8.2192930000000004</v>
      </c>
      <c r="AF3713">
        <v>-0.44598463635555136</v>
      </c>
    </row>
    <row r="3714" spans="6:32" x14ac:dyDescent="0.25">
      <c r="F3714">
        <v>122.716667</v>
      </c>
      <c r="G3714">
        <v>8.2193269999999998</v>
      </c>
      <c r="AB3714">
        <v>-100</v>
      </c>
      <c r="AC3714">
        <v>44.466667000000001</v>
      </c>
      <c r="AD3714">
        <v>122.766667</v>
      </c>
      <c r="AE3714">
        <v>8.2192600000000002</v>
      </c>
      <c r="AF3714">
        <v>-0.44638434013871348</v>
      </c>
    </row>
    <row r="3715" spans="6:32" x14ac:dyDescent="0.25">
      <c r="F3715">
        <v>122.733333</v>
      </c>
      <c r="G3715">
        <v>8.2192930000000004</v>
      </c>
      <c r="AB3715">
        <v>-100</v>
      </c>
      <c r="AC3715">
        <v>44.483333000000002</v>
      </c>
      <c r="AD3715">
        <v>122.783333</v>
      </c>
      <c r="AE3715">
        <v>8.2192260000000008</v>
      </c>
      <c r="AF3715">
        <v>-0.44679615615771973</v>
      </c>
    </row>
    <row r="3716" spans="6:32" x14ac:dyDescent="0.25">
      <c r="F3716">
        <v>122.75</v>
      </c>
      <c r="G3716">
        <v>8.2192930000000004</v>
      </c>
      <c r="AB3716">
        <v>-100</v>
      </c>
      <c r="AC3716">
        <v>44.5</v>
      </c>
      <c r="AD3716">
        <v>122.8</v>
      </c>
      <c r="AE3716">
        <v>8.2192260000000008</v>
      </c>
      <c r="AF3716">
        <v>-0.44679615615771973</v>
      </c>
    </row>
    <row r="3717" spans="6:32" x14ac:dyDescent="0.25">
      <c r="F3717">
        <v>122.766667</v>
      </c>
      <c r="G3717">
        <v>8.2192600000000002</v>
      </c>
      <c r="AB3717">
        <v>-100</v>
      </c>
      <c r="AC3717">
        <v>44.516666999999998</v>
      </c>
      <c r="AD3717">
        <v>122.816667</v>
      </c>
      <c r="AE3717">
        <v>8.2191919999999996</v>
      </c>
      <c r="AF3717">
        <v>-0.44720797217674757</v>
      </c>
    </row>
    <row r="3718" spans="6:32" x14ac:dyDescent="0.25">
      <c r="F3718">
        <v>122.783333</v>
      </c>
      <c r="G3718">
        <v>8.2192260000000008</v>
      </c>
      <c r="AB3718">
        <v>-100</v>
      </c>
      <c r="AC3718">
        <v>44.533332999999999</v>
      </c>
      <c r="AD3718">
        <v>122.833333</v>
      </c>
      <c r="AE3718">
        <v>8.2191589999999994</v>
      </c>
      <c r="AF3718">
        <v>-0.44760767595990969</v>
      </c>
    </row>
    <row r="3719" spans="6:32" x14ac:dyDescent="0.25">
      <c r="F3719">
        <v>122.8</v>
      </c>
      <c r="G3719">
        <v>8.2192260000000008</v>
      </c>
      <c r="AB3719">
        <v>-100</v>
      </c>
      <c r="AC3719">
        <v>44.55</v>
      </c>
      <c r="AD3719">
        <v>122.85</v>
      </c>
      <c r="AE3719">
        <v>8.219125</v>
      </c>
      <c r="AF3719">
        <v>-0.44801949197891594</v>
      </c>
    </row>
    <row r="3720" spans="6:32" x14ac:dyDescent="0.25">
      <c r="F3720">
        <v>122.816667</v>
      </c>
      <c r="G3720">
        <v>8.2191919999999996</v>
      </c>
      <c r="AB3720">
        <v>-100</v>
      </c>
      <c r="AC3720">
        <v>44.56666700000001</v>
      </c>
      <c r="AD3720">
        <v>122.86666700000001</v>
      </c>
      <c r="AE3720">
        <v>8.2190910000000006</v>
      </c>
      <c r="AF3720">
        <v>-0.4484313079979223</v>
      </c>
    </row>
    <row r="3721" spans="6:32" x14ac:dyDescent="0.25">
      <c r="F3721">
        <v>122.833333</v>
      </c>
      <c r="G3721">
        <v>8.2191589999999994</v>
      </c>
      <c r="AB3721">
        <v>-100</v>
      </c>
      <c r="AC3721">
        <v>44.583332999999996</v>
      </c>
      <c r="AD3721">
        <v>122.88333299999999</v>
      </c>
      <c r="AE3721">
        <v>8.2190910000000006</v>
      </c>
      <c r="AF3721">
        <v>-0.4484313079979223</v>
      </c>
    </row>
    <row r="3722" spans="6:32" x14ac:dyDescent="0.25">
      <c r="F3722">
        <v>122.85</v>
      </c>
      <c r="G3722">
        <v>8.219125</v>
      </c>
      <c r="AB3722">
        <v>-100</v>
      </c>
      <c r="AC3722">
        <v>44.600000000000009</v>
      </c>
      <c r="AD3722">
        <v>122.9</v>
      </c>
      <c r="AE3722">
        <v>8.2190580000000004</v>
      </c>
      <c r="AF3722">
        <v>-0.44883101178108431</v>
      </c>
    </row>
    <row r="3723" spans="6:32" x14ac:dyDescent="0.25">
      <c r="F3723">
        <v>122.86666700000001</v>
      </c>
      <c r="G3723">
        <v>8.2190910000000006</v>
      </c>
      <c r="AB3723">
        <v>-100</v>
      </c>
      <c r="AC3723">
        <v>44.616667000000007</v>
      </c>
      <c r="AD3723">
        <v>122.916667</v>
      </c>
      <c r="AE3723">
        <v>8.2190239999999992</v>
      </c>
      <c r="AF3723">
        <v>-0.44924282780011215</v>
      </c>
    </row>
    <row r="3724" spans="6:32" x14ac:dyDescent="0.25">
      <c r="F3724">
        <v>122.88333299999999</v>
      </c>
      <c r="G3724">
        <v>8.2190910000000006</v>
      </c>
      <c r="AB3724">
        <v>-100</v>
      </c>
      <c r="AC3724">
        <v>44.633333000000007</v>
      </c>
      <c r="AD3724">
        <v>122.933333</v>
      </c>
      <c r="AE3724">
        <v>8.2189899999999998</v>
      </c>
      <c r="AF3724">
        <v>-0.44965464381911852</v>
      </c>
    </row>
    <row r="3725" spans="6:32" x14ac:dyDescent="0.25">
      <c r="F3725">
        <v>122.9</v>
      </c>
      <c r="G3725">
        <v>8.2190580000000004</v>
      </c>
      <c r="AB3725">
        <v>-100</v>
      </c>
      <c r="AC3725">
        <v>44.650000000000006</v>
      </c>
      <c r="AD3725">
        <v>122.95</v>
      </c>
      <c r="AE3725">
        <v>8.2189230000000002</v>
      </c>
      <c r="AF3725">
        <v>-0.45046616362128689</v>
      </c>
    </row>
    <row r="3726" spans="6:32" x14ac:dyDescent="0.25">
      <c r="F3726">
        <v>122.916667</v>
      </c>
      <c r="G3726">
        <v>8.2190239999999992</v>
      </c>
      <c r="AB3726">
        <v>-100</v>
      </c>
      <c r="AC3726">
        <v>44.666667000000004</v>
      </c>
      <c r="AD3726">
        <v>122.966667</v>
      </c>
      <c r="AE3726">
        <v>8.2188890000000008</v>
      </c>
      <c r="AF3726">
        <v>-0.45087797964029325</v>
      </c>
    </row>
    <row r="3727" spans="6:32" x14ac:dyDescent="0.25">
      <c r="F3727">
        <v>122.933333</v>
      </c>
      <c r="G3727">
        <v>8.2189899999999998</v>
      </c>
      <c r="AB3727">
        <v>-100</v>
      </c>
      <c r="AC3727">
        <v>44.683333000000005</v>
      </c>
      <c r="AD3727">
        <v>122.983333</v>
      </c>
      <c r="AE3727">
        <v>8.2188560000000006</v>
      </c>
      <c r="AF3727">
        <v>-0.45127768342345526</v>
      </c>
    </row>
    <row r="3728" spans="6:32" x14ac:dyDescent="0.25">
      <c r="F3728">
        <v>122.95</v>
      </c>
      <c r="G3728">
        <v>8.2189230000000002</v>
      </c>
      <c r="AB3728">
        <v>-100</v>
      </c>
      <c r="AC3728">
        <v>44.7</v>
      </c>
      <c r="AD3728">
        <v>123</v>
      </c>
      <c r="AE3728">
        <v>8.2188219999999994</v>
      </c>
      <c r="AF3728">
        <v>-0.4516894994424831</v>
      </c>
    </row>
    <row r="3729" spans="6:32" x14ac:dyDescent="0.25">
      <c r="F3729">
        <v>122.966667</v>
      </c>
      <c r="G3729">
        <v>8.2188890000000008</v>
      </c>
      <c r="AB3729">
        <v>-100</v>
      </c>
      <c r="AC3729">
        <v>44.716667000000001</v>
      </c>
      <c r="AD3729">
        <v>123.016667</v>
      </c>
      <c r="AE3729">
        <v>8.218788</v>
      </c>
      <c r="AF3729">
        <v>-0.45210131546148935</v>
      </c>
    </row>
    <row r="3730" spans="6:32" x14ac:dyDescent="0.25">
      <c r="F3730">
        <v>122.983333</v>
      </c>
      <c r="G3730">
        <v>8.2188560000000006</v>
      </c>
      <c r="AB3730">
        <v>-100</v>
      </c>
      <c r="AC3730">
        <v>44.733333000000002</v>
      </c>
      <c r="AD3730">
        <v>123.033333</v>
      </c>
      <c r="AE3730">
        <v>8.2187549999999998</v>
      </c>
      <c r="AF3730">
        <v>-0.45250101924465147</v>
      </c>
    </row>
    <row r="3731" spans="6:32" x14ac:dyDescent="0.25">
      <c r="F3731">
        <v>123</v>
      </c>
      <c r="G3731">
        <v>8.2188219999999994</v>
      </c>
      <c r="AB3731">
        <v>-100</v>
      </c>
      <c r="AC3731">
        <v>44.75</v>
      </c>
      <c r="AD3731">
        <v>123.05</v>
      </c>
      <c r="AE3731">
        <v>8.2187549999999998</v>
      </c>
      <c r="AF3731">
        <v>-0.45250101924465147</v>
      </c>
    </row>
    <row r="3732" spans="6:32" x14ac:dyDescent="0.25">
      <c r="F3732">
        <v>123.016667</v>
      </c>
      <c r="G3732">
        <v>8.218788</v>
      </c>
      <c r="AB3732">
        <v>-100</v>
      </c>
      <c r="AC3732">
        <v>44.766666999999998</v>
      </c>
      <c r="AD3732">
        <v>123.066667</v>
      </c>
      <c r="AE3732">
        <v>8.2186880000000002</v>
      </c>
      <c r="AF3732">
        <v>-0.45331253904681984</v>
      </c>
    </row>
    <row r="3733" spans="6:32" x14ac:dyDescent="0.25">
      <c r="F3733">
        <v>123.033333</v>
      </c>
      <c r="G3733">
        <v>8.2187549999999998</v>
      </c>
      <c r="AB3733">
        <v>-100</v>
      </c>
      <c r="AC3733">
        <v>44.783332999999999</v>
      </c>
      <c r="AD3733">
        <v>123.083333</v>
      </c>
      <c r="AE3733">
        <v>8.2186540000000008</v>
      </c>
      <c r="AF3733">
        <v>-0.4537243550658262</v>
      </c>
    </row>
    <row r="3734" spans="6:32" x14ac:dyDescent="0.25">
      <c r="F3734">
        <v>123.05</v>
      </c>
      <c r="G3734">
        <v>8.2187549999999998</v>
      </c>
      <c r="AB3734">
        <v>-100</v>
      </c>
      <c r="AC3734">
        <v>44.8</v>
      </c>
      <c r="AD3734">
        <v>123.1</v>
      </c>
      <c r="AE3734">
        <v>8.2186199999999996</v>
      </c>
      <c r="AF3734">
        <v>-0.45413617108485393</v>
      </c>
    </row>
    <row r="3735" spans="6:32" x14ac:dyDescent="0.25">
      <c r="F3735">
        <v>123.066667</v>
      </c>
      <c r="G3735">
        <v>8.2186880000000002</v>
      </c>
      <c r="AB3735">
        <v>-100</v>
      </c>
      <c r="AC3735">
        <v>44.81666700000001</v>
      </c>
      <c r="AD3735">
        <v>123.11666700000001</v>
      </c>
      <c r="AE3735">
        <v>8.2185869999999994</v>
      </c>
      <c r="AF3735">
        <v>-0.45453587486801605</v>
      </c>
    </row>
    <row r="3736" spans="6:32" x14ac:dyDescent="0.25">
      <c r="F3736">
        <v>123.083333</v>
      </c>
      <c r="G3736">
        <v>8.2186540000000008</v>
      </c>
      <c r="AB3736">
        <v>-100</v>
      </c>
      <c r="AC3736">
        <v>44.833332999999996</v>
      </c>
      <c r="AD3736">
        <v>123.13333299999999</v>
      </c>
      <c r="AE3736">
        <v>8.218553</v>
      </c>
      <c r="AF3736">
        <v>-0.4549476908870223</v>
      </c>
    </row>
    <row r="3737" spans="6:32" x14ac:dyDescent="0.25">
      <c r="F3737">
        <v>123.1</v>
      </c>
      <c r="G3737">
        <v>8.2186199999999996</v>
      </c>
      <c r="AB3737">
        <v>-100</v>
      </c>
      <c r="AC3737">
        <v>44.850000000000009</v>
      </c>
      <c r="AD3737">
        <v>123.15</v>
      </c>
      <c r="AE3737">
        <v>8.218553</v>
      </c>
      <c r="AF3737">
        <v>-0.4549476908870223</v>
      </c>
    </row>
    <row r="3738" spans="6:32" x14ac:dyDescent="0.25">
      <c r="F3738">
        <v>123.11666700000001</v>
      </c>
      <c r="G3738">
        <v>8.2185869999999994</v>
      </c>
      <c r="AB3738">
        <v>-100</v>
      </c>
      <c r="AC3738">
        <v>44.866667000000007</v>
      </c>
      <c r="AD3738">
        <v>123.166667</v>
      </c>
      <c r="AE3738">
        <v>8.2185190000000006</v>
      </c>
      <c r="AF3738">
        <v>-0.45535950690602867</v>
      </c>
    </row>
    <row r="3739" spans="6:32" x14ac:dyDescent="0.25">
      <c r="F3739">
        <v>123.13333299999999</v>
      </c>
      <c r="G3739">
        <v>8.218553</v>
      </c>
      <c r="AB3739">
        <v>-100</v>
      </c>
      <c r="AC3739">
        <v>44.883333000000007</v>
      </c>
      <c r="AD3739">
        <v>123.183333</v>
      </c>
      <c r="AE3739">
        <v>8.2184860000000004</v>
      </c>
      <c r="AF3739">
        <v>-0.45575921068919067</v>
      </c>
    </row>
    <row r="3740" spans="6:32" x14ac:dyDescent="0.25">
      <c r="F3740">
        <v>123.15</v>
      </c>
      <c r="G3740">
        <v>8.218553</v>
      </c>
      <c r="AB3740">
        <v>-100</v>
      </c>
      <c r="AC3740">
        <v>44.900000000000006</v>
      </c>
      <c r="AD3740">
        <v>123.2</v>
      </c>
      <c r="AE3740">
        <v>8.2184860000000004</v>
      </c>
      <c r="AF3740">
        <v>-0.45575921068919067</v>
      </c>
    </row>
    <row r="3741" spans="6:32" x14ac:dyDescent="0.25">
      <c r="F3741">
        <v>123.166667</v>
      </c>
      <c r="G3741">
        <v>8.2185190000000006</v>
      </c>
      <c r="AB3741">
        <v>-100</v>
      </c>
      <c r="AC3741">
        <v>44.916667000000004</v>
      </c>
      <c r="AD3741">
        <v>123.216667</v>
      </c>
      <c r="AE3741">
        <v>8.2184519999999992</v>
      </c>
      <c r="AF3741">
        <v>-0.45617102670821852</v>
      </c>
    </row>
    <row r="3742" spans="6:32" x14ac:dyDescent="0.25">
      <c r="F3742">
        <v>123.183333</v>
      </c>
      <c r="G3742">
        <v>8.2184860000000004</v>
      </c>
      <c r="AB3742">
        <v>-100</v>
      </c>
      <c r="AC3742">
        <v>44.933333000000005</v>
      </c>
      <c r="AD3742">
        <v>123.233333</v>
      </c>
      <c r="AE3742">
        <v>8.2184519999999992</v>
      </c>
      <c r="AF3742">
        <v>-0.45617102670821852</v>
      </c>
    </row>
    <row r="3743" spans="6:32" x14ac:dyDescent="0.25">
      <c r="F3743">
        <v>123.2</v>
      </c>
      <c r="G3743">
        <v>8.2184860000000004</v>
      </c>
      <c r="AB3743">
        <v>-100</v>
      </c>
      <c r="AC3743">
        <v>44.95</v>
      </c>
      <c r="AD3743">
        <v>123.25</v>
      </c>
      <c r="AE3743">
        <v>8.2184519999999992</v>
      </c>
      <c r="AF3743">
        <v>-0.45617102670821852</v>
      </c>
    </row>
    <row r="3744" spans="6:32" x14ac:dyDescent="0.25">
      <c r="F3744">
        <v>123.216667</v>
      </c>
      <c r="G3744">
        <v>8.2184519999999992</v>
      </c>
      <c r="AB3744">
        <v>-100</v>
      </c>
      <c r="AC3744">
        <v>44.966667000000001</v>
      </c>
      <c r="AD3744">
        <v>123.266667</v>
      </c>
      <c r="AE3744">
        <v>8.2184179999999998</v>
      </c>
      <c r="AF3744">
        <v>-0.45658284272722488</v>
      </c>
    </row>
    <row r="3745" spans="6:32" x14ac:dyDescent="0.25">
      <c r="F3745">
        <v>123.233333</v>
      </c>
      <c r="G3745">
        <v>8.2184519999999992</v>
      </c>
      <c r="AB3745">
        <v>-100</v>
      </c>
      <c r="AC3745">
        <v>44.983333000000002</v>
      </c>
      <c r="AD3745">
        <v>123.283333</v>
      </c>
      <c r="AE3745">
        <v>8.2184179999999998</v>
      </c>
      <c r="AF3745">
        <v>-0.45658284272722488</v>
      </c>
    </row>
    <row r="3746" spans="6:32" x14ac:dyDescent="0.25">
      <c r="F3746">
        <v>123.25</v>
      </c>
      <c r="G3746">
        <v>8.2184519999999992</v>
      </c>
      <c r="AB3746">
        <v>-100</v>
      </c>
      <c r="AC3746">
        <v>45</v>
      </c>
      <c r="AD3746">
        <v>123.3</v>
      </c>
      <c r="AE3746">
        <v>8.2184179999999998</v>
      </c>
      <c r="AF3746">
        <v>-0.45658284272722488</v>
      </c>
    </row>
    <row r="3747" spans="6:32" x14ac:dyDescent="0.25">
      <c r="F3747">
        <v>123.266667</v>
      </c>
      <c r="G3747">
        <v>8.2184179999999998</v>
      </c>
      <c r="AB3747">
        <v>-100</v>
      </c>
      <c r="AC3747">
        <v>45.016666999999998</v>
      </c>
      <c r="AD3747">
        <v>123.316667</v>
      </c>
      <c r="AE3747">
        <v>8.2184179999999998</v>
      </c>
      <c r="AF3747">
        <v>-0.45658284272722488</v>
      </c>
    </row>
    <row r="3748" spans="6:32" x14ac:dyDescent="0.25">
      <c r="F3748">
        <v>123.283333</v>
      </c>
      <c r="G3748">
        <v>8.2184179999999998</v>
      </c>
      <c r="AB3748">
        <v>-100</v>
      </c>
      <c r="AC3748">
        <v>45.033332999999999</v>
      </c>
      <c r="AD3748">
        <v>123.333333</v>
      </c>
      <c r="AE3748">
        <v>8.2184179999999998</v>
      </c>
      <c r="AF3748">
        <v>-0.45658284272722488</v>
      </c>
    </row>
    <row r="3749" spans="6:32" x14ac:dyDescent="0.25">
      <c r="F3749">
        <v>123.3</v>
      </c>
      <c r="G3749">
        <v>8.2184179999999998</v>
      </c>
      <c r="AB3749">
        <v>-100</v>
      </c>
      <c r="AC3749">
        <v>45.05</v>
      </c>
      <c r="AD3749">
        <v>123.35</v>
      </c>
      <c r="AE3749">
        <v>8.2184179999999998</v>
      </c>
      <c r="AF3749">
        <v>-0.45658284272722488</v>
      </c>
    </row>
    <row r="3750" spans="6:32" x14ac:dyDescent="0.25">
      <c r="F3750">
        <v>123.316667</v>
      </c>
      <c r="G3750">
        <v>8.2184179999999998</v>
      </c>
      <c r="AB3750">
        <v>-100</v>
      </c>
      <c r="AC3750">
        <v>45.06666700000001</v>
      </c>
      <c r="AD3750">
        <v>123.36666700000001</v>
      </c>
      <c r="AE3750">
        <v>8.2184179999999998</v>
      </c>
      <c r="AF3750">
        <v>-0.45658284272722488</v>
      </c>
    </row>
    <row r="3751" spans="6:32" x14ac:dyDescent="0.25">
      <c r="F3751">
        <v>123.333333</v>
      </c>
      <c r="G3751">
        <v>8.2184179999999998</v>
      </c>
      <c r="AB3751">
        <v>-100</v>
      </c>
      <c r="AC3751">
        <v>45.083332999999996</v>
      </c>
      <c r="AD3751">
        <v>123.38333299999999</v>
      </c>
      <c r="AE3751">
        <v>8.2184179999999998</v>
      </c>
      <c r="AF3751">
        <v>-0.45658284272722488</v>
      </c>
    </row>
    <row r="3752" spans="6:32" x14ac:dyDescent="0.25">
      <c r="F3752">
        <v>123.35</v>
      </c>
      <c r="G3752">
        <v>8.2184179999999998</v>
      </c>
      <c r="AB3752">
        <v>-100</v>
      </c>
      <c r="AC3752">
        <v>45.100000000000009</v>
      </c>
      <c r="AD3752">
        <v>123.4</v>
      </c>
      <c r="AE3752">
        <v>8.2184519999999992</v>
      </c>
      <c r="AF3752">
        <v>-0.45617102670821852</v>
      </c>
    </row>
    <row r="3753" spans="6:32" x14ac:dyDescent="0.25">
      <c r="F3753">
        <v>123.36666700000001</v>
      </c>
      <c r="G3753">
        <v>8.2184179999999998</v>
      </c>
      <c r="AB3753">
        <v>-100</v>
      </c>
      <c r="AC3753">
        <v>45.116667000000007</v>
      </c>
      <c r="AD3753">
        <v>123.416667</v>
      </c>
      <c r="AE3753">
        <v>8.2184519999999992</v>
      </c>
      <c r="AF3753">
        <v>-0.45617102670821852</v>
      </c>
    </row>
    <row r="3754" spans="6:32" x14ac:dyDescent="0.25">
      <c r="F3754">
        <v>123.38333299999999</v>
      </c>
      <c r="G3754">
        <v>8.2184179999999998</v>
      </c>
      <c r="AB3754">
        <v>-100</v>
      </c>
      <c r="AC3754">
        <v>45.133333000000007</v>
      </c>
      <c r="AD3754">
        <v>123.433333</v>
      </c>
      <c r="AE3754">
        <v>8.2184519999999992</v>
      </c>
      <c r="AF3754">
        <v>-0.45617102670821852</v>
      </c>
    </row>
    <row r="3755" spans="6:32" x14ac:dyDescent="0.25">
      <c r="F3755">
        <v>123.4</v>
      </c>
      <c r="G3755">
        <v>8.2184519999999992</v>
      </c>
      <c r="AB3755">
        <v>-100</v>
      </c>
      <c r="AC3755">
        <v>45.150000000000006</v>
      </c>
      <c r="AD3755">
        <v>123.45</v>
      </c>
      <c r="AE3755">
        <v>8.2184519999999992</v>
      </c>
      <c r="AF3755">
        <v>-0.45617102670821852</v>
      </c>
    </row>
    <row r="3756" spans="6:32" x14ac:dyDescent="0.25">
      <c r="F3756">
        <v>123.416667</v>
      </c>
      <c r="G3756">
        <v>8.2184519999999992</v>
      </c>
      <c r="AB3756">
        <v>-100</v>
      </c>
      <c r="AC3756">
        <v>45.166667000000004</v>
      </c>
      <c r="AD3756">
        <v>123.466667</v>
      </c>
      <c r="AE3756">
        <v>8.2184519999999992</v>
      </c>
      <c r="AF3756">
        <v>-0.45617102670821852</v>
      </c>
    </row>
    <row r="3757" spans="6:32" x14ac:dyDescent="0.25">
      <c r="F3757">
        <v>123.433333</v>
      </c>
      <c r="G3757">
        <v>8.2184519999999992</v>
      </c>
      <c r="AB3757">
        <v>-100</v>
      </c>
      <c r="AC3757">
        <v>45.183333000000005</v>
      </c>
      <c r="AD3757">
        <v>123.483333</v>
      </c>
      <c r="AE3757">
        <v>8.2184860000000004</v>
      </c>
      <c r="AF3757">
        <v>-0.45575921068919067</v>
      </c>
    </row>
    <row r="3758" spans="6:32" x14ac:dyDescent="0.25">
      <c r="F3758">
        <v>123.45</v>
      </c>
      <c r="G3758">
        <v>8.2184519999999992</v>
      </c>
      <c r="AB3758">
        <v>-100</v>
      </c>
      <c r="AC3758">
        <v>45.2</v>
      </c>
      <c r="AD3758">
        <v>123.5</v>
      </c>
      <c r="AE3758">
        <v>8.2184860000000004</v>
      </c>
      <c r="AF3758">
        <v>-0.45575921068919067</v>
      </c>
    </row>
    <row r="3759" spans="6:32" x14ac:dyDescent="0.25">
      <c r="F3759">
        <v>123.466667</v>
      </c>
      <c r="G3759">
        <v>8.2184519999999992</v>
      </c>
      <c r="AB3759">
        <v>-100</v>
      </c>
      <c r="AC3759">
        <v>45.216667000000001</v>
      </c>
      <c r="AD3759">
        <v>123.516667</v>
      </c>
      <c r="AE3759">
        <v>8.2184860000000004</v>
      </c>
      <c r="AF3759">
        <v>-0.45575921068919067</v>
      </c>
    </row>
    <row r="3760" spans="6:32" x14ac:dyDescent="0.25">
      <c r="F3760">
        <v>123.483333</v>
      </c>
      <c r="G3760">
        <v>8.2184860000000004</v>
      </c>
      <c r="AB3760">
        <v>-100</v>
      </c>
      <c r="AC3760">
        <v>45.233333000000002</v>
      </c>
      <c r="AD3760">
        <v>123.533333</v>
      </c>
      <c r="AE3760">
        <v>8.2185190000000006</v>
      </c>
      <c r="AF3760">
        <v>-0.45535950690602867</v>
      </c>
    </row>
    <row r="3761" spans="6:32" x14ac:dyDescent="0.25">
      <c r="F3761">
        <v>123.5</v>
      </c>
      <c r="G3761">
        <v>8.2184860000000004</v>
      </c>
      <c r="AB3761">
        <v>-100</v>
      </c>
      <c r="AC3761">
        <v>45.25</v>
      </c>
      <c r="AD3761">
        <v>123.55</v>
      </c>
      <c r="AE3761">
        <v>8.2185190000000006</v>
      </c>
      <c r="AF3761">
        <v>-0.45535950690602867</v>
      </c>
    </row>
    <row r="3762" spans="6:32" x14ac:dyDescent="0.25">
      <c r="F3762">
        <v>123.516667</v>
      </c>
      <c r="G3762">
        <v>8.2184860000000004</v>
      </c>
      <c r="AB3762">
        <v>-100</v>
      </c>
      <c r="AC3762">
        <v>45.266666999999998</v>
      </c>
      <c r="AD3762">
        <v>123.566667</v>
      </c>
      <c r="AE3762">
        <v>8.2185190000000006</v>
      </c>
      <c r="AF3762">
        <v>-0.45535950690602867</v>
      </c>
    </row>
    <row r="3763" spans="6:32" x14ac:dyDescent="0.25">
      <c r="F3763">
        <v>123.533333</v>
      </c>
      <c r="G3763">
        <v>8.2185190000000006</v>
      </c>
      <c r="AB3763">
        <v>-100</v>
      </c>
      <c r="AC3763">
        <v>45.283332999999999</v>
      </c>
      <c r="AD3763">
        <v>123.583333</v>
      </c>
      <c r="AE3763">
        <v>8.218553</v>
      </c>
      <c r="AF3763">
        <v>-0.4549476908870223</v>
      </c>
    </row>
    <row r="3764" spans="6:32" x14ac:dyDescent="0.25">
      <c r="F3764">
        <v>123.55</v>
      </c>
      <c r="G3764">
        <v>8.2185190000000006</v>
      </c>
      <c r="AB3764">
        <v>-100</v>
      </c>
      <c r="AC3764">
        <v>45.3</v>
      </c>
      <c r="AD3764">
        <v>123.6</v>
      </c>
      <c r="AE3764">
        <v>8.218553</v>
      </c>
      <c r="AF3764">
        <v>-0.4549476908870223</v>
      </c>
    </row>
    <row r="3765" spans="6:32" x14ac:dyDescent="0.25">
      <c r="F3765">
        <v>123.566667</v>
      </c>
      <c r="G3765">
        <v>8.2185190000000006</v>
      </c>
      <c r="AB3765">
        <v>-100</v>
      </c>
      <c r="AC3765">
        <v>45.31666700000001</v>
      </c>
      <c r="AD3765">
        <v>123.61666700000001</v>
      </c>
      <c r="AE3765">
        <v>8.2185869999999994</v>
      </c>
      <c r="AF3765">
        <v>-0.45453587486801605</v>
      </c>
    </row>
    <row r="3766" spans="6:32" x14ac:dyDescent="0.25">
      <c r="F3766">
        <v>123.583333</v>
      </c>
      <c r="G3766">
        <v>8.218553</v>
      </c>
      <c r="AB3766">
        <v>-100</v>
      </c>
      <c r="AC3766">
        <v>45.333332999999996</v>
      </c>
      <c r="AD3766">
        <v>123.63333299999999</v>
      </c>
      <c r="AE3766">
        <v>8.2186199999999996</v>
      </c>
      <c r="AF3766">
        <v>-0.45413617108485393</v>
      </c>
    </row>
    <row r="3767" spans="6:32" x14ac:dyDescent="0.25">
      <c r="F3767">
        <v>123.6</v>
      </c>
      <c r="G3767">
        <v>8.218553</v>
      </c>
      <c r="AB3767">
        <v>-100</v>
      </c>
      <c r="AC3767">
        <v>45.350000000000009</v>
      </c>
      <c r="AD3767">
        <v>123.65</v>
      </c>
      <c r="AE3767">
        <v>8.2186199999999996</v>
      </c>
      <c r="AF3767">
        <v>-0.45413617108485393</v>
      </c>
    </row>
    <row r="3768" spans="6:32" x14ac:dyDescent="0.25">
      <c r="F3768">
        <v>123.61666700000001</v>
      </c>
      <c r="G3768">
        <v>8.2185869999999994</v>
      </c>
      <c r="AB3768">
        <v>-100</v>
      </c>
      <c r="AC3768">
        <v>45.366667000000007</v>
      </c>
      <c r="AD3768">
        <v>123.666667</v>
      </c>
      <c r="AE3768">
        <v>8.2186199999999996</v>
      </c>
      <c r="AF3768">
        <v>-0.45413617108485393</v>
      </c>
    </row>
    <row r="3769" spans="6:32" x14ac:dyDescent="0.25">
      <c r="F3769">
        <v>123.63333299999999</v>
      </c>
      <c r="G3769">
        <v>8.2186199999999996</v>
      </c>
      <c r="AB3769">
        <v>-100</v>
      </c>
      <c r="AC3769">
        <v>45.383333000000007</v>
      </c>
      <c r="AD3769">
        <v>123.683333</v>
      </c>
      <c r="AE3769">
        <v>8.2186540000000008</v>
      </c>
      <c r="AF3769">
        <v>-0.4537243550658262</v>
      </c>
    </row>
    <row r="3770" spans="6:32" x14ac:dyDescent="0.25">
      <c r="F3770">
        <v>123.65</v>
      </c>
      <c r="G3770">
        <v>8.2186199999999996</v>
      </c>
      <c r="AB3770">
        <v>-100</v>
      </c>
      <c r="AC3770">
        <v>45.400000000000006</v>
      </c>
      <c r="AD3770">
        <v>123.7</v>
      </c>
      <c r="AE3770">
        <v>8.2186540000000008</v>
      </c>
      <c r="AF3770">
        <v>-0.4537243550658262</v>
      </c>
    </row>
    <row r="3771" spans="6:32" x14ac:dyDescent="0.25">
      <c r="F3771">
        <v>123.666667</v>
      </c>
      <c r="G3771">
        <v>8.2186199999999996</v>
      </c>
      <c r="AB3771">
        <v>-100</v>
      </c>
      <c r="AC3771">
        <v>45.416667000000004</v>
      </c>
      <c r="AD3771">
        <v>123.716667</v>
      </c>
      <c r="AE3771">
        <v>8.2186880000000002</v>
      </c>
      <c r="AF3771">
        <v>-0.45331253904681984</v>
      </c>
    </row>
    <row r="3772" spans="6:32" x14ac:dyDescent="0.25">
      <c r="F3772">
        <v>123.683333</v>
      </c>
      <c r="G3772">
        <v>8.2186540000000008</v>
      </c>
      <c r="AB3772">
        <v>-100</v>
      </c>
      <c r="AC3772">
        <v>45.433333000000005</v>
      </c>
      <c r="AD3772">
        <v>123.733333</v>
      </c>
      <c r="AE3772">
        <v>8.2186880000000002</v>
      </c>
      <c r="AF3772">
        <v>-0.45331253904681984</v>
      </c>
    </row>
    <row r="3773" spans="6:32" x14ac:dyDescent="0.25">
      <c r="F3773">
        <v>123.7</v>
      </c>
      <c r="G3773">
        <v>8.2186540000000008</v>
      </c>
      <c r="AB3773">
        <v>-100</v>
      </c>
      <c r="AC3773">
        <v>45.45</v>
      </c>
      <c r="AD3773">
        <v>123.75</v>
      </c>
      <c r="AE3773">
        <v>8.2187210000000004</v>
      </c>
      <c r="AF3773">
        <v>-0.45291283526365772</v>
      </c>
    </row>
    <row r="3774" spans="6:32" x14ac:dyDescent="0.25">
      <c r="F3774">
        <v>123.716667</v>
      </c>
      <c r="G3774">
        <v>8.2186880000000002</v>
      </c>
      <c r="AB3774">
        <v>-100</v>
      </c>
      <c r="AC3774">
        <v>45.466667000000001</v>
      </c>
      <c r="AD3774">
        <v>123.766667</v>
      </c>
      <c r="AE3774">
        <v>8.2187549999999998</v>
      </c>
      <c r="AF3774">
        <v>-0.45250101924465147</v>
      </c>
    </row>
    <row r="3775" spans="6:32" x14ac:dyDescent="0.25">
      <c r="F3775">
        <v>123.733333</v>
      </c>
      <c r="G3775">
        <v>8.2186880000000002</v>
      </c>
      <c r="AB3775">
        <v>-100</v>
      </c>
      <c r="AC3775">
        <v>45.483333000000002</v>
      </c>
      <c r="AD3775">
        <v>123.783333</v>
      </c>
      <c r="AE3775">
        <v>8.2187549999999998</v>
      </c>
      <c r="AF3775">
        <v>-0.45250101924465147</v>
      </c>
    </row>
    <row r="3776" spans="6:32" x14ac:dyDescent="0.25">
      <c r="F3776">
        <v>123.75</v>
      </c>
      <c r="G3776">
        <v>8.2187210000000004</v>
      </c>
      <c r="AB3776">
        <v>-100</v>
      </c>
      <c r="AC3776">
        <v>45.5</v>
      </c>
      <c r="AD3776">
        <v>123.8</v>
      </c>
      <c r="AE3776">
        <v>8.218788</v>
      </c>
      <c r="AF3776">
        <v>-0.45210131546148935</v>
      </c>
    </row>
    <row r="3777" spans="6:32" x14ac:dyDescent="0.25">
      <c r="F3777">
        <v>123.766667</v>
      </c>
      <c r="G3777">
        <v>8.2187549999999998</v>
      </c>
      <c r="AB3777">
        <v>-100</v>
      </c>
      <c r="AC3777">
        <v>45.516666999999998</v>
      </c>
      <c r="AD3777">
        <v>123.816667</v>
      </c>
      <c r="AE3777">
        <v>8.218788</v>
      </c>
      <c r="AF3777">
        <v>-0.45210131546148935</v>
      </c>
    </row>
    <row r="3778" spans="6:32" x14ac:dyDescent="0.25">
      <c r="F3778">
        <v>123.783333</v>
      </c>
      <c r="G3778">
        <v>8.2187549999999998</v>
      </c>
      <c r="AB3778">
        <v>-100</v>
      </c>
      <c r="AC3778">
        <v>45.533332999999999</v>
      </c>
      <c r="AD3778">
        <v>123.833333</v>
      </c>
      <c r="AE3778">
        <v>8.2188219999999994</v>
      </c>
      <c r="AF3778">
        <v>-0.4516894994424831</v>
      </c>
    </row>
    <row r="3779" spans="6:32" x14ac:dyDescent="0.25">
      <c r="F3779">
        <v>123.8</v>
      </c>
      <c r="G3779">
        <v>8.218788</v>
      </c>
      <c r="AB3779">
        <v>-100</v>
      </c>
      <c r="AC3779">
        <v>45.55</v>
      </c>
      <c r="AD3779">
        <v>123.85</v>
      </c>
      <c r="AE3779">
        <v>8.2188560000000006</v>
      </c>
      <c r="AF3779">
        <v>-0.45127768342345526</v>
      </c>
    </row>
    <row r="3780" spans="6:32" x14ac:dyDescent="0.25">
      <c r="F3780">
        <v>123.816667</v>
      </c>
      <c r="G3780">
        <v>8.218788</v>
      </c>
      <c r="AB3780">
        <v>-100</v>
      </c>
      <c r="AC3780">
        <v>45.56666700000001</v>
      </c>
      <c r="AD3780">
        <v>123.86666700000001</v>
      </c>
      <c r="AE3780">
        <v>8.2188560000000006</v>
      </c>
      <c r="AF3780">
        <v>-0.45127768342345526</v>
      </c>
    </row>
    <row r="3781" spans="6:32" x14ac:dyDescent="0.25">
      <c r="F3781">
        <v>123.833333</v>
      </c>
      <c r="G3781">
        <v>8.2188219999999994</v>
      </c>
      <c r="AB3781">
        <v>-100</v>
      </c>
      <c r="AC3781">
        <v>45.583332999999996</v>
      </c>
      <c r="AD3781">
        <v>123.88333299999999</v>
      </c>
      <c r="AE3781">
        <v>8.2188890000000008</v>
      </c>
      <c r="AF3781">
        <v>-0.45087797964029325</v>
      </c>
    </row>
    <row r="3782" spans="6:32" x14ac:dyDescent="0.25">
      <c r="F3782">
        <v>123.85</v>
      </c>
      <c r="G3782">
        <v>8.2188560000000006</v>
      </c>
      <c r="AB3782">
        <v>-100</v>
      </c>
      <c r="AC3782">
        <v>45.600000000000009</v>
      </c>
      <c r="AD3782">
        <v>123.9</v>
      </c>
      <c r="AE3782">
        <v>8.2188890000000008</v>
      </c>
      <c r="AF3782">
        <v>-0.45087797964029325</v>
      </c>
    </row>
    <row r="3783" spans="6:32" x14ac:dyDescent="0.25">
      <c r="F3783">
        <v>123.86666700000001</v>
      </c>
      <c r="G3783">
        <v>8.2188560000000006</v>
      </c>
      <c r="AB3783">
        <v>-100</v>
      </c>
      <c r="AC3783">
        <v>45.616667000000007</v>
      </c>
      <c r="AD3783">
        <v>123.916667</v>
      </c>
      <c r="AE3783">
        <v>8.2189230000000002</v>
      </c>
      <c r="AF3783">
        <v>-0.45046616362128689</v>
      </c>
    </row>
    <row r="3784" spans="6:32" x14ac:dyDescent="0.25">
      <c r="F3784">
        <v>123.88333299999999</v>
      </c>
      <c r="G3784">
        <v>8.2188890000000008</v>
      </c>
      <c r="AB3784">
        <v>-100</v>
      </c>
      <c r="AC3784">
        <v>45.633333000000007</v>
      </c>
      <c r="AD3784">
        <v>123.933333</v>
      </c>
      <c r="AE3784">
        <v>8.2189569999999996</v>
      </c>
      <c r="AF3784">
        <v>-0.45005434760228052</v>
      </c>
    </row>
    <row r="3785" spans="6:32" x14ac:dyDescent="0.25">
      <c r="F3785">
        <v>123.9</v>
      </c>
      <c r="G3785">
        <v>8.2188890000000008</v>
      </c>
      <c r="AB3785">
        <v>-100</v>
      </c>
      <c r="AC3785">
        <v>45.650000000000006</v>
      </c>
      <c r="AD3785">
        <v>123.95</v>
      </c>
      <c r="AE3785">
        <v>8.2189569999999996</v>
      </c>
      <c r="AF3785">
        <v>-0.45005434760228052</v>
      </c>
    </row>
    <row r="3786" spans="6:32" x14ac:dyDescent="0.25">
      <c r="F3786">
        <v>123.916667</v>
      </c>
      <c r="G3786">
        <v>8.2189230000000002</v>
      </c>
      <c r="AB3786">
        <v>-100</v>
      </c>
      <c r="AC3786">
        <v>45.666667000000004</v>
      </c>
      <c r="AD3786">
        <v>123.966667</v>
      </c>
      <c r="AE3786">
        <v>8.2189899999999998</v>
      </c>
      <c r="AF3786">
        <v>-0.44965464381911852</v>
      </c>
    </row>
    <row r="3787" spans="6:32" x14ac:dyDescent="0.25">
      <c r="F3787">
        <v>123.933333</v>
      </c>
      <c r="G3787">
        <v>8.2189569999999996</v>
      </c>
      <c r="AB3787">
        <v>-100</v>
      </c>
      <c r="AC3787">
        <v>45.683333000000005</v>
      </c>
      <c r="AD3787">
        <v>123.983333</v>
      </c>
      <c r="AE3787">
        <v>8.2189899999999998</v>
      </c>
      <c r="AF3787">
        <v>-0.44965464381911852</v>
      </c>
    </row>
    <row r="3788" spans="6:32" x14ac:dyDescent="0.25">
      <c r="F3788">
        <v>123.95</v>
      </c>
      <c r="G3788">
        <v>8.2189569999999996</v>
      </c>
      <c r="AB3788">
        <v>-100</v>
      </c>
      <c r="AC3788">
        <v>45.7</v>
      </c>
      <c r="AD3788">
        <v>124</v>
      </c>
      <c r="AE3788">
        <v>8.2190239999999992</v>
      </c>
      <c r="AF3788">
        <v>-0.44924282780011215</v>
      </c>
    </row>
    <row r="3789" spans="6:32" x14ac:dyDescent="0.25">
      <c r="F3789">
        <v>123.966667</v>
      </c>
      <c r="G3789">
        <v>8.2189899999999998</v>
      </c>
      <c r="AB3789">
        <v>-100</v>
      </c>
      <c r="AC3789">
        <v>45.716667000000001</v>
      </c>
      <c r="AD3789">
        <v>124.016667</v>
      </c>
      <c r="AE3789">
        <v>8.2190239999999992</v>
      </c>
      <c r="AF3789">
        <v>-0.44924282780011215</v>
      </c>
    </row>
    <row r="3790" spans="6:32" x14ac:dyDescent="0.25">
      <c r="F3790">
        <v>123.983333</v>
      </c>
      <c r="G3790">
        <v>8.2189899999999998</v>
      </c>
      <c r="AB3790">
        <v>-100</v>
      </c>
      <c r="AC3790">
        <v>45.733333000000002</v>
      </c>
      <c r="AD3790">
        <v>124.033333</v>
      </c>
      <c r="AE3790">
        <v>8.2190580000000004</v>
      </c>
      <c r="AF3790">
        <v>-0.44883101178108431</v>
      </c>
    </row>
    <row r="3791" spans="6:32" x14ac:dyDescent="0.25">
      <c r="F3791">
        <v>124</v>
      </c>
      <c r="G3791">
        <v>8.2190239999999992</v>
      </c>
      <c r="AB3791">
        <v>-100</v>
      </c>
      <c r="AC3791">
        <v>45.75</v>
      </c>
      <c r="AD3791">
        <v>124.05</v>
      </c>
      <c r="AE3791">
        <v>8.2190910000000006</v>
      </c>
      <c r="AF3791">
        <v>-0.4484313079979223</v>
      </c>
    </row>
    <row r="3792" spans="6:32" x14ac:dyDescent="0.25">
      <c r="F3792">
        <v>124.016667</v>
      </c>
      <c r="G3792">
        <v>8.2190239999999992</v>
      </c>
      <c r="AB3792">
        <v>-100</v>
      </c>
      <c r="AC3792">
        <v>45.766666999999998</v>
      </c>
      <c r="AD3792">
        <v>124.066667</v>
      </c>
      <c r="AE3792">
        <v>8.2190910000000006</v>
      </c>
      <c r="AF3792">
        <v>-0.4484313079979223</v>
      </c>
    </row>
    <row r="3793" spans="6:32" x14ac:dyDescent="0.25">
      <c r="F3793">
        <v>124.033333</v>
      </c>
      <c r="G3793">
        <v>8.2190580000000004</v>
      </c>
      <c r="AB3793">
        <v>-100</v>
      </c>
      <c r="AC3793">
        <v>45.783332999999999</v>
      </c>
      <c r="AD3793">
        <v>124.083333</v>
      </c>
      <c r="AE3793">
        <v>8.219125</v>
      </c>
      <c r="AF3793">
        <v>-0.44801949197891594</v>
      </c>
    </row>
    <row r="3794" spans="6:32" x14ac:dyDescent="0.25">
      <c r="F3794">
        <v>124.05</v>
      </c>
      <c r="G3794">
        <v>8.2190910000000006</v>
      </c>
      <c r="AB3794">
        <v>-100</v>
      </c>
      <c r="AC3794">
        <v>45.8</v>
      </c>
      <c r="AD3794">
        <v>124.1</v>
      </c>
      <c r="AE3794">
        <v>8.2191589999999994</v>
      </c>
      <c r="AF3794">
        <v>-0.44760767595990969</v>
      </c>
    </row>
    <row r="3795" spans="6:32" x14ac:dyDescent="0.25">
      <c r="F3795">
        <v>124.066667</v>
      </c>
      <c r="G3795">
        <v>8.2190910000000006</v>
      </c>
      <c r="AB3795">
        <v>-100</v>
      </c>
      <c r="AC3795">
        <v>45.81666700000001</v>
      </c>
      <c r="AD3795">
        <v>124.11666700000001</v>
      </c>
      <c r="AE3795">
        <v>8.2191589999999994</v>
      </c>
      <c r="AF3795">
        <v>-0.44760767595990969</v>
      </c>
    </row>
    <row r="3796" spans="6:32" x14ac:dyDescent="0.25">
      <c r="F3796">
        <v>124.083333</v>
      </c>
      <c r="G3796">
        <v>8.219125</v>
      </c>
      <c r="AB3796">
        <v>-100</v>
      </c>
      <c r="AC3796">
        <v>45.833332999999996</v>
      </c>
      <c r="AD3796">
        <v>124.13333299999999</v>
      </c>
      <c r="AE3796">
        <v>8.2191919999999996</v>
      </c>
      <c r="AF3796">
        <v>-0.44720797217674757</v>
      </c>
    </row>
    <row r="3797" spans="6:32" x14ac:dyDescent="0.25">
      <c r="F3797">
        <v>124.1</v>
      </c>
      <c r="G3797">
        <v>8.2191589999999994</v>
      </c>
      <c r="AB3797">
        <v>-100</v>
      </c>
      <c r="AC3797">
        <v>45.850000000000009</v>
      </c>
      <c r="AD3797">
        <v>124.15</v>
      </c>
      <c r="AE3797">
        <v>8.2192260000000008</v>
      </c>
      <c r="AF3797">
        <v>-0.44679615615771973</v>
      </c>
    </row>
    <row r="3798" spans="6:32" x14ac:dyDescent="0.25">
      <c r="F3798">
        <v>124.11666700000001</v>
      </c>
      <c r="G3798">
        <v>8.2191589999999994</v>
      </c>
      <c r="AB3798">
        <v>-100</v>
      </c>
      <c r="AC3798">
        <v>45.866667000000007</v>
      </c>
      <c r="AD3798">
        <v>124.166667</v>
      </c>
      <c r="AE3798">
        <v>8.2192600000000002</v>
      </c>
      <c r="AF3798">
        <v>-0.44638434013871348</v>
      </c>
    </row>
    <row r="3799" spans="6:32" x14ac:dyDescent="0.25">
      <c r="F3799">
        <v>124.13333299999999</v>
      </c>
      <c r="G3799">
        <v>8.2191919999999996</v>
      </c>
      <c r="AB3799">
        <v>-100</v>
      </c>
      <c r="AC3799">
        <v>45.883333000000007</v>
      </c>
      <c r="AD3799">
        <v>124.183333</v>
      </c>
      <c r="AE3799">
        <v>8.2192600000000002</v>
      </c>
      <c r="AF3799">
        <v>-0.44638434013871348</v>
      </c>
    </row>
    <row r="3800" spans="6:32" x14ac:dyDescent="0.25">
      <c r="F3800">
        <v>124.15</v>
      </c>
      <c r="G3800">
        <v>8.2192260000000008</v>
      </c>
      <c r="AB3800">
        <v>-100</v>
      </c>
      <c r="AC3800">
        <v>45.900000000000006</v>
      </c>
      <c r="AD3800">
        <v>124.2</v>
      </c>
      <c r="AE3800">
        <v>8.2192930000000004</v>
      </c>
      <c r="AF3800">
        <v>-0.44598463635555136</v>
      </c>
    </row>
    <row r="3801" spans="6:32" x14ac:dyDescent="0.25">
      <c r="F3801">
        <v>124.166667</v>
      </c>
      <c r="G3801">
        <v>8.2192600000000002</v>
      </c>
      <c r="AB3801">
        <v>-100</v>
      </c>
      <c r="AC3801">
        <v>45.916667000000004</v>
      </c>
      <c r="AD3801">
        <v>124.216667</v>
      </c>
      <c r="AE3801">
        <v>8.2192930000000004</v>
      </c>
      <c r="AF3801">
        <v>-0.44598463635555136</v>
      </c>
    </row>
    <row r="3802" spans="6:32" x14ac:dyDescent="0.25">
      <c r="F3802">
        <v>124.183333</v>
      </c>
      <c r="G3802">
        <v>8.2192600000000002</v>
      </c>
      <c r="AB3802">
        <v>-100</v>
      </c>
      <c r="AC3802">
        <v>45.933333000000005</v>
      </c>
      <c r="AD3802">
        <v>124.233333</v>
      </c>
      <c r="AE3802">
        <v>8.2193269999999998</v>
      </c>
      <c r="AF3802">
        <v>-0.44557282033654511</v>
      </c>
    </row>
    <row r="3803" spans="6:32" x14ac:dyDescent="0.25">
      <c r="F3803">
        <v>124.2</v>
      </c>
      <c r="G3803">
        <v>8.2192930000000004</v>
      </c>
      <c r="AB3803">
        <v>-100</v>
      </c>
      <c r="AC3803">
        <v>45.95</v>
      </c>
      <c r="AD3803">
        <v>124.25</v>
      </c>
      <c r="AE3803">
        <v>8.2193609999999993</v>
      </c>
      <c r="AF3803">
        <v>-0.44516100431753874</v>
      </c>
    </row>
    <row r="3804" spans="6:32" x14ac:dyDescent="0.25">
      <c r="F3804">
        <v>124.216667</v>
      </c>
      <c r="G3804">
        <v>8.2192930000000004</v>
      </c>
      <c r="AB3804">
        <v>-100</v>
      </c>
      <c r="AC3804">
        <v>45.966667000000001</v>
      </c>
      <c r="AD3804">
        <v>124.266667</v>
      </c>
      <c r="AE3804">
        <v>8.2193939999999994</v>
      </c>
      <c r="AF3804">
        <v>-0.44476130053437674</v>
      </c>
    </row>
    <row r="3805" spans="6:32" x14ac:dyDescent="0.25">
      <c r="F3805">
        <v>124.233333</v>
      </c>
      <c r="G3805">
        <v>8.2193269999999998</v>
      </c>
      <c r="AB3805">
        <v>-100</v>
      </c>
      <c r="AC3805">
        <v>45.983333000000002</v>
      </c>
      <c r="AD3805">
        <v>124.283333</v>
      </c>
      <c r="AE3805">
        <v>8.2193939999999994</v>
      </c>
      <c r="AF3805">
        <v>-0.44476130053437674</v>
      </c>
    </row>
    <row r="3806" spans="6:32" x14ac:dyDescent="0.25">
      <c r="F3806">
        <v>124.25</v>
      </c>
      <c r="G3806">
        <v>8.2193609999999993</v>
      </c>
      <c r="AB3806">
        <v>-100</v>
      </c>
      <c r="AC3806">
        <v>46</v>
      </c>
      <c r="AD3806">
        <v>124.3</v>
      </c>
      <c r="AE3806">
        <v>8.2194280000000006</v>
      </c>
      <c r="AF3806">
        <v>-0.44434948451534889</v>
      </c>
    </row>
    <row r="3807" spans="6:32" x14ac:dyDescent="0.25">
      <c r="F3807">
        <v>124.266667</v>
      </c>
      <c r="G3807">
        <v>8.2193939999999994</v>
      </c>
      <c r="AB3807">
        <v>-100</v>
      </c>
      <c r="AC3807">
        <v>46.016666999999998</v>
      </c>
      <c r="AD3807">
        <v>124.316667</v>
      </c>
      <c r="AE3807">
        <v>8.219462</v>
      </c>
      <c r="AF3807">
        <v>-0.44393766849634253</v>
      </c>
    </row>
    <row r="3808" spans="6:32" x14ac:dyDescent="0.25">
      <c r="F3808">
        <v>124.283333</v>
      </c>
      <c r="G3808">
        <v>8.2193939999999994</v>
      </c>
      <c r="AB3808">
        <v>-100</v>
      </c>
      <c r="AC3808">
        <v>46.033332999999999</v>
      </c>
      <c r="AD3808">
        <v>124.333333</v>
      </c>
      <c r="AE3808">
        <v>8.2194950000000002</v>
      </c>
      <c r="AF3808">
        <v>-0.44353796471318052</v>
      </c>
    </row>
    <row r="3809" spans="6:32" x14ac:dyDescent="0.25">
      <c r="F3809">
        <v>124.3</v>
      </c>
      <c r="G3809">
        <v>8.2194280000000006</v>
      </c>
      <c r="AB3809">
        <v>-100</v>
      </c>
      <c r="AC3809">
        <v>46.05</v>
      </c>
      <c r="AD3809">
        <v>124.35</v>
      </c>
      <c r="AE3809">
        <v>8.2195289999999996</v>
      </c>
      <c r="AF3809">
        <v>-0.44312614869417416</v>
      </c>
    </row>
    <row r="3810" spans="6:32" x14ac:dyDescent="0.25">
      <c r="F3810">
        <v>124.316667</v>
      </c>
      <c r="G3810">
        <v>8.219462</v>
      </c>
      <c r="AB3810">
        <v>-100</v>
      </c>
      <c r="AC3810">
        <v>46.06666700000001</v>
      </c>
      <c r="AD3810">
        <v>124.36666700000001</v>
      </c>
      <c r="AE3810">
        <v>8.2195289999999996</v>
      </c>
      <c r="AF3810">
        <v>-0.44312614869417416</v>
      </c>
    </row>
    <row r="3811" spans="6:32" x14ac:dyDescent="0.25">
      <c r="F3811">
        <v>124.333333</v>
      </c>
      <c r="G3811">
        <v>8.2194950000000002</v>
      </c>
      <c r="AB3811">
        <v>-100</v>
      </c>
      <c r="AC3811">
        <v>46.083332999999996</v>
      </c>
      <c r="AD3811">
        <v>124.38333299999999</v>
      </c>
      <c r="AE3811">
        <v>8.2195630000000008</v>
      </c>
      <c r="AF3811">
        <v>-0.44271433267514632</v>
      </c>
    </row>
    <row r="3812" spans="6:32" x14ac:dyDescent="0.25">
      <c r="F3812">
        <v>124.35</v>
      </c>
      <c r="G3812">
        <v>8.2195289999999996</v>
      </c>
      <c r="AB3812">
        <v>-100</v>
      </c>
      <c r="AC3812">
        <v>46.100000000000009</v>
      </c>
      <c r="AD3812">
        <v>124.4</v>
      </c>
      <c r="AE3812">
        <v>8.2195959999999992</v>
      </c>
      <c r="AF3812">
        <v>-0.44231462889200585</v>
      </c>
    </row>
    <row r="3813" spans="6:32" x14ac:dyDescent="0.25">
      <c r="F3813">
        <v>124.36666700000001</v>
      </c>
      <c r="G3813">
        <v>8.2195289999999996</v>
      </c>
      <c r="AB3813">
        <v>-100</v>
      </c>
      <c r="AC3813">
        <v>46.116667000000007</v>
      </c>
      <c r="AD3813">
        <v>124.416667</v>
      </c>
      <c r="AE3813">
        <v>8.2196300000000004</v>
      </c>
      <c r="AF3813">
        <v>-0.44190281287297795</v>
      </c>
    </row>
    <row r="3814" spans="6:32" x14ac:dyDescent="0.25">
      <c r="F3814">
        <v>124.38333299999999</v>
      </c>
      <c r="G3814">
        <v>8.2195630000000008</v>
      </c>
      <c r="AB3814">
        <v>-100</v>
      </c>
      <c r="AC3814">
        <v>46.133333000000007</v>
      </c>
      <c r="AD3814">
        <v>124.433333</v>
      </c>
      <c r="AE3814">
        <v>8.2196639999999999</v>
      </c>
      <c r="AF3814">
        <v>-0.4414909968539717</v>
      </c>
    </row>
    <row r="3815" spans="6:32" x14ac:dyDescent="0.25">
      <c r="F3815">
        <v>124.4</v>
      </c>
      <c r="G3815">
        <v>8.2195959999999992</v>
      </c>
      <c r="AB3815">
        <v>-100</v>
      </c>
      <c r="AC3815">
        <v>46.150000000000006</v>
      </c>
      <c r="AD3815">
        <v>124.45</v>
      </c>
      <c r="AE3815">
        <v>8.219697</v>
      </c>
      <c r="AF3815">
        <v>-0.44109129307080958</v>
      </c>
    </row>
    <row r="3816" spans="6:32" x14ac:dyDescent="0.25">
      <c r="F3816">
        <v>124.416667</v>
      </c>
      <c r="G3816">
        <v>8.2196300000000004</v>
      </c>
      <c r="AB3816">
        <v>-100</v>
      </c>
      <c r="AC3816">
        <v>46.166667000000004</v>
      </c>
      <c r="AD3816">
        <v>124.466667</v>
      </c>
      <c r="AE3816">
        <v>8.2197309999999995</v>
      </c>
      <c r="AF3816">
        <v>-0.44067947705180333</v>
      </c>
    </row>
    <row r="3817" spans="6:32" x14ac:dyDescent="0.25">
      <c r="F3817">
        <v>124.433333</v>
      </c>
      <c r="G3817">
        <v>8.2196639999999999</v>
      </c>
      <c r="AB3817">
        <v>-100</v>
      </c>
      <c r="AC3817">
        <v>46.183333000000005</v>
      </c>
      <c r="AD3817">
        <v>124.483333</v>
      </c>
      <c r="AE3817">
        <v>8.2197309999999995</v>
      </c>
      <c r="AF3817">
        <v>-0.44067947705180333</v>
      </c>
    </row>
    <row r="3818" spans="6:32" x14ac:dyDescent="0.25">
      <c r="F3818">
        <v>124.45</v>
      </c>
      <c r="G3818">
        <v>8.219697</v>
      </c>
      <c r="AB3818">
        <v>-100</v>
      </c>
      <c r="AC3818">
        <v>46.2</v>
      </c>
      <c r="AD3818">
        <v>124.5</v>
      </c>
      <c r="AE3818">
        <v>8.2197650000000007</v>
      </c>
      <c r="AF3818">
        <v>-0.44026766103277548</v>
      </c>
    </row>
    <row r="3819" spans="6:32" x14ac:dyDescent="0.25">
      <c r="F3819">
        <v>124.466667</v>
      </c>
      <c r="G3819">
        <v>8.2197309999999995</v>
      </c>
      <c r="AB3819">
        <v>-100</v>
      </c>
      <c r="AC3819">
        <v>46.216667000000001</v>
      </c>
      <c r="AD3819">
        <v>124.516667</v>
      </c>
      <c r="AE3819">
        <v>8.2197980000000008</v>
      </c>
      <c r="AF3819">
        <v>-0.43986795724961336</v>
      </c>
    </row>
    <row r="3820" spans="6:32" x14ac:dyDescent="0.25">
      <c r="F3820">
        <v>124.483333</v>
      </c>
      <c r="G3820">
        <v>8.2197309999999995</v>
      </c>
      <c r="AB3820">
        <v>-100</v>
      </c>
      <c r="AC3820">
        <v>46.233333000000002</v>
      </c>
      <c r="AD3820">
        <v>124.533333</v>
      </c>
      <c r="AE3820">
        <v>8.2198320000000002</v>
      </c>
      <c r="AF3820">
        <v>-0.43945614123060711</v>
      </c>
    </row>
    <row r="3821" spans="6:32" x14ac:dyDescent="0.25">
      <c r="F3821">
        <v>124.5</v>
      </c>
      <c r="G3821">
        <v>8.2197650000000007</v>
      </c>
      <c r="AB3821">
        <v>-100</v>
      </c>
      <c r="AC3821">
        <v>46.25</v>
      </c>
      <c r="AD3821">
        <v>124.55</v>
      </c>
      <c r="AE3821">
        <v>8.2198659999999997</v>
      </c>
      <c r="AF3821">
        <v>-0.43904432521160075</v>
      </c>
    </row>
    <row r="3822" spans="6:32" x14ac:dyDescent="0.25">
      <c r="F3822">
        <v>124.516667</v>
      </c>
      <c r="G3822">
        <v>8.2197980000000008</v>
      </c>
      <c r="AB3822">
        <v>-100</v>
      </c>
      <c r="AC3822">
        <v>46.266666999999998</v>
      </c>
      <c r="AD3822">
        <v>124.566667</v>
      </c>
      <c r="AE3822">
        <v>8.2198989999999998</v>
      </c>
      <c r="AF3822">
        <v>-0.43864462142843874</v>
      </c>
    </row>
    <row r="3823" spans="6:32" x14ac:dyDescent="0.25">
      <c r="F3823">
        <v>124.533333</v>
      </c>
      <c r="G3823">
        <v>8.2198320000000002</v>
      </c>
      <c r="AB3823">
        <v>-100</v>
      </c>
      <c r="AC3823">
        <v>46.283332999999999</v>
      </c>
      <c r="AD3823">
        <v>124.583333</v>
      </c>
      <c r="AE3823">
        <v>8.2199329999999993</v>
      </c>
      <c r="AF3823">
        <v>-0.43823280540943244</v>
      </c>
    </row>
    <row r="3824" spans="6:32" x14ac:dyDescent="0.25">
      <c r="F3824">
        <v>124.55</v>
      </c>
      <c r="G3824">
        <v>8.2198659999999997</v>
      </c>
      <c r="AB3824">
        <v>-100</v>
      </c>
      <c r="AC3824">
        <v>46.3</v>
      </c>
      <c r="AD3824">
        <v>124.6</v>
      </c>
      <c r="AE3824">
        <v>8.2199659999999994</v>
      </c>
      <c r="AF3824">
        <v>-0.43783310162627037</v>
      </c>
    </row>
    <row r="3825" spans="6:32" x14ac:dyDescent="0.25">
      <c r="F3825">
        <v>124.566667</v>
      </c>
      <c r="G3825">
        <v>8.2198989999999998</v>
      </c>
      <c r="AB3825">
        <v>-100</v>
      </c>
      <c r="AC3825">
        <v>46.31666700000001</v>
      </c>
      <c r="AD3825">
        <v>124.61666700000001</v>
      </c>
      <c r="AE3825">
        <v>8.2200000000000006</v>
      </c>
      <c r="AF3825">
        <v>-0.43742128560724253</v>
      </c>
    </row>
    <row r="3826" spans="6:32" x14ac:dyDescent="0.25">
      <c r="F3826">
        <v>124.583333</v>
      </c>
      <c r="G3826">
        <v>8.2199329999999993</v>
      </c>
      <c r="AB3826">
        <v>-100</v>
      </c>
      <c r="AC3826">
        <v>46.333332999999996</v>
      </c>
      <c r="AD3826">
        <v>124.63333299999999</v>
      </c>
      <c r="AE3826">
        <v>8.2200340000000001</v>
      </c>
      <c r="AF3826">
        <v>-0.43700946958823617</v>
      </c>
    </row>
    <row r="3827" spans="6:32" x14ac:dyDescent="0.25">
      <c r="F3827">
        <v>124.6</v>
      </c>
      <c r="G3827">
        <v>8.2199659999999994</v>
      </c>
      <c r="AB3827">
        <v>-100</v>
      </c>
      <c r="AC3827">
        <v>46.350000000000009</v>
      </c>
      <c r="AD3827">
        <v>124.65</v>
      </c>
      <c r="AE3827">
        <v>8.2200340000000001</v>
      </c>
      <c r="AF3827">
        <v>-0.43700946958823617</v>
      </c>
    </row>
    <row r="3828" spans="6:32" x14ac:dyDescent="0.25">
      <c r="F3828">
        <v>124.61666700000001</v>
      </c>
      <c r="G3828">
        <v>8.2200000000000006</v>
      </c>
      <c r="AB3828">
        <v>-100</v>
      </c>
      <c r="AC3828">
        <v>46.366667000000007</v>
      </c>
      <c r="AD3828">
        <v>124.666667</v>
      </c>
      <c r="AE3828">
        <v>8.2200670000000002</v>
      </c>
      <c r="AF3828">
        <v>-0.43660976580507416</v>
      </c>
    </row>
    <row r="3829" spans="6:32" x14ac:dyDescent="0.25">
      <c r="F3829">
        <v>124.63333299999999</v>
      </c>
      <c r="G3829">
        <v>8.2200340000000001</v>
      </c>
      <c r="AB3829">
        <v>-100</v>
      </c>
      <c r="AC3829">
        <v>46.383333000000007</v>
      </c>
      <c r="AD3829">
        <v>124.683333</v>
      </c>
      <c r="AE3829">
        <v>8.2201009999999997</v>
      </c>
      <c r="AF3829">
        <v>-0.43619794978606785</v>
      </c>
    </row>
    <row r="3830" spans="6:32" x14ac:dyDescent="0.25">
      <c r="F3830">
        <v>124.65</v>
      </c>
      <c r="G3830">
        <v>8.2200340000000001</v>
      </c>
      <c r="AB3830">
        <v>-100</v>
      </c>
      <c r="AC3830">
        <v>46.400000000000006</v>
      </c>
      <c r="AD3830">
        <v>124.7</v>
      </c>
      <c r="AE3830">
        <v>8.2201350000000009</v>
      </c>
      <c r="AF3830">
        <v>-0.43578613376703995</v>
      </c>
    </row>
    <row r="3831" spans="6:32" x14ac:dyDescent="0.25">
      <c r="F3831">
        <v>124.666667</v>
      </c>
      <c r="G3831">
        <v>8.2200670000000002</v>
      </c>
      <c r="AB3831">
        <v>-100</v>
      </c>
      <c r="AC3831">
        <v>46.416667000000004</v>
      </c>
      <c r="AD3831">
        <v>124.716667</v>
      </c>
      <c r="AE3831">
        <v>8.2201679999999993</v>
      </c>
      <c r="AF3831">
        <v>-0.43538642998389948</v>
      </c>
    </row>
    <row r="3832" spans="6:32" x14ac:dyDescent="0.25">
      <c r="F3832">
        <v>124.683333</v>
      </c>
      <c r="G3832">
        <v>8.2201009999999997</v>
      </c>
      <c r="AB3832">
        <v>-100</v>
      </c>
      <c r="AC3832">
        <v>46.433333000000005</v>
      </c>
      <c r="AD3832">
        <v>124.733333</v>
      </c>
      <c r="AE3832">
        <v>8.2202020000000005</v>
      </c>
      <c r="AF3832">
        <v>-0.43497461396487158</v>
      </c>
    </row>
    <row r="3833" spans="6:32" x14ac:dyDescent="0.25">
      <c r="F3833">
        <v>124.7</v>
      </c>
      <c r="G3833">
        <v>8.2201350000000009</v>
      </c>
      <c r="AB3833">
        <v>-100</v>
      </c>
      <c r="AC3833">
        <v>46.45</v>
      </c>
      <c r="AD3833">
        <v>124.75</v>
      </c>
      <c r="AE3833">
        <v>8.2202359999999999</v>
      </c>
      <c r="AF3833">
        <v>-0.43456279794586533</v>
      </c>
    </row>
    <row r="3834" spans="6:32" x14ac:dyDescent="0.25">
      <c r="F3834">
        <v>124.716667</v>
      </c>
      <c r="G3834">
        <v>8.2201679999999993</v>
      </c>
      <c r="AB3834">
        <v>-100</v>
      </c>
      <c r="AC3834">
        <v>46.466667000000001</v>
      </c>
      <c r="AD3834">
        <v>124.766667</v>
      </c>
      <c r="AE3834">
        <v>8.220269</v>
      </c>
      <c r="AF3834">
        <v>-0.43416309416270327</v>
      </c>
    </row>
    <row r="3835" spans="6:32" x14ac:dyDescent="0.25">
      <c r="F3835">
        <v>124.733333</v>
      </c>
      <c r="G3835">
        <v>8.2202020000000005</v>
      </c>
      <c r="AB3835">
        <v>-100</v>
      </c>
      <c r="AC3835">
        <v>46.483333000000002</v>
      </c>
      <c r="AD3835">
        <v>124.783333</v>
      </c>
      <c r="AE3835">
        <v>8.2203029999999995</v>
      </c>
      <c r="AF3835">
        <v>-0.43375127814369691</v>
      </c>
    </row>
    <row r="3836" spans="6:32" x14ac:dyDescent="0.25">
      <c r="F3836">
        <v>124.75</v>
      </c>
      <c r="G3836">
        <v>8.2202359999999999</v>
      </c>
      <c r="AB3836">
        <v>-100</v>
      </c>
      <c r="AC3836">
        <v>46.5</v>
      </c>
      <c r="AD3836">
        <v>124.8</v>
      </c>
      <c r="AE3836">
        <v>8.2203370000000007</v>
      </c>
      <c r="AF3836">
        <v>-0.43333946212466912</v>
      </c>
    </row>
    <row r="3837" spans="6:32" x14ac:dyDescent="0.25">
      <c r="F3837">
        <v>124.766667</v>
      </c>
      <c r="G3837">
        <v>8.220269</v>
      </c>
      <c r="AB3837">
        <v>-100</v>
      </c>
      <c r="AC3837">
        <v>46.516666999999998</v>
      </c>
      <c r="AD3837">
        <v>124.816667</v>
      </c>
      <c r="AE3837">
        <v>8.2203700000000008</v>
      </c>
      <c r="AF3837">
        <v>-0.432939758341507</v>
      </c>
    </row>
    <row r="3838" spans="6:32" x14ac:dyDescent="0.25">
      <c r="F3838">
        <v>124.783333</v>
      </c>
      <c r="G3838">
        <v>8.2203029999999995</v>
      </c>
      <c r="AB3838">
        <v>-100</v>
      </c>
      <c r="AC3838">
        <v>46.533332999999999</v>
      </c>
      <c r="AD3838">
        <v>124.833333</v>
      </c>
      <c r="AE3838">
        <v>8.2204040000000003</v>
      </c>
      <c r="AF3838">
        <v>-0.43252794232250075</v>
      </c>
    </row>
    <row r="3839" spans="6:32" x14ac:dyDescent="0.25">
      <c r="F3839">
        <v>124.8</v>
      </c>
      <c r="G3839">
        <v>8.2203370000000007</v>
      </c>
      <c r="AB3839">
        <v>-100</v>
      </c>
      <c r="AC3839">
        <v>46.55</v>
      </c>
      <c r="AD3839">
        <v>124.85</v>
      </c>
      <c r="AE3839">
        <v>8.2204379999999997</v>
      </c>
      <c r="AF3839">
        <v>-0.43211612630349439</v>
      </c>
    </row>
    <row r="3840" spans="6:32" x14ac:dyDescent="0.25">
      <c r="F3840">
        <v>124.816667</v>
      </c>
      <c r="G3840">
        <v>8.2203700000000008</v>
      </c>
      <c r="AB3840">
        <v>-100</v>
      </c>
      <c r="AC3840">
        <v>46.56666700000001</v>
      </c>
      <c r="AD3840">
        <v>124.86666700000001</v>
      </c>
      <c r="AE3840">
        <v>8.2204709999999999</v>
      </c>
      <c r="AF3840">
        <v>-0.43171642252033238</v>
      </c>
    </row>
    <row r="3841" spans="6:32" x14ac:dyDescent="0.25">
      <c r="F3841">
        <v>124.833333</v>
      </c>
      <c r="G3841">
        <v>8.2204040000000003</v>
      </c>
      <c r="AB3841">
        <v>-100</v>
      </c>
      <c r="AC3841">
        <v>46.583332999999996</v>
      </c>
      <c r="AD3841">
        <v>124.88333299999999</v>
      </c>
      <c r="AE3841">
        <v>8.2205049999999993</v>
      </c>
      <c r="AF3841">
        <v>-0.43130460650132607</v>
      </c>
    </row>
    <row r="3842" spans="6:32" x14ac:dyDescent="0.25">
      <c r="F3842">
        <v>124.85</v>
      </c>
      <c r="G3842">
        <v>8.2204379999999997</v>
      </c>
      <c r="AB3842">
        <v>-100</v>
      </c>
      <c r="AC3842">
        <v>46.600000000000009</v>
      </c>
      <c r="AD3842">
        <v>124.9</v>
      </c>
      <c r="AE3842">
        <v>8.2205390000000005</v>
      </c>
      <c r="AF3842">
        <v>-0.43089279048229817</v>
      </c>
    </row>
    <row r="3843" spans="6:32" x14ac:dyDescent="0.25">
      <c r="F3843">
        <v>124.86666700000001</v>
      </c>
      <c r="G3843">
        <v>8.2204709999999999</v>
      </c>
      <c r="AB3843">
        <v>-100</v>
      </c>
      <c r="AC3843">
        <v>46.616667000000007</v>
      </c>
      <c r="AD3843">
        <v>124.916667</v>
      </c>
      <c r="AE3843">
        <v>8.2205720000000007</v>
      </c>
      <c r="AF3843">
        <v>-0.43049308669913616</v>
      </c>
    </row>
    <row r="3844" spans="6:32" x14ac:dyDescent="0.25">
      <c r="F3844">
        <v>124.88333299999999</v>
      </c>
      <c r="G3844">
        <v>8.2205049999999993</v>
      </c>
      <c r="AB3844">
        <v>-100</v>
      </c>
      <c r="AC3844">
        <v>46.633333000000007</v>
      </c>
      <c r="AD3844">
        <v>124.933333</v>
      </c>
      <c r="AE3844">
        <v>8.2206060000000001</v>
      </c>
      <c r="AF3844">
        <v>-0.4300812706801298</v>
      </c>
    </row>
    <row r="3845" spans="6:32" x14ac:dyDescent="0.25">
      <c r="F3845">
        <v>124.9</v>
      </c>
      <c r="G3845">
        <v>8.2205390000000005</v>
      </c>
      <c r="AB3845">
        <v>-100</v>
      </c>
      <c r="AC3845">
        <v>46.650000000000006</v>
      </c>
      <c r="AD3845">
        <v>124.95</v>
      </c>
      <c r="AE3845">
        <v>8.2206399999999995</v>
      </c>
      <c r="AF3845">
        <v>-0.4296694546611235</v>
      </c>
    </row>
    <row r="3846" spans="6:32" x14ac:dyDescent="0.25">
      <c r="F3846">
        <v>124.916667</v>
      </c>
      <c r="G3846">
        <v>8.2205720000000007</v>
      </c>
      <c r="AB3846">
        <v>-100</v>
      </c>
      <c r="AC3846">
        <v>46.666667000000004</v>
      </c>
      <c r="AD3846">
        <v>124.966667</v>
      </c>
      <c r="AE3846">
        <v>8.2206729999999997</v>
      </c>
      <c r="AF3846">
        <v>-0.42926975087796149</v>
      </c>
    </row>
    <row r="3847" spans="6:32" x14ac:dyDescent="0.25">
      <c r="F3847">
        <v>124.933333</v>
      </c>
      <c r="G3847">
        <v>8.2206060000000001</v>
      </c>
      <c r="AB3847">
        <v>-100</v>
      </c>
      <c r="AC3847">
        <v>46.683333000000005</v>
      </c>
      <c r="AD3847">
        <v>124.983333</v>
      </c>
      <c r="AE3847">
        <v>8.2207070000000009</v>
      </c>
      <c r="AF3847">
        <v>-0.42885793485893359</v>
      </c>
    </row>
    <row r="3848" spans="6:32" x14ac:dyDescent="0.25">
      <c r="F3848">
        <v>124.95</v>
      </c>
      <c r="G3848">
        <v>8.2206399999999995</v>
      </c>
      <c r="AB3848">
        <v>-100</v>
      </c>
      <c r="AC3848">
        <v>46.7</v>
      </c>
      <c r="AD3848">
        <v>125</v>
      </c>
      <c r="AE3848">
        <v>8.2207410000000003</v>
      </c>
      <c r="AF3848">
        <v>-0.42844611883992734</v>
      </c>
    </row>
    <row r="3849" spans="6:32" x14ac:dyDescent="0.25">
      <c r="F3849">
        <v>124.966667</v>
      </c>
      <c r="G3849">
        <v>8.2206729999999997</v>
      </c>
      <c r="AB3849">
        <v>-100</v>
      </c>
      <c r="AC3849">
        <v>46.716667000000001</v>
      </c>
      <c r="AD3849">
        <v>125.016667</v>
      </c>
      <c r="AE3849">
        <v>8.2208079999999999</v>
      </c>
      <c r="AF3849">
        <v>-0.42763459903775891</v>
      </c>
    </row>
    <row r="3850" spans="6:32" x14ac:dyDescent="0.25">
      <c r="F3850">
        <v>124.983333</v>
      </c>
      <c r="G3850">
        <v>8.2207070000000009</v>
      </c>
      <c r="AB3850">
        <v>-100</v>
      </c>
      <c r="AC3850">
        <v>46.733333000000002</v>
      </c>
      <c r="AD3850">
        <v>125.033333</v>
      </c>
      <c r="AE3850">
        <v>8.2208419999999993</v>
      </c>
      <c r="AF3850">
        <v>-0.42722278301875261</v>
      </c>
    </row>
    <row r="3851" spans="6:32" x14ac:dyDescent="0.25">
      <c r="F3851">
        <v>125</v>
      </c>
      <c r="G3851">
        <v>8.2207410000000003</v>
      </c>
      <c r="AB3851">
        <v>-100</v>
      </c>
      <c r="AC3851">
        <v>46.75</v>
      </c>
      <c r="AD3851">
        <v>125.05</v>
      </c>
      <c r="AE3851">
        <v>8.2208749999999995</v>
      </c>
      <c r="AF3851">
        <v>-0.42682307923559054</v>
      </c>
    </row>
    <row r="3852" spans="6:32" x14ac:dyDescent="0.25">
      <c r="F3852">
        <v>125.016667</v>
      </c>
      <c r="G3852">
        <v>8.2208079999999999</v>
      </c>
      <c r="AB3852">
        <v>-100</v>
      </c>
      <c r="AC3852">
        <v>46.766666999999998</v>
      </c>
      <c r="AD3852">
        <v>125.066667</v>
      </c>
      <c r="AE3852">
        <v>8.2209090000000007</v>
      </c>
      <c r="AF3852">
        <v>-0.42641126321656275</v>
      </c>
    </row>
    <row r="3853" spans="6:32" x14ac:dyDescent="0.25">
      <c r="F3853">
        <v>125.033333</v>
      </c>
      <c r="G3853">
        <v>8.2208419999999993</v>
      </c>
      <c r="AB3853">
        <v>-100</v>
      </c>
      <c r="AC3853">
        <v>46.783332999999999</v>
      </c>
      <c r="AD3853">
        <v>125.083333</v>
      </c>
      <c r="AE3853">
        <v>8.2209430000000001</v>
      </c>
      <c r="AF3853">
        <v>-0.42599944719755639</v>
      </c>
    </row>
    <row r="3854" spans="6:32" x14ac:dyDescent="0.25">
      <c r="F3854">
        <v>125.05</v>
      </c>
      <c r="G3854">
        <v>8.2208749999999995</v>
      </c>
      <c r="AB3854">
        <v>-100</v>
      </c>
      <c r="AC3854">
        <v>46.8</v>
      </c>
      <c r="AD3854">
        <v>125.1</v>
      </c>
      <c r="AE3854">
        <v>8.2209760000000003</v>
      </c>
      <c r="AF3854">
        <v>-0.42559974341439438</v>
      </c>
    </row>
    <row r="3855" spans="6:32" x14ac:dyDescent="0.25">
      <c r="F3855">
        <v>125.066667</v>
      </c>
      <c r="G3855">
        <v>8.2209090000000007</v>
      </c>
      <c r="AB3855">
        <v>-100</v>
      </c>
      <c r="AC3855">
        <v>46.81666700000001</v>
      </c>
      <c r="AD3855">
        <v>125.11666700000001</v>
      </c>
      <c r="AE3855">
        <v>8.2210099999999997</v>
      </c>
      <c r="AF3855">
        <v>-0.42518792739538802</v>
      </c>
    </row>
    <row r="3856" spans="6:32" x14ac:dyDescent="0.25">
      <c r="F3856">
        <v>125.083333</v>
      </c>
      <c r="G3856">
        <v>8.2209430000000001</v>
      </c>
      <c r="AB3856">
        <v>-100</v>
      </c>
      <c r="AC3856">
        <v>46.833332999999996</v>
      </c>
      <c r="AD3856">
        <v>125.13333299999999</v>
      </c>
      <c r="AE3856">
        <v>8.2210429999999999</v>
      </c>
      <c r="AF3856">
        <v>-0.42478822361222596</v>
      </c>
    </row>
    <row r="3857" spans="6:32" x14ac:dyDescent="0.25">
      <c r="F3857">
        <v>125.1</v>
      </c>
      <c r="G3857">
        <v>8.2209760000000003</v>
      </c>
      <c r="AB3857">
        <v>-100</v>
      </c>
      <c r="AC3857">
        <v>46.850000000000009</v>
      </c>
      <c r="AD3857">
        <v>125.15</v>
      </c>
      <c r="AE3857">
        <v>8.2210769999999993</v>
      </c>
      <c r="AF3857">
        <v>-0.42437640759321971</v>
      </c>
    </row>
    <row r="3858" spans="6:32" x14ac:dyDescent="0.25">
      <c r="F3858">
        <v>125.11666700000001</v>
      </c>
      <c r="G3858">
        <v>8.2210099999999997</v>
      </c>
      <c r="AB3858">
        <v>-100</v>
      </c>
      <c r="AC3858">
        <v>46.866667000000007</v>
      </c>
      <c r="AD3858">
        <v>125.166667</v>
      </c>
      <c r="AE3858">
        <v>8.2211110000000005</v>
      </c>
      <c r="AF3858">
        <v>-0.42396459157419181</v>
      </c>
    </row>
    <row r="3859" spans="6:32" x14ac:dyDescent="0.25">
      <c r="F3859">
        <v>125.13333299999999</v>
      </c>
      <c r="G3859">
        <v>8.2210429999999999</v>
      </c>
      <c r="AB3859">
        <v>-100</v>
      </c>
      <c r="AC3859">
        <v>46.883333000000007</v>
      </c>
      <c r="AD3859">
        <v>125.183333</v>
      </c>
      <c r="AE3859">
        <v>8.2211440000000007</v>
      </c>
      <c r="AF3859">
        <v>-0.4235648877910298</v>
      </c>
    </row>
    <row r="3860" spans="6:32" x14ac:dyDescent="0.25">
      <c r="F3860">
        <v>125.15</v>
      </c>
      <c r="G3860">
        <v>8.2210769999999993</v>
      </c>
      <c r="AB3860">
        <v>-100</v>
      </c>
      <c r="AC3860">
        <v>46.900000000000006</v>
      </c>
      <c r="AD3860">
        <v>125.2</v>
      </c>
      <c r="AE3860">
        <v>8.2211780000000001</v>
      </c>
      <c r="AF3860">
        <v>-0.42315307177202344</v>
      </c>
    </row>
    <row r="3861" spans="6:32" x14ac:dyDescent="0.25">
      <c r="F3861">
        <v>125.166667</v>
      </c>
      <c r="G3861">
        <v>8.2211110000000005</v>
      </c>
      <c r="AB3861">
        <v>-100</v>
      </c>
      <c r="AC3861">
        <v>46.916667000000004</v>
      </c>
      <c r="AD3861">
        <v>125.216667</v>
      </c>
      <c r="AE3861">
        <v>8.2212119999999995</v>
      </c>
      <c r="AF3861">
        <v>-0.42274125575301713</v>
      </c>
    </row>
    <row r="3862" spans="6:32" x14ac:dyDescent="0.25">
      <c r="F3862">
        <v>125.183333</v>
      </c>
      <c r="G3862">
        <v>8.2211440000000007</v>
      </c>
      <c r="AB3862">
        <v>-100</v>
      </c>
      <c r="AC3862">
        <v>46.933333000000005</v>
      </c>
      <c r="AD3862">
        <v>125.233333</v>
      </c>
      <c r="AE3862">
        <v>8.2212449999999997</v>
      </c>
      <c r="AF3862">
        <v>-0.42234155196985512</v>
      </c>
    </row>
    <row r="3863" spans="6:32" x14ac:dyDescent="0.25">
      <c r="F3863">
        <v>125.2</v>
      </c>
      <c r="G3863">
        <v>8.2211780000000001</v>
      </c>
      <c r="AB3863">
        <v>-100</v>
      </c>
      <c r="AC3863">
        <v>46.95</v>
      </c>
      <c r="AD3863">
        <v>125.25</v>
      </c>
      <c r="AE3863">
        <v>8.2212789999999991</v>
      </c>
      <c r="AF3863">
        <v>-0.42192973595084876</v>
      </c>
    </row>
    <row r="3864" spans="6:32" x14ac:dyDescent="0.25">
      <c r="F3864">
        <v>125.216667</v>
      </c>
      <c r="G3864">
        <v>8.2212119999999995</v>
      </c>
      <c r="AB3864">
        <v>-100</v>
      </c>
      <c r="AC3864">
        <v>46.966667000000001</v>
      </c>
      <c r="AD3864">
        <v>125.266667</v>
      </c>
      <c r="AE3864">
        <v>8.2213130000000003</v>
      </c>
      <c r="AF3864">
        <v>-0.42151791993182097</v>
      </c>
    </row>
    <row r="3865" spans="6:32" x14ac:dyDescent="0.25">
      <c r="F3865">
        <v>125.233333</v>
      </c>
      <c r="G3865">
        <v>8.2212449999999997</v>
      </c>
      <c r="AB3865">
        <v>-100</v>
      </c>
      <c r="AC3865">
        <v>46.983333000000002</v>
      </c>
      <c r="AD3865">
        <v>125.283333</v>
      </c>
      <c r="AE3865">
        <v>8.2213460000000005</v>
      </c>
      <c r="AF3865">
        <v>-0.42111821614865885</v>
      </c>
    </row>
    <row r="3866" spans="6:32" x14ac:dyDescent="0.25">
      <c r="F3866">
        <v>125.25</v>
      </c>
      <c r="G3866">
        <v>8.2212789999999991</v>
      </c>
      <c r="AB3866">
        <v>-100</v>
      </c>
      <c r="AC3866">
        <v>47</v>
      </c>
      <c r="AD3866">
        <v>125.3</v>
      </c>
      <c r="AE3866">
        <v>8.2214139999999993</v>
      </c>
      <c r="AF3866">
        <v>-0.4202945841106463</v>
      </c>
    </row>
    <row r="3867" spans="6:32" x14ac:dyDescent="0.25">
      <c r="F3867">
        <v>125.266667</v>
      </c>
      <c r="G3867">
        <v>8.2213130000000003</v>
      </c>
      <c r="AB3867">
        <v>-100</v>
      </c>
      <c r="AC3867">
        <v>47.016666999999998</v>
      </c>
      <c r="AD3867">
        <v>125.316667</v>
      </c>
      <c r="AE3867">
        <v>8.2214469999999995</v>
      </c>
      <c r="AF3867">
        <v>-0.41989488032748418</v>
      </c>
    </row>
    <row r="3868" spans="6:32" x14ac:dyDescent="0.25">
      <c r="F3868">
        <v>125.283333</v>
      </c>
      <c r="G3868">
        <v>8.2213460000000005</v>
      </c>
      <c r="AB3868">
        <v>-100</v>
      </c>
      <c r="AC3868">
        <v>47.033332999999999</v>
      </c>
      <c r="AD3868">
        <v>125.333333</v>
      </c>
      <c r="AE3868">
        <v>8.2214810000000007</v>
      </c>
      <c r="AF3868">
        <v>-0.41948306430845639</v>
      </c>
    </row>
    <row r="3869" spans="6:32" x14ac:dyDescent="0.25">
      <c r="F3869">
        <v>125.3</v>
      </c>
      <c r="G3869">
        <v>8.2214139999999993</v>
      </c>
      <c r="AB3869">
        <v>-100</v>
      </c>
      <c r="AC3869">
        <v>47.05</v>
      </c>
      <c r="AD3869">
        <v>125.35</v>
      </c>
      <c r="AE3869">
        <v>8.2215150000000001</v>
      </c>
      <c r="AF3869">
        <v>-0.41907124828945003</v>
      </c>
    </row>
    <row r="3870" spans="6:32" x14ac:dyDescent="0.25">
      <c r="F3870">
        <v>125.316667</v>
      </c>
      <c r="G3870">
        <v>8.2214469999999995</v>
      </c>
      <c r="AB3870">
        <v>-100</v>
      </c>
      <c r="AC3870">
        <v>47.06666700000001</v>
      </c>
      <c r="AD3870">
        <v>125.36666700000001</v>
      </c>
      <c r="AE3870">
        <v>8.2215480000000003</v>
      </c>
      <c r="AF3870">
        <v>-0.41867154450628802</v>
      </c>
    </row>
    <row r="3871" spans="6:32" x14ac:dyDescent="0.25">
      <c r="F3871">
        <v>125.333333</v>
      </c>
      <c r="G3871">
        <v>8.2214810000000007</v>
      </c>
      <c r="AB3871">
        <v>-100</v>
      </c>
      <c r="AC3871">
        <v>47.083332999999996</v>
      </c>
      <c r="AD3871">
        <v>125.38333299999999</v>
      </c>
      <c r="AE3871">
        <v>8.2215819999999997</v>
      </c>
      <c r="AF3871">
        <v>-0.41825972848728171</v>
      </c>
    </row>
    <row r="3872" spans="6:32" x14ac:dyDescent="0.25">
      <c r="F3872">
        <v>125.35</v>
      </c>
      <c r="G3872">
        <v>8.2215150000000001</v>
      </c>
      <c r="AB3872">
        <v>-100</v>
      </c>
      <c r="AC3872">
        <v>47.100000000000009</v>
      </c>
      <c r="AD3872">
        <v>125.4</v>
      </c>
      <c r="AE3872">
        <v>8.2216159999999991</v>
      </c>
      <c r="AF3872">
        <v>-0.41784791246827535</v>
      </c>
    </row>
    <row r="3873" spans="6:32" x14ac:dyDescent="0.25">
      <c r="F3873">
        <v>125.36666700000001</v>
      </c>
      <c r="G3873">
        <v>8.2215480000000003</v>
      </c>
      <c r="AB3873">
        <v>-100</v>
      </c>
      <c r="AC3873">
        <v>47.116667000000007</v>
      </c>
      <c r="AD3873">
        <v>125.416667</v>
      </c>
      <c r="AE3873">
        <v>8.2216489999999993</v>
      </c>
      <c r="AF3873">
        <v>-0.41744820868511334</v>
      </c>
    </row>
    <row r="3874" spans="6:32" x14ac:dyDescent="0.25">
      <c r="F3874">
        <v>125.38333299999999</v>
      </c>
      <c r="G3874">
        <v>8.2215819999999997</v>
      </c>
      <c r="AB3874">
        <v>-100</v>
      </c>
      <c r="AC3874">
        <v>47.133333000000007</v>
      </c>
      <c r="AD3874">
        <v>125.433333</v>
      </c>
      <c r="AE3874">
        <v>8.2216830000000005</v>
      </c>
      <c r="AF3874">
        <v>-0.41703639266608544</v>
      </c>
    </row>
    <row r="3875" spans="6:32" x14ac:dyDescent="0.25">
      <c r="F3875">
        <v>125.4</v>
      </c>
      <c r="G3875">
        <v>8.2216159999999991</v>
      </c>
      <c r="AB3875">
        <v>-100</v>
      </c>
      <c r="AC3875">
        <v>47.150000000000006</v>
      </c>
      <c r="AD3875">
        <v>125.45</v>
      </c>
      <c r="AE3875">
        <v>8.2217169999999999</v>
      </c>
      <c r="AF3875">
        <v>-0.41662457664707914</v>
      </c>
    </row>
    <row r="3876" spans="6:32" x14ac:dyDescent="0.25">
      <c r="F3876">
        <v>125.416667</v>
      </c>
      <c r="G3876">
        <v>8.2216489999999993</v>
      </c>
      <c r="AB3876">
        <v>-100</v>
      </c>
      <c r="AC3876">
        <v>47.166667000000004</v>
      </c>
      <c r="AD3876">
        <v>125.466667</v>
      </c>
      <c r="AE3876">
        <v>8.2217839999999995</v>
      </c>
      <c r="AF3876">
        <v>-0.41581305684491077</v>
      </c>
    </row>
    <row r="3877" spans="6:32" x14ac:dyDescent="0.25">
      <c r="F3877">
        <v>125.433333</v>
      </c>
      <c r="G3877">
        <v>8.2216830000000005</v>
      </c>
      <c r="AB3877">
        <v>-100</v>
      </c>
      <c r="AC3877">
        <v>47.183333000000005</v>
      </c>
      <c r="AD3877">
        <v>125.483333</v>
      </c>
      <c r="AE3877">
        <v>8.2218180000000007</v>
      </c>
      <c r="AF3877">
        <v>-0.41540124082588298</v>
      </c>
    </row>
    <row r="3878" spans="6:32" x14ac:dyDescent="0.25">
      <c r="F3878">
        <v>125.45</v>
      </c>
      <c r="G3878">
        <v>8.2217169999999999</v>
      </c>
      <c r="AB3878">
        <v>-100</v>
      </c>
      <c r="AC3878">
        <v>47.2</v>
      </c>
      <c r="AD3878">
        <v>125.5</v>
      </c>
      <c r="AE3878">
        <v>8.2218509999999991</v>
      </c>
      <c r="AF3878">
        <v>-0.4150015370427424</v>
      </c>
    </row>
    <row r="3879" spans="6:32" x14ac:dyDescent="0.25">
      <c r="F3879">
        <v>125.466667</v>
      </c>
      <c r="G3879">
        <v>8.2217839999999995</v>
      </c>
      <c r="AB3879">
        <v>-100</v>
      </c>
      <c r="AC3879">
        <v>47.216667000000001</v>
      </c>
      <c r="AD3879">
        <v>125.516667</v>
      </c>
      <c r="AE3879">
        <v>8.2218850000000003</v>
      </c>
      <c r="AF3879">
        <v>-0.41458972102371455</v>
      </c>
    </row>
    <row r="3880" spans="6:32" x14ac:dyDescent="0.25">
      <c r="F3880">
        <v>125.483333</v>
      </c>
      <c r="G3880">
        <v>8.2218180000000007</v>
      </c>
      <c r="AB3880">
        <v>-100</v>
      </c>
      <c r="AC3880">
        <v>47.233333000000002</v>
      </c>
      <c r="AD3880">
        <v>125.533333</v>
      </c>
      <c r="AE3880">
        <v>8.2219189999999998</v>
      </c>
      <c r="AF3880">
        <v>-0.4141779050047083</v>
      </c>
    </row>
    <row r="3881" spans="6:32" x14ac:dyDescent="0.25">
      <c r="F3881">
        <v>125.5</v>
      </c>
      <c r="G3881">
        <v>8.2218509999999991</v>
      </c>
      <c r="AB3881">
        <v>-100</v>
      </c>
      <c r="AC3881">
        <v>47.25</v>
      </c>
      <c r="AD3881">
        <v>125.55</v>
      </c>
      <c r="AE3881">
        <v>8.2219519999999999</v>
      </c>
      <c r="AF3881">
        <v>-0.41377820122154618</v>
      </c>
    </row>
    <row r="3882" spans="6:32" x14ac:dyDescent="0.25">
      <c r="F3882">
        <v>125.516667</v>
      </c>
      <c r="G3882">
        <v>8.2218850000000003</v>
      </c>
      <c r="AB3882">
        <v>-100</v>
      </c>
      <c r="AC3882">
        <v>47.266666999999998</v>
      </c>
      <c r="AD3882">
        <v>125.566667</v>
      </c>
      <c r="AE3882">
        <v>8.2220200000000006</v>
      </c>
      <c r="AF3882">
        <v>-0.41295456918351203</v>
      </c>
    </row>
    <row r="3883" spans="6:32" x14ac:dyDescent="0.25">
      <c r="F3883">
        <v>125.533333</v>
      </c>
      <c r="G3883">
        <v>8.2219189999999998</v>
      </c>
      <c r="AB3883">
        <v>-100</v>
      </c>
      <c r="AC3883">
        <v>47.283332999999999</v>
      </c>
      <c r="AD3883">
        <v>125.583333</v>
      </c>
      <c r="AE3883">
        <v>8.2220530000000007</v>
      </c>
      <c r="AF3883">
        <v>-0.41255486540035002</v>
      </c>
    </row>
    <row r="3884" spans="6:32" x14ac:dyDescent="0.25">
      <c r="F3884">
        <v>125.55</v>
      </c>
      <c r="G3884">
        <v>8.2219519999999999</v>
      </c>
      <c r="AB3884">
        <v>-100</v>
      </c>
      <c r="AC3884">
        <v>47.3</v>
      </c>
      <c r="AD3884">
        <v>125.6</v>
      </c>
      <c r="AE3884">
        <v>8.2220870000000001</v>
      </c>
      <c r="AF3884">
        <v>-0.41214304938134372</v>
      </c>
    </row>
    <row r="3885" spans="6:32" x14ac:dyDescent="0.25">
      <c r="F3885">
        <v>125.566667</v>
      </c>
      <c r="G3885">
        <v>8.2220200000000006</v>
      </c>
      <c r="AB3885">
        <v>-100</v>
      </c>
      <c r="AC3885">
        <v>47.31666700000001</v>
      </c>
      <c r="AD3885">
        <v>125.61666700000001</v>
      </c>
      <c r="AE3885">
        <v>8.2221209999999996</v>
      </c>
      <c r="AF3885">
        <v>-0.41173123336233736</v>
      </c>
    </row>
    <row r="3886" spans="6:32" x14ac:dyDescent="0.25">
      <c r="F3886">
        <v>125.583333</v>
      </c>
      <c r="G3886">
        <v>8.2220530000000007</v>
      </c>
      <c r="AB3886">
        <v>-100</v>
      </c>
      <c r="AC3886">
        <v>47.333332999999996</v>
      </c>
      <c r="AD3886">
        <v>125.63333299999999</v>
      </c>
      <c r="AE3886">
        <v>8.2221539999999997</v>
      </c>
      <c r="AF3886">
        <v>-0.41133152957917535</v>
      </c>
    </row>
    <row r="3887" spans="6:32" x14ac:dyDescent="0.25">
      <c r="F3887">
        <v>125.6</v>
      </c>
      <c r="G3887">
        <v>8.2220870000000001</v>
      </c>
      <c r="AB3887">
        <v>-100</v>
      </c>
      <c r="AC3887">
        <v>47.350000000000009</v>
      </c>
      <c r="AD3887">
        <v>125.65</v>
      </c>
      <c r="AE3887">
        <v>8.2221879999999992</v>
      </c>
      <c r="AF3887">
        <v>-0.41091971356016899</v>
      </c>
    </row>
    <row r="3888" spans="6:32" x14ac:dyDescent="0.25">
      <c r="F3888">
        <v>125.61666700000001</v>
      </c>
      <c r="G3888">
        <v>8.2221209999999996</v>
      </c>
      <c r="AB3888">
        <v>-100</v>
      </c>
      <c r="AC3888">
        <v>47.366667000000007</v>
      </c>
      <c r="AD3888">
        <v>125.666667</v>
      </c>
      <c r="AE3888">
        <v>8.2222209999999993</v>
      </c>
      <c r="AF3888">
        <v>-0.41052000977700698</v>
      </c>
    </row>
    <row r="3889" spans="6:32" x14ac:dyDescent="0.25">
      <c r="F3889">
        <v>125.63333299999999</v>
      </c>
      <c r="G3889">
        <v>8.2221539999999997</v>
      </c>
      <c r="AB3889">
        <v>-100</v>
      </c>
      <c r="AC3889">
        <v>47.383333000000007</v>
      </c>
      <c r="AD3889">
        <v>125.683333</v>
      </c>
      <c r="AE3889">
        <v>8.2222550000000005</v>
      </c>
      <c r="AF3889">
        <v>-0.41010819375797913</v>
      </c>
    </row>
    <row r="3890" spans="6:32" x14ac:dyDescent="0.25">
      <c r="F3890">
        <v>125.65</v>
      </c>
      <c r="G3890">
        <v>8.2221879999999992</v>
      </c>
      <c r="AB3890">
        <v>-100</v>
      </c>
      <c r="AC3890">
        <v>47.400000000000006</v>
      </c>
      <c r="AD3890">
        <v>125.7</v>
      </c>
      <c r="AE3890">
        <v>8.222289</v>
      </c>
      <c r="AF3890">
        <v>-0.40969637773897277</v>
      </c>
    </row>
    <row r="3891" spans="6:32" x14ac:dyDescent="0.25">
      <c r="F3891">
        <v>125.666667</v>
      </c>
      <c r="G3891">
        <v>8.2222209999999993</v>
      </c>
      <c r="AB3891">
        <v>-100</v>
      </c>
      <c r="AC3891">
        <v>47.416667000000004</v>
      </c>
      <c r="AD3891">
        <v>125.716667</v>
      </c>
      <c r="AE3891">
        <v>8.2223220000000001</v>
      </c>
      <c r="AF3891">
        <v>-0.40929667395581076</v>
      </c>
    </row>
    <row r="3892" spans="6:32" x14ac:dyDescent="0.25">
      <c r="F3892">
        <v>125.683333</v>
      </c>
      <c r="G3892">
        <v>8.2222550000000005</v>
      </c>
      <c r="AB3892">
        <v>-100</v>
      </c>
      <c r="AC3892">
        <v>47.433333000000005</v>
      </c>
      <c r="AD3892">
        <v>125.733333</v>
      </c>
      <c r="AE3892">
        <v>8.2223900000000008</v>
      </c>
      <c r="AF3892">
        <v>-0.40847304191777656</v>
      </c>
    </row>
    <row r="3893" spans="6:32" x14ac:dyDescent="0.25">
      <c r="F3893">
        <v>125.7</v>
      </c>
      <c r="G3893">
        <v>8.222289</v>
      </c>
      <c r="AB3893">
        <v>-100</v>
      </c>
      <c r="AC3893">
        <v>47.45</v>
      </c>
      <c r="AD3893">
        <v>125.75</v>
      </c>
      <c r="AE3893">
        <v>8.2224229999999991</v>
      </c>
      <c r="AF3893">
        <v>-0.40807333813463603</v>
      </c>
    </row>
    <row r="3894" spans="6:32" x14ac:dyDescent="0.25">
      <c r="F3894">
        <v>125.716667</v>
      </c>
      <c r="G3894">
        <v>8.2223220000000001</v>
      </c>
      <c r="AB3894">
        <v>-100</v>
      </c>
      <c r="AC3894">
        <v>47.466667000000001</v>
      </c>
      <c r="AD3894">
        <v>125.766667</v>
      </c>
      <c r="AE3894">
        <v>8.2224570000000003</v>
      </c>
      <c r="AF3894">
        <v>-0.40766152211560819</v>
      </c>
    </row>
    <row r="3895" spans="6:32" x14ac:dyDescent="0.25">
      <c r="F3895">
        <v>125.733333</v>
      </c>
      <c r="G3895">
        <v>8.2223900000000008</v>
      </c>
      <c r="AB3895">
        <v>-100</v>
      </c>
      <c r="AC3895">
        <v>47.483333000000002</v>
      </c>
      <c r="AD3895">
        <v>125.783333</v>
      </c>
      <c r="AE3895">
        <v>8.2224909999999998</v>
      </c>
      <c r="AF3895">
        <v>-0.40724970609660194</v>
      </c>
    </row>
    <row r="3896" spans="6:32" x14ac:dyDescent="0.25">
      <c r="F3896">
        <v>125.75</v>
      </c>
      <c r="G3896">
        <v>8.2224229999999991</v>
      </c>
      <c r="AB3896">
        <v>-100</v>
      </c>
      <c r="AC3896">
        <v>47.5</v>
      </c>
      <c r="AD3896">
        <v>125.8</v>
      </c>
      <c r="AE3896">
        <v>8.2225239999999999</v>
      </c>
      <c r="AF3896">
        <v>-0.40685000231343982</v>
      </c>
    </row>
    <row r="3897" spans="6:32" x14ac:dyDescent="0.25">
      <c r="F3897">
        <v>125.766667</v>
      </c>
      <c r="G3897">
        <v>8.2224570000000003</v>
      </c>
      <c r="AB3897">
        <v>-100</v>
      </c>
      <c r="AC3897">
        <v>47.516666999999998</v>
      </c>
      <c r="AD3897">
        <v>125.816667</v>
      </c>
      <c r="AE3897">
        <v>8.2225920000000006</v>
      </c>
      <c r="AF3897">
        <v>-0.40602637027540567</v>
      </c>
    </row>
    <row r="3898" spans="6:32" x14ac:dyDescent="0.25">
      <c r="F3898">
        <v>125.783333</v>
      </c>
      <c r="G3898">
        <v>8.2224909999999998</v>
      </c>
      <c r="AB3898">
        <v>-100</v>
      </c>
      <c r="AC3898">
        <v>47.533332999999999</v>
      </c>
      <c r="AD3898">
        <v>125.833333</v>
      </c>
      <c r="AE3898">
        <v>8.2226250000000007</v>
      </c>
      <c r="AF3898">
        <v>-0.4056266664922436</v>
      </c>
    </row>
    <row r="3899" spans="6:32" x14ac:dyDescent="0.25">
      <c r="F3899">
        <v>125.8</v>
      </c>
      <c r="G3899">
        <v>8.2225239999999999</v>
      </c>
      <c r="AB3899">
        <v>-100</v>
      </c>
      <c r="AC3899">
        <v>47.55</v>
      </c>
      <c r="AD3899">
        <v>125.85</v>
      </c>
      <c r="AE3899">
        <v>8.2226590000000002</v>
      </c>
      <c r="AF3899">
        <v>-0.40521485047323735</v>
      </c>
    </row>
    <row r="3900" spans="6:32" x14ac:dyDescent="0.25">
      <c r="F3900">
        <v>125.816667</v>
      </c>
      <c r="G3900">
        <v>8.2225920000000006</v>
      </c>
      <c r="AB3900">
        <v>-100</v>
      </c>
      <c r="AC3900">
        <v>47.56666700000001</v>
      </c>
      <c r="AD3900">
        <v>125.86666700000001</v>
      </c>
      <c r="AE3900">
        <v>8.2226929999999996</v>
      </c>
      <c r="AF3900">
        <v>-0.40480303445423099</v>
      </c>
    </row>
    <row r="3901" spans="6:32" x14ac:dyDescent="0.25">
      <c r="F3901">
        <v>125.833333</v>
      </c>
      <c r="G3901">
        <v>8.2226250000000007</v>
      </c>
      <c r="AB3901">
        <v>-100</v>
      </c>
      <c r="AC3901">
        <v>47.583332999999996</v>
      </c>
      <c r="AD3901">
        <v>125.88333299999999</v>
      </c>
      <c r="AE3901">
        <v>8.2227259999999998</v>
      </c>
      <c r="AF3901">
        <v>-0.40440333067106898</v>
      </c>
    </row>
    <row r="3902" spans="6:32" x14ac:dyDescent="0.25">
      <c r="F3902">
        <v>125.85</v>
      </c>
      <c r="G3902">
        <v>8.2226590000000002</v>
      </c>
      <c r="AB3902">
        <v>-100</v>
      </c>
      <c r="AC3902">
        <v>47.600000000000009</v>
      </c>
      <c r="AD3902">
        <v>125.9</v>
      </c>
      <c r="AE3902">
        <v>8.2227599999999992</v>
      </c>
      <c r="AF3902">
        <v>-0.40399151465206262</v>
      </c>
    </row>
    <row r="3903" spans="6:32" x14ac:dyDescent="0.25">
      <c r="F3903">
        <v>125.86666700000001</v>
      </c>
      <c r="G3903">
        <v>8.2226929999999996</v>
      </c>
      <c r="AB3903">
        <v>-100</v>
      </c>
      <c r="AC3903">
        <v>47.616667000000007</v>
      </c>
      <c r="AD3903">
        <v>125.916667</v>
      </c>
      <c r="AE3903">
        <v>8.2228270000000006</v>
      </c>
      <c r="AF3903">
        <v>-0.40317999484987277</v>
      </c>
    </row>
    <row r="3904" spans="6:32" x14ac:dyDescent="0.25">
      <c r="F3904">
        <v>125.88333299999999</v>
      </c>
      <c r="G3904">
        <v>8.2227259999999998</v>
      </c>
      <c r="AB3904">
        <v>-100</v>
      </c>
      <c r="AC3904">
        <v>47.633333000000007</v>
      </c>
      <c r="AD3904">
        <v>125.933333</v>
      </c>
      <c r="AE3904">
        <v>8.222861</v>
      </c>
      <c r="AF3904">
        <v>-0.40276817883086641</v>
      </c>
    </row>
    <row r="3905" spans="6:32" x14ac:dyDescent="0.25">
      <c r="F3905">
        <v>125.9</v>
      </c>
      <c r="G3905">
        <v>8.2227599999999992</v>
      </c>
      <c r="AB3905">
        <v>-100</v>
      </c>
      <c r="AC3905">
        <v>47.650000000000006</v>
      </c>
      <c r="AD3905">
        <v>125.95</v>
      </c>
      <c r="AE3905">
        <v>8.2228949999999994</v>
      </c>
      <c r="AF3905">
        <v>-0.40235636281186016</v>
      </c>
    </row>
    <row r="3906" spans="6:32" x14ac:dyDescent="0.25">
      <c r="F3906">
        <v>125.916667</v>
      </c>
      <c r="G3906">
        <v>8.2228270000000006</v>
      </c>
      <c r="AB3906">
        <v>-100</v>
      </c>
      <c r="AC3906">
        <v>47.666667000000004</v>
      </c>
      <c r="AD3906">
        <v>125.966667</v>
      </c>
      <c r="AE3906">
        <v>8.2229279999999996</v>
      </c>
      <c r="AF3906">
        <v>-0.40195665902869804</v>
      </c>
    </row>
    <row r="3907" spans="6:32" x14ac:dyDescent="0.25">
      <c r="F3907">
        <v>125.933333</v>
      </c>
      <c r="G3907">
        <v>8.222861</v>
      </c>
      <c r="AB3907">
        <v>-100</v>
      </c>
      <c r="AC3907">
        <v>47.683333000000005</v>
      </c>
      <c r="AD3907">
        <v>125.983333</v>
      </c>
      <c r="AE3907">
        <v>8.2229960000000002</v>
      </c>
      <c r="AF3907">
        <v>-0.40113302699066389</v>
      </c>
    </row>
    <row r="3908" spans="6:32" x14ac:dyDescent="0.25">
      <c r="F3908">
        <v>125.95</v>
      </c>
      <c r="G3908">
        <v>8.2228949999999994</v>
      </c>
      <c r="AB3908">
        <v>-100</v>
      </c>
      <c r="AC3908">
        <v>47.7</v>
      </c>
      <c r="AD3908">
        <v>126</v>
      </c>
      <c r="AE3908">
        <v>8.2230290000000004</v>
      </c>
      <c r="AF3908">
        <v>-0.40073332320750182</v>
      </c>
    </row>
    <row r="3909" spans="6:32" x14ac:dyDescent="0.25">
      <c r="F3909">
        <v>125.966667</v>
      </c>
      <c r="G3909">
        <v>8.2229279999999996</v>
      </c>
      <c r="AB3909">
        <v>-100</v>
      </c>
      <c r="AC3909">
        <v>47.716667000000001</v>
      </c>
      <c r="AD3909">
        <v>126.016667</v>
      </c>
      <c r="AE3909">
        <v>8.2230629999999998</v>
      </c>
      <c r="AF3909">
        <v>-0.40032150718849557</v>
      </c>
    </row>
    <row r="3910" spans="6:32" x14ac:dyDescent="0.25">
      <c r="F3910">
        <v>125.983333</v>
      </c>
      <c r="G3910">
        <v>8.2229960000000002</v>
      </c>
      <c r="AB3910">
        <v>-100</v>
      </c>
      <c r="AC3910">
        <v>47.733333000000002</v>
      </c>
      <c r="AD3910">
        <v>126.033333</v>
      </c>
      <c r="AE3910">
        <v>8.2231299999999994</v>
      </c>
      <c r="AF3910">
        <v>-0.3995099873863272</v>
      </c>
    </row>
    <row r="3911" spans="6:32" x14ac:dyDescent="0.25">
      <c r="F3911">
        <v>126</v>
      </c>
      <c r="G3911">
        <v>8.2230290000000004</v>
      </c>
      <c r="AB3911">
        <v>-100</v>
      </c>
      <c r="AC3911">
        <v>47.75</v>
      </c>
      <c r="AD3911">
        <v>126.05</v>
      </c>
      <c r="AE3911">
        <v>8.2231640000000006</v>
      </c>
      <c r="AF3911">
        <v>-0.3990981713672993</v>
      </c>
    </row>
    <row r="3912" spans="6:32" x14ac:dyDescent="0.25">
      <c r="F3912">
        <v>126.016667</v>
      </c>
      <c r="G3912">
        <v>8.2230629999999998</v>
      </c>
      <c r="AB3912">
        <v>-100</v>
      </c>
      <c r="AC3912">
        <v>47.766666999999998</v>
      </c>
      <c r="AD3912">
        <v>126.066667</v>
      </c>
      <c r="AE3912">
        <v>8.223198</v>
      </c>
      <c r="AF3912">
        <v>-0.398686355348293</v>
      </c>
    </row>
    <row r="3913" spans="6:32" x14ac:dyDescent="0.25">
      <c r="F3913">
        <v>126.033333</v>
      </c>
      <c r="G3913">
        <v>8.2231299999999994</v>
      </c>
      <c r="AB3913">
        <v>-100</v>
      </c>
      <c r="AC3913">
        <v>47.783332999999999</v>
      </c>
      <c r="AD3913">
        <v>126.083333</v>
      </c>
      <c r="AE3913">
        <v>8.2232310000000002</v>
      </c>
      <c r="AF3913">
        <v>-0.39828665156513099</v>
      </c>
    </row>
    <row r="3914" spans="6:32" x14ac:dyDescent="0.25">
      <c r="F3914">
        <v>126.05</v>
      </c>
      <c r="G3914">
        <v>8.2231640000000006</v>
      </c>
      <c r="AB3914">
        <v>-100</v>
      </c>
      <c r="AC3914">
        <v>47.8</v>
      </c>
      <c r="AD3914">
        <v>126.1</v>
      </c>
      <c r="AE3914">
        <v>8.2232979999999998</v>
      </c>
      <c r="AF3914">
        <v>-0.39747513176296262</v>
      </c>
    </row>
    <row r="3915" spans="6:32" x14ac:dyDescent="0.25">
      <c r="F3915">
        <v>126.066667</v>
      </c>
      <c r="G3915">
        <v>8.223198</v>
      </c>
      <c r="AB3915">
        <v>-100</v>
      </c>
      <c r="AC3915">
        <v>47.81666700000001</v>
      </c>
      <c r="AD3915">
        <v>126.11666700000001</v>
      </c>
      <c r="AE3915">
        <v>8.2233319999999992</v>
      </c>
      <c r="AF3915">
        <v>-0.39706331574395626</v>
      </c>
    </row>
    <row r="3916" spans="6:32" x14ac:dyDescent="0.25">
      <c r="F3916">
        <v>126.083333</v>
      </c>
      <c r="G3916">
        <v>8.2232310000000002</v>
      </c>
      <c r="AB3916">
        <v>-100</v>
      </c>
      <c r="AC3916">
        <v>47.833332999999996</v>
      </c>
      <c r="AD3916">
        <v>126.13333299999999</v>
      </c>
      <c r="AE3916">
        <v>8.2233660000000004</v>
      </c>
      <c r="AF3916">
        <v>-0.39665149972492841</v>
      </c>
    </row>
    <row r="3917" spans="6:32" x14ac:dyDescent="0.25">
      <c r="F3917">
        <v>126.1</v>
      </c>
      <c r="G3917">
        <v>8.2232979999999998</v>
      </c>
      <c r="AB3917">
        <v>-100</v>
      </c>
      <c r="AC3917">
        <v>47.850000000000009</v>
      </c>
      <c r="AD3917">
        <v>126.15</v>
      </c>
      <c r="AE3917">
        <v>8.2233990000000006</v>
      </c>
      <c r="AF3917">
        <v>-0.3962517959417664</v>
      </c>
    </row>
    <row r="3918" spans="6:32" x14ac:dyDescent="0.25">
      <c r="F3918">
        <v>126.11666700000001</v>
      </c>
      <c r="G3918">
        <v>8.2233319999999992</v>
      </c>
      <c r="AB3918">
        <v>-100</v>
      </c>
      <c r="AC3918">
        <v>47.866667000000007</v>
      </c>
      <c r="AD3918">
        <v>126.166667</v>
      </c>
      <c r="AE3918">
        <v>8.2234669999999994</v>
      </c>
      <c r="AF3918">
        <v>-0.39542816390375368</v>
      </c>
    </row>
    <row r="3919" spans="6:32" x14ac:dyDescent="0.25">
      <c r="F3919">
        <v>126.13333299999999</v>
      </c>
      <c r="G3919">
        <v>8.2233660000000004</v>
      </c>
      <c r="AB3919">
        <v>-100</v>
      </c>
      <c r="AC3919">
        <v>47.883333000000007</v>
      </c>
      <c r="AD3919">
        <v>126.183333</v>
      </c>
      <c r="AE3919">
        <v>8.2234999999999996</v>
      </c>
      <c r="AF3919">
        <v>-0.39502846012059167</v>
      </c>
    </row>
    <row r="3920" spans="6:32" x14ac:dyDescent="0.25">
      <c r="F3920">
        <v>126.15</v>
      </c>
      <c r="G3920">
        <v>8.2233990000000006</v>
      </c>
      <c r="AB3920">
        <v>-100</v>
      </c>
      <c r="AC3920">
        <v>47.900000000000006</v>
      </c>
      <c r="AD3920">
        <v>126.2</v>
      </c>
      <c r="AE3920">
        <v>8.2235340000000008</v>
      </c>
      <c r="AF3920">
        <v>-0.39461664410156383</v>
      </c>
    </row>
    <row r="3921" spans="6:32" x14ac:dyDescent="0.25">
      <c r="F3921">
        <v>126.166667</v>
      </c>
      <c r="G3921">
        <v>8.2234669999999994</v>
      </c>
      <c r="AB3921">
        <v>-100</v>
      </c>
      <c r="AC3921">
        <v>47.916667000000004</v>
      </c>
      <c r="AD3921">
        <v>126.216667</v>
      </c>
      <c r="AE3921">
        <v>8.2235680000000002</v>
      </c>
      <c r="AF3921">
        <v>-0.39420482808255758</v>
      </c>
    </row>
    <row r="3922" spans="6:32" x14ac:dyDescent="0.25">
      <c r="F3922">
        <v>126.183333</v>
      </c>
      <c r="G3922">
        <v>8.2234999999999996</v>
      </c>
      <c r="AB3922">
        <v>-100</v>
      </c>
      <c r="AC3922">
        <v>47.933333000000005</v>
      </c>
      <c r="AD3922">
        <v>126.233333</v>
      </c>
      <c r="AE3922">
        <v>8.2236349999999998</v>
      </c>
      <c r="AF3922">
        <v>-0.39339330828038921</v>
      </c>
    </row>
    <row r="3923" spans="6:32" x14ac:dyDescent="0.25">
      <c r="F3923">
        <v>126.2</v>
      </c>
      <c r="G3923">
        <v>8.2235340000000008</v>
      </c>
      <c r="AB3923">
        <v>-100</v>
      </c>
      <c r="AC3923">
        <v>47.95</v>
      </c>
      <c r="AD3923">
        <v>126.25</v>
      </c>
      <c r="AE3923">
        <v>8.2236689999999992</v>
      </c>
      <c r="AF3923">
        <v>-0.39298149226138285</v>
      </c>
    </row>
    <row r="3924" spans="6:32" x14ac:dyDescent="0.25">
      <c r="F3924">
        <v>126.216667</v>
      </c>
      <c r="G3924">
        <v>8.2235680000000002</v>
      </c>
      <c r="AB3924">
        <v>-100</v>
      </c>
      <c r="AC3924">
        <v>47.966667000000001</v>
      </c>
      <c r="AD3924">
        <v>126.266667</v>
      </c>
      <c r="AE3924">
        <v>8.2237019999999994</v>
      </c>
      <c r="AF3924">
        <v>-0.39258178847822073</v>
      </c>
    </row>
    <row r="3925" spans="6:32" x14ac:dyDescent="0.25">
      <c r="F3925">
        <v>126.233333</v>
      </c>
      <c r="G3925">
        <v>8.2236349999999998</v>
      </c>
      <c r="AB3925">
        <v>-100</v>
      </c>
      <c r="AC3925">
        <v>47.983333000000002</v>
      </c>
      <c r="AD3925">
        <v>126.283333</v>
      </c>
      <c r="AE3925">
        <v>8.22377</v>
      </c>
      <c r="AF3925">
        <v>-0.39175815644018663</v>
      </c>
    </row>
    <row r="3926" spans="6:32" x14ac:dyDescent="0.25">
      <c r="F3926">
        <v>126.25</v>
      </c>
      <c r="G3926">
        <v>8.2236689999999992</v>
      </c>
      <c r="AB3926">
        <v>-100</v>
      </c>
      <c r="AC3926">
        <v>48</v>
      </c>
      <c r="AD3926">
        <v>126.3</v>
      </c>
      <c r="AE3926">
        <v>8.2238030000000002</v>
      </c>
      <c r="AF3926">
        <v>-0.39135845265702462</v>
      </c>
    </row>
    <row r="3927" spans="6:32" x14ac:dyDescent="0.25">
      <c r="F3927">
        <v>126.266667</v>
      </c>
      <c r="G3927">
        <v>8.2237019999999994</v>
      </c>
      <c r="AB3927">
        <v>-100</v>
      </c>
      <c r="AC3927">
        <v>48.016666999999998</v>
      </c>
      <c r="AD3927">
        <v>126.316667</v>
      </c>
      <c r="AE3927">
        <v>8.2238369999999996</v>
      </c>
      <c r="AF3927">
        <v>-0.39094663663801826</v>
      </c>
    </row>
    <row r="3928" spans="6:32" x14ac:dyDescent="0.25">
      <c r="F3928">
        <v>126.283333</v>
      </c>
      <c r="G3928">
        <v>8.22377</v>
      </c>
      <c r="AB3928">
        <v>-100</v>
      </c>
      <c r="AC3928">
        <v>48.033332999999999</v>
      </c>
      <c r="AD3928">
        <v>126.333333</v>
      </c>
      <c r="AE3928">
        <v>8.2238710000000008</v>
      </c>
      <c r="AF3928">
        <v>-0.39053482061899042</v>
      </c>
    </row>
    <row r="3929" spans="6:32" x14ac:dyDescent="0.25">
      <c r="F3929">
        <v>126.3</v>
      </c>
      <c r="G3929">
        <v>8.2238030000000002</v>
      </c>
      <c r="AB3929">
        <v>-100</v>
      </c>
      <c r="AC3929">
        <v>48.05</v>
      </c>
      <c r="AD3929">
        <v>126.35</v>
      </c>
      <c r="AE3929">
        <v>8.2239039999999992</v>
      </c>
      <c r="AF3929">
        <v>-0.39013511683584989</v>
      </c>
    </row>
    <row r="3930" spans="6:32" x14ac:dyDescent="0.25">
      <c r="F3930">
        <v>126.316667</v>
      </c>
      <c r="G3930">
        <v>8.2238369999999996</v>
      </c>
      <c r="AB3930">
        <v>-100</v>
      </c>
      <c r="AC3930">
        <v>48.06666700000001</v>
      </c>
      <c r="AD3930">
        <v>126.36666700000001</v>
      </c>
      <c r="AE3930">
        <v>8.2239719999999998</v>
      </c>
      <c r="AF3930">
        <v>-0.38931148479781574</v>
      </c>
    </row>
    <row r="3931" spans="6:32" x14ac:dyDescent="0.25">
      <c r="F3931">
        <v>126.333333</v>
      </c>
      <c r="G3931">
        <v>8.2238710000000008</v>
      </c>
      <c r="AB3931">
        <v>-100</v>
      </c>
      <c r="AC3931">
        <v>48.083332999999996</v>
      </c>
      <c r="AD3931">
        <v>126.38333299999999</v>
      </c>
      <c r="AE3931">
        <v>8.224005</v>
      </c>
      <c r="AF3931">
        <v>-0.38891178101465368</v>
      </c>
    </row>
    <row r="3932" spans="6:32" x14ac:dyDescent="0.25">
      <c r="F3932">
        <v>126.35</v>
      </c>
      <c r="G3932">
        <v>8.2239039999999992</v>
      </c>
      <c r="AB3932">
        <v>-100</v>
      </c>
      <c r="AC3932">
        <v>48.100000000000009</v>
      </c>
      <c r="AD3932">
        <v>126.4</v>
      </c>
      <c r="AE3932">
        <v>8.2240389999999994</v>
      </c>
      <c r="AF3932">
        <v>-0.38849996499564737</v>
      </c>
    </row>
    <row r="3933" spans="6:32" x14ac:dyDescent="0.25">
      <c r="F3933">
        <v>126.36666700000001</v>
      </c>
      <c r="G3933">
        <v>8.2239719999999998</v>
      </c>
      <c r="AB3933">
        <v>-100</v>
      </c>
      <c r="AC3933">
        <v>48.116667000000007</v>
      </c>
      <c r="AD3933">
        <v>126.416667</v>
      </c>
      <c r="AE3933">
        <v>8.2240730000000006</v>
      </c>
      <c r="AF3933">
        <v>-0.38808814897661953</v>
      </c>
    </row>
    <row r="3934" spans="6:32" x14ac:dyDescent="0.25">
      <c r="F3934">
        <v>126.38333299999999</v>
      </c>
      <c r="G3934">
        <v>8.224005</v>
      </c>
      <c r="AB3934">
        <v>-100</v>
      </c>
      <c r="AC3934">
        <v>48.133333000000007</v>
      </c>
      <c r="AD3934">
        <v>126.433333</v>
      </c>
      <c r="AE3934">
        <v>8.2241060000000008</v>
      </c>
      <c r="AF3934">
        <v>-0.38768844519345746</v>
      </c>
    </row>
    <row r="3935" spans="6:32" x14ac:dyDescent="0.25">
      <c r="F3935">
        <v>126.4</v>
      </c>
      <c r="G3935">
        <v>8.2240389999999994</v>
      </c>
      <c r="AB3935">
        <v>-100</v>
      </c>
      <c r="AC3935">
        <v>48.150000000000006</v>
      </c>
      <c r="AD3935">
        <v>126.45</v>
      </c>
      <c r="AE3935">
        <v>8.2241739999999997</v>
      </c>
      <c r="AF3935">
        <v>-0.38686481315544485</v>
      </c>
    </row>
    <row r="3936" spans="6:32" x14ac:dyDescent="0.25">
      <c r="F3936">
        <v>126.416667</v>
      </c>
      <c r="G3936">
        <v>8.2240730000000006</v>
      </c>
      <c r="AB3936">
        <v>-100</v>
      </c>
      <c r="AC3936">
        <v>48.166667000000004</v>
      </c>
      <c r="AD3936">
        <v>126.466667</v>
      </c>
      <c r="AE3936">
        <v>8.2242069999999998</v>
      </c>
      <c r="AF3936">
        <v>-0.38646510937228279</v>
      </c>
    </row>
    <row r="3937" spans="6:32" x14ac:dyDescent="0.25">
      <c r="F3937">
        <v>126.433333</v>
      </c>
      <c r="G3937">
        <v>8.2241060000000008</v>
      </c>
      <c r="AB3937">
        <v>-100</v>
      </c>
      <c r="AC3937">
        <v>48.183333000000005</v>
      </c>
      <c r="AD3937">
        <v>126.483333</v>
      </c>
      <c r="AE3937">
        <v>8.2242409999999992</v>
      </c>
      <c r="AF3937">
        <v>-0.38605329335327648</v>
      </c>
    </row>
    <row r="3938" spans="6:32" x14ac:dyDescent="0.25">
      <c r="F3938">
        <v>126.45</v>
      </c>
      <c r="G3938">
        <v>8.2241739999999997</v>
      </c>
      <c r="AB3938">
        <v>-100</v>
      </c>
      <c r="AC3938">
        <v>48.2</v>
      </c>
      <c r="AD3938">
        <v>126.5</v>
      </c>
      <c r="AE3938">
        <v>8.2243080000000006</v>
      </c>
      <c r="AF3938">
        <v>-0.38524177355108657</v>
      </c>
    </row>
    <row r="3939" spans="6:32" x14ac:dyDescent="0.25">
      <c r="F3939">
        <v>126.466667</v>
      </c>
      <c r="G3939">
        <v>8.2242069999999998</v>
      </c>
      <c r="AB3939">
        <v>-100</v>
      </c>
      <c r="AC3939">
        <v>48.216667000000001</v>
      </c>
      <c r="AD3939">
        <v>126.516667</v>
      </c>
      <c r="AE3939">
        <v>8.224342</v>
      </c>
      <c r="AF3939">
        <v>-0.38482995753208027</v>
      </c>
    </row>
    <row r="3940" spans="6:32" x14ac:dyDescent="0.25">
      <c r="F3940">
        <v>126.483333</v>
      </c>
      <c r="G3940">
        <v>8.2242409999999992</v>
      </c>
      <c r="AB3940">
        <v>-100</v>
      </c>
      <c r="AC3940">
        <v>48.233333000000002</v>
      </c>
      <c r="AD3940">
        <v>126.533333</v>
      </c>
      <c r="AE3940">
        <v>8.2243759999999995</v>
      </c>
      <c r="AF3940">
        <v>-0.38441814151307396</v>
      </c>
    </row>
    <row r="3941" spans="6:32" x14ac:dyDescent="0.25">
      <c r="F3941">
        <v>126.5</v>
      </c>
      <c r="G3941">
        <v>8.2243080000000006</v>
      </c>
      <c r="AB3941">
        <v>-100</v>
      </c>
      <c r="AC3941">
        <v>48.25</v>
      </c>
      <c r="AD3941">
        <v>126.55</v>
      </c>
      <c r="AE3941">
        <v>8.2244430000000008</v>
      </c>
      <c r="AF3941">
        <v>-0.38360662171088405</v>
      </c>
    </row>
    <row r="3942" spans="6:32" x14ac:dyDescent="0.25">
      <c r="F3942">
        <v>126.516667</v>
      </c>
      <c r="G3942">
        <v>8.224342</v>
      </c>
      <c r="AB3942">
        <v>-100</v>
      </c>
      <c r="AC3942">
        <v>48.266666999999998</v>
      </c>
      <c r="AD3942">
        <v>126.566667</v>
      </c>
      <c r="AE3942">
        <v>8.2244759999999992</v>
      </c>
      <c r="AF3942">
        <v>-0.38320691792774353</v>
      </c>
    </row>
    <row r="3943" spans="6:32" x14ac:dyDescent="0.25">
      <c r="F3943">
        <v>126.533333</v>
      </c>
      <c r="G3943">
        <v>8.2243759999999995</v>
      </c>
      <c r="AB3943">
        <v>-100</v>
      </c>
      <c r="AC3943">
        <v>48.283332999999999</v>
      </c>
      <c r="AD3943">
        <v>126.583333</v>
      </c>
      <c r="AE3943">
        <v>8.2245439999999999</v>
      </c>
      <c r="AF3943">
        <v>-0.38238328588970938</v>
      </c>
    </row>
    <row r="3944" spans="6:32" x14ac:dyDescent="0.25">
      <c r="F3944">
        <v>126.55</v>
      </c>
      <c r="G3944">
        <v>8.2244430000000008</v>
      </c>
      <c r="AB3944">
        <v>-100</v>
      </c>
      <c r="AC3944">
        <v>48.3</v>
      </c>
      <c r="AD3944">
        <v>126.6</v>
      </c>
      <c r="AE3944">
        <v>8.224577</v>
      </c>
      <c r="AF3944">
        <v>-0.38198358210654731</v>
      </c>
    </row>
    <row r="3945" spans="6:32" x14ac:dyDescent="0.25">
      <c r="F3945">
        <v>126.566667</v>
      </c>
      <c r="G3945">
        <v>8.2244759999999992</v>
      </c>
      <c r="AB3945">
        <v>-100</v>
      </c>
      <c r="AC3945">
        <v>48.31666700000001</v>
      </c>
      <c r="AD3945">
        <v>126.61666700000001</v>
      </c>
      <c r="AE3945">
        <v>8.2246450000000006</v>
      </c>
      <c r="AF3945">
        <v>-0.38115995006851316</v>
      </c>
    </row>
    <row r="3946" spans="6:32" x14ac:dyDescent="0.25">
      <c r="F3946">
        <v>126.583333</v>
      </c>
      <c r="G3946">
        <v>8.2245439999999999</v>
      </c>
      <c r="AB3946">
        <v>-100</v>
      </c>
      <c r="AC3946">
        <v>48.333332999999996</v>
      </c>
      <c r="AD3946">
        <v>126.63333299999999</v>
      </c>
      <c r="AE3946">
        <v>8.2246780000000008</v>
      </c>
      <c r="AF3946">
        <v>-0.3807602462853511</v>
      </c>
    </row>
    <row r="3947" spans="6:32" x14ac:dyDescent="0.25">
      <c r="F3947">
        <v>126.6</v>
      </c>
      <c r="G3947">
        <v>8.224577</v>
      </c>
      <c r="AB3947">
        <v>-100</v>
      </c>
      <c r="AC3947">
        <v>48.350000000000009</v>
      </c>
      <c r="AD3947">
        <v>126.65</v>
      </c>
      <c r="AE3947">
        <v>8.2247459999999997</v>
      </c>
      <c r="AF3947">
        <v>-0.37993661424733849</v>
      </c>
    </row>
    <row r="3948" spans="6:32" x14ac:dyDescent="0.25">
      <c r="F3948">
        <v>126.61666700000001</v>
      </c>
      <c r="G3948">
        <v>8.2246450000000006</v>
      </c>
      <c r="AB3948">
        <v>-100</v>
      </c>
      <c r="AC3948">
        <v>48.366667000000007</v>
      </c>
      <c r="AD3948">
        <v>126.666667</v>
      </c>
      <c r="AE3948">
        <v>8.2247789999999998</v>
      </c>
      <c r="AF3948">
        <v>-0.37953691046417642</v>
      </c>
    </row>
    <row r="3949" spans="6:32" x14ac:dyDescent="0.25">
      <c r="F3949">
        <v>126.63333299999999</v>
      </c>
      <c r="G3949">
        <v>8.2246780000000008</v>
      </c>
      <c r="AB3949">
        <v>-100</v>
      </c>
      <c r="AC3949">
        <v>48.383333000000007</v>
      </c>
      <c r="AD3949">
        <v>126.683333</v>
      </c>
      <c r="AE3949">
        <v>8.2248470000000005</v>
      </c>
      <c r="AF3949">
        <v>-0.37871327842614227</v>
      </c>
    </row>
    <row r="3950" spans="6:32" x14ac:dyDescent="0.25">
      <c r="F3950">
        <v>126.65</v>
      </c>
      <c r="G3950">
        <v>8.2247459999999997</v>
      </c>
      <c r="AB3950">
        <v>-100</v>
      </c>
      <c r="AC3950">
        <v>48.400000000000006</v>
      </c>
      <c r="AD3950">
        <v>126.7</v>
      </c>
      <c r="AE3950">
        <v>8.2248800000000006</v>
      </c>
      <c r="AF3950">
        <v>-0.37831357464298021</v>
      </c>
    </row>
    <row r="3951" spans="6:32" x14ac:dyDescent="0.25">
      <c r="F3951">
        <v>126.666667</v>
      </c>
      <c r="G3951">
        <v>8.2247789999999998</v>
      </c>
      <c r="AB3951">
        <v>-100</v>
      </c>
      <c r="AC3951">
        <v>48.416667000000004</v>
      </c>
      <c r="AD3951">
        <v>126.716667</v>
      </c>
      <c r="AE3951">
        <v>8.2249140000000001</v>
      </c>
      <c r="AF3951">
        <v>-0.3779017586239739</v>
      </c>
    </row>
    <row r="3952" spans="6:32" x14ac:dyDescent="0.25">
      <c r="F3952">
        <v>126.683333</v>
      </c>
      <c r="G3952">
        <v>8.2248470000000005</v>
      </c>
      <c r="AB3952">
        <v>-100</v>
      </c>
      <c r="AC3952">
        <v>48.433333000000005</v>
      </c>
      <c r="AD3952">
        <v>126.733333</v>
      </c>
      <c r="AE3952">
        <v>8.2249809999999997</v>
      </c>
      <c r="AF3952">
        <v>-0.37709023882180553</v>
      </c>
    </row>
    <row r="3953" spans="6:32" x14ac:dyDescent="0.25">
      <c r="F3953">
        <v>126.7</v>
      </c>
      <c r="G3953">
        <v>8.2248800000000006</v>
      </c>
      <c r="AB3953">
        <v>-100</v>
      </c>
      <c r="AC3953">
        <v>48.45</v>
      </c>
      <c r="AD3953">
        <v>126.75</v>
      </c>
      <c r="AE3953">
        <v>8.2250150000000009</v>
      </c>
      <c r="AF3953">
        <v>-0.37667842280277769</v>
      </c>
    </row>
    <row r="3954" spans="6:32" x14ac:dyDescent="0.25">
      <c r="F3954">
        <v>126.716667</v>
      </c>
      <c r="G3954">
        <v>8.2249140000000001</v>
      </c>
      <c r="AB3954">
        <v>-100</v>
      </c>
      <c r="AC3954">
        <v>48.466667000000001</v>
      </c>
      <c r="AD3954">
        <v>126.766667</v>
      </c>
      <c r="AE3954">
        <v>8.2250820000000004</v>
      </c>
      <c r="AF3954">
        <v>-0.37586690300060932</v>
      </c>
    </row>
    <row r="3955" spans="6:32" x14ac:dyDescent="0.25">
      <c r="F3955">
        <v>126.733333</v>
      </c>
      <c r="G3955">
        <v>8.2249809999999997</v>
      </c>
      <c r="AB3955">
        <v>-100</v>
      </c>
      <c r="AC3955">
        <v>48.483333000000002</v>
      </c>
      <c r="AD3955">
        <v>126.783333</v>
      </c>
      <c r="AE3955">
        <v>8.2251159999999999</v>
      </c>
      <c r="AF3955">
        <v>-0.37545508698160301</v>
      </c>
    </row>
    <row r="3956" spans="6:32" x14ac:dyDescent="0.25">
      <c r="F3956">
        <v>126.75</v>
      </c>
      <c r="G3956">
        <v>8.2250150000000009</v>
      </c>
      <c r="AB3956">
        <v>-100</v>
      </c>
      <c r="AC3956">
        <v>48.5</v>
      </c>
      <c r="AD3956">
        <v>126.8</v>
      </c>
      <c r="AE3956">
        <v>8.2251829999999995</v>
      </c>
      <c r="AF3956">
        <v>-0.37464356717943459</v>
      </c>
    </row>
    <row r="3957" spans="6:32" x14ac:dyDescent="0.25">
      <c r="F3957">
        <v>126.766667</v>
      </c>
      <c r="G3957">
        <v>8.2250820000000004</v>
      </c>
      <c r="AB3957">
        <v>-100</v>
      </c>
      <c r="AC3957">
        <v>48.516666999999998</v>
      </c>
      <c r="AD3957">
        <v>126.816667</v>
      </c>
      <c r="AE3957">
        <v>8.2252510000000001</v>
      </c>
      <c r="AF3957">
        <v>-0.37381993514140049</v>
      </c>
    </row>
    <row r="3958" spans="6:32" x14ac:dyDescent="0.25">
      <c r="F3958">
        <v>126.783333</v>
      </c>
      <c r="G3958">
        <v>8.2251159999999999</v>
      </c>
      <c r="AB3958">
        <v>-100</v>
      </c>
      <c r="AC3958">
        <v>48.533332999999999</v>
      </c>
      <c r="AD3958">
        <v>126.833333</v>
      </c>
      <c r="AE3958">
        <v>8.2252840000000003</v>
      </c>
      <c r="AF3958">
        <v>-0.37342023135823843</v>
      </c>
    </row>
    <row r="3959" spans="6:32" x14ac:dyDescent="0.25">
      <c r="F3959">
        <v>126.8</v>
      </c>
      <c r="G3959">
        <v>8.2251829999999995</v>
      </c>
      <c r="AB3959">
        <v>-100</v>
      </c>
      <c r="AC3959">
        <v>48.55</v>
      </c>
      <c r="AD3959">
        <v>126.85</v>
      </c>
      <c r="AE3959">
        <v>8.2253520000000009</v>
      </c>
      <c r="AF3959">
        <v>-0.37259659932020428</v>
      </c>
    </row>
    <row r="3960" spans="6:32" x14ac:dyDescent="0.25">
      <c r="F3960">
        <v>126.816667</v>
      </c>
      <c r="G3960">
        <v>8.2252510000000001</v>
      </c>
      <c r="AB3960">
        <v>-100</v>
      </c>
      <c r="AC3960">
        <v>48.56666700000001</v>
      </c>
      <c r="AD3960">
        <v>126.86666700000001</v>
      </c>
      <c r="AE3960">
        <v>8.2253849999999993</v>
      </c>
      <c r="AF3960">
        <v>-0.3721968955370637</v>
      </c>
    </row>
    <row r="3961" spans="6:32" x14ac:dyDescent="0.25">
      <c r="F3961">
        <v>126.833333</v>
      </c>
      <c r="G3961">
        <v>8.2252840000000003</v>
      </c>
      <c r="AB3961">
        <v>-100</v>
      </c>
      <c r="AC3961">
        <v>48.583332999999996</v>
      </c>
      <c r="AD3961">
        <v>126.88333299999999</v>
      </c>
      <c r="AE3961">
        <v>8.2254529999999999</v>
      </c>
      <c r="AF3961">
        <v>-0.37137326349902955</v>
      </c>
    </row>
    <row r="3962" spans="6:32" x14ac:dyDescent="0.25">
      <c r="F3962">
        <v>126.85</v>
      </c>
      <c r="G3962">
        <v>8.2253520000000009</v>
      </c>
      <c r="AB3962">
        <v>-100</v>
      </c>
      <c r="AC3962">
        <v>48.600000000000009</v>
      </c>
      <c r="AD3962">
        <v>126.9</v>
      </c>
      <c r="AE3962">
        <v>8.2254860000000001</v>
      </c>
      <c r="AF3962">
        <v>-0.37097355971586754</v>
      </c>
    </row>
    <row r="3963" spans="6:32" x14ac:dyDescent="0.25">
      <c r="F3963">
        <v>126.86666700000001</v>
      </c>
      <c r="G3963">
        <v>8.2253849999999993</v>
      </c>
      <c r="AB3963">
        <v>-100</v>
      </c>
      <c r="AC3963">
        <v>48.616667000000007</v>
      </c>
      <c r="AD3963">
        <v>126.916667</v>
      </c>
      <c r="AE3963">
        <v>8.2255529999999997</v>
      </c>
      <c r="AF3963">
        <v>-0.37016203991369911</v>
      </c>
    </row>
    <row r="3964" spans="6:32" x14ac:dyDescent="0.25">
      <c r="F3964">
        <v>126.88333299999999</v>
      </c>
      <c r="G3964">
        <v>8.2254529999999999</v>
      </c>
      <c r="AB3964">
        <v>-100</v>
      </c>
      <c r="AC3964">
        <v>48.633333000000007</v>
      </c>
      <c r="AD3964">
        <v>126.933333</v>
      </c>
      <c r="AE3964">
        <v>8.2255870000000009</v>
      </c>
      <c r="AF3964">
        <v>-0.36975022389467133</v>
      </c>
    </row>
    <row r="3965" spans="6:32" x14ac:dyDescent="0.25">
      <c r="F3965">
        <v>126.9</v>
      </c>
      <c r="G3965">
        <v>8.2254860000000001</v>
      </c>
      <c r="AB3965">
        <v>-100</v>
      </c>
      <c r="AC3965">
        <v>48.650000000000006</v>
      </c>
      <c r="AD3965">
        <v>126.95</v>
      </c>
      <c r="AE3965">
        <v>8.2256540000000005</v>
      </c>
      <c r="AF3965">
        <v>-0.36893870409250296</v>
      </c>
    </row>
    <row r="3966" spans="6:32" x14ac:dyDescent="0.25">
      <c r="F3966">
        <v>126.916667</v>
      </c>
      <c r="G3966">
        <v>8.2255529999999997</v>
      </c>
      <c r="AB3966">
        <v>-100</v>
      </c>
      <c r="AC3966">
        <v>48.666667000000004</v>
      </c>
      <c r="AD3966">
        <v>126.966667</v>
      </c>
      <c r="AE3966">
        <v>8.2256879999999999</v>
      </c>
      <c r="AF3966">
        <v>-0.36852688807349659</v>
      </c>
    </row>
    <row r="3967" spans="6:32" x14ac:dyDescent="0.25">
      <c r="F3967">
        <v>126.933333</v>
      </c>
      <c r="G3967">
        <v>8.2255870000000009</v>
      </c>
      <c r="AB3967">
        <v>-100</v>
      </c>
      <c r="AC3967">
        <v>48.683333000000005</v>
      </c>
      <c r="AD3967">
        <v>126.983333</v>
      </c>
      <c r="AE3967">
        <v>8.2257549999999995</v>
      </c>
      <c r="AF3967">
        <v>-0.36771536827132822</v>
      </c>
    </row>
    <row r="3968" spans="6:32" x14ac:dyDescent="0.25">
      <c r="F3968">
        <v>126.95</v>
      </c>
      <c r="G3968">
        <v>8.2256540000000005</v>
      </c>
      <c r="AB3968">
        <v>-100</v>
      </c>
      <c r="AC3968">
        <v>48.7</v>
      </c>
      <c r="AD3968">
        <v>127</v>
      </c>
      <c r="AE3968">
        <v>8.2257890000000007</v>
      </c>
      <c r="AF3968">
        <v>-0.36730355225230044</v>
      </c>
    </row>
    <row r="3969" spans="6:32" x14ac:dyDescent="0.25">
      <c r="F3969">
        <v>126.966667</v>
      </c>
      <c r="G3969">
        <v>8.2256879999999999</v>
      </c>
      <c r="AB3969">
        <v>-100</v>
      </c>
      <c r="AC3969">
        <v>48.716667000000001</v>
      </c>
      <c r="AD3969">
        <v>127.016667</v>
      </c>
      <c r="AE3969">
        <v>8.2258560000000003</v>
      </c>
      <c r="AF3969">
        <v>-0.36649203245013207</v>
      </c>
    </row>
    <row r="3970" spans="6:32" x14ac:dyDescent="0.25">
      <c r="F3970">
        <v>126.983333</v>
      </c>
      <c r="G3970">
        <v>8.2257549999999995</v>
      </c>
      <c r="AB3970">
        <v>-100</v>
      </c>
      <c r="AC3970">
        <v>48.733333000000002</v>
      </c>
      <c r="AD3970">
        <v>127.033333</v>
      </c>
      <c r="AE3970">
        <v>8.2258899999999997</v>
      </c>
      <c r="AF3970">
        <v>-0.3660802164311257</v>
      </c>
    </row>
    <row r="3971" spans="6:32" x14ac:dyDescent="0.25">
      <c r="F3971">
        <v>127</v>
      </c>
      <c r="G3971">
        <v>8.2257890000000007</v>
      </c>
      <c r="AB3971">
        <v>-100</v>
      </c>
      <c r="AC3971">
        <v>48.75</v>
      </c>
      <c r="AD3971">
        <v>127.05</v>
      </c>
      <c r="AE3971">
        <v>8.2259239999999991</v>
      </c>
      <c r="AF3971">
        <v>-0.3656684004121194</v>
      </c>
    </row>
    <row r="3972" spans="6:32" x14ac:dyDescent="0.25">
      <c r="F3972">
        <v>127.016667</v>
      </c>
      <c r="G3972">
        <v>8.2258560000000003</v>
      </c>
      <c r="AB3972">
        <v>-100</v>
      </c>
      <c r="AC3972">
        <v>48.766666999999998</v>
      </c>
      <c r="AD3972">
        <v>127.066667</v>
      </c>
      <c r="AE3972">
        <v>8.2259910000000005</v>
      </c>
      <c r="AF3972">
        <v>-0.36485688060992955</v>
      </c>
    </row>
    <row r="3973" spans="6:32" x14ac:dyDescent="0.25">
      <c r="F3973">
        <v>127.033333</v>
      </c>
      <c r="G3973">
        <v>8.2258899999999997</v>
      </c>
      <c r="AB3973">
        <v>-100</v>
      </c>
      <c r="AC3973">
        <v>48.783332999999999</v>
      </c>
      <c r="AD3973">
        <v>127.083333</v>
      </c>
      <c r="AE3973">
        <v>8.2260249999999999</v>
      </c>
      <c r="AF3973">
        <v>-0.36444506459092318</v>
      </c>
    </row>
    <row r="3974" spans="6:32" x14ac:dyDescent="0.25">
      <c r="F3974">
        <v>127.05</v>
      </c>
      <c r="G3974">
        <v>8.2259239999999991</v>
      </c>
      <c r="AB3974">
        <v>-100</v>
      </c>
      <c r="AC3974">
        <v>48.8</v>
      </c>
      <c r="AD3974">
        <v>127.1</v>
      </c>
      <c r="AE3974">
        <v>8.2260919999999995</v>
      </c>
      <c r="AF3974">
        <v>-0.36363354478875481</v>
      </c>
    </row>
    <row r="3975" spans="6:32" x14ac:dyDescent="0.25">
      <c r="F3975">
        <v>127.066667</v>
      </c>
      <c r="G3975">
        <v>8.2259910000000005</v>
      </c>
      <c r="AB3975">
        <v>-100</v>
      </c>
      <c r="AC3975">
        <v>48.81666700000001</v>
      </c>
      <c r="AD3975">
        <v>127.11666700000001</v>
      </c>
      <c r="AE3975">
        <v>8.2261260000000007</v>
      </c>
      <c r="AF3975">
        <v>-0.36322172876972703</v>
      </c>
    </row>
    <row r="3976" spans="6:32" x14ac:dyDescent="0.25">
      <c r="F3976">
        <v>127.083333</v>
      </c>
      <c r="G3976">
        <v>8.2260249999999999</v>
      </c>
      <c r="AB3976">
        <v>-100</v>
      </c>
      <c r="AC3976">
        <v>48.833332999999996</v>
      </c>
      <c r="AD3976">
        <v>127.13333299999999</v>
      </c>
      <c r="AE3976">
        <v>8.2261590000000009</v>
      </c>
      <c r="AF3976">
        <v>-0.36282202498656496</v>
      </c>
    </row>
    <row r="3977" spans="6:32" x14ac:dyDescent="0.25">
      <c r="F3977">
        <v>127.1</v>
      </c>
      <c r="G3977">
        <v>8.2260919999999995</v>
      </c>
      <c r="AB3977">
        <v>-100</v>
      </c>
      <c r="AC3977">
        <v>48.850000000000009</v>
      </c>
      <c r="AD3977">
        <v>127.15</v>
      </c>
      <c r="AE3977">
        <v>8.2262269999999997</v>
      </c>
      <c r="AF3977">
        <v>-0.36199839294855229</v>
      </c>
    </row>
    <row r="3978" spans="6:32" x14ac:dyDescent="0.25">
      <c r="F3978">
        <v>127.11666700000001</v>
      </c>
      <c r="G3978">
        <v>8.2261260000000007</v>
      </c>
      <c r="AB3978">
        <v>-100</v>
      </c>
      <c r="AC3978">
        <v>48.866667000000007</v>
      </c>
      <c r="AD3978">
        <v>127.166667</v>
      </c>
      <c r="AE3978">
        <v>8.2262599999999999</v>
      </c>
      <c r="AF3978">
        <v>-0.36159868916539023</v>
      </c>
    </row>
    <row r="3979" spans="6:32" x14ac:dyDescent="0.25">
      <c r="F3979">
        <v>127.13333299999999</v>
      </c>
      <c r="G3979">
        <v>8.2261590000000009</v>
      </c>
      <c r="AB3979">
        <v>-100</v>
      </c>
      <c r="AC3979">
        <v>48.883333000000007</v>
      </c>
      <c r="AD3979">
        <v>127.183333</v>
      </c>
      <c r="AE3979">
        <v>8.2263280000000005</v>
      </c>
      <c r="AF3979">
        <v>-0.36077505712735614</v>
      </c>
    </row>
    <row r="3980" spans="6:32" x14ac:dyDescent="0.25">
      <c r="F3980">
        <v>127.15</v>
      </c>
      <c r="G3980">
        <v>8.2262269999999997</v>
      </c>
      <c r="AB3980">
        <v>-100</v>
      </c>
      <c r="AC3980">
        <v>48.900000000000006</v>
      </c>
      <c r="AD3980">
        <v>127.2</v>
      </c>
      <c r="AE3980">
        <v>8.2263610000000007</v>
      </c>
      <c r="AF3980">
        <v>-0.36037535334419407</v>
      </c>
    </row>
    <row r="3981" spans="6:32" x14ac:dyDescent="0.25">
      <c r="F3981">
        <v>127.166667</v>
      </c>
      <c r="G3981">
        <v>8.2262599999999999</v>
      </c>
      <c r="AB3981">
        <v>-100</v>
      </c>
      <c r="AC3981">
        <v>48.916667000000004</v>
      </c>
      <c r="AD3981">
        <v>127.216667</v>
      </c>
      <c r="AE3981">
        <v>8.2264289999999995</v>
      </c>
      <c r="AF3981">
        <v>-0.3595517213061814</v>
      </c>
    </row>
    <row r="3982" spans="6:32" x14ac:dyDescent="0.25">
      <c r="F3982">
        <v>127.183333</v>
      </c>
      <c r="G3982">
        <v>8.2263280000000005</v>
      </c>
      <c r="AB3982">
        <v>-100</v>
      </c>
      <c r="AC3982">
        <v>48.933333000000005</v>
      </c>
      <c r="AD3982">
        <v>127.233333</v>
      </c>
      <c r="AE3982">
        <v>8.2264619999999997</v>
      </c>
      <c r="AF3982">
        <v>-0.35915201752301934</v>
      </c>
    </row>
    <row r="3983" spans="6:32" x14ac:dyDescent="0.25">
      <c r="F3983">
        <v>127.2</v>
      </c>
      <c r="G3983">
        <v>8.2263610000000007</v>
      </c>
      <c r="AB3983">
        <v>-100</v>
      </c>
      <c r="AC3983">
        <v>48.95</v>
      </c>
      <c r="AD3983">
        <v>127.25</v>
      </c>
      <c r="AE3983">
        <v>8.2265300000000003</v>
      </c>
      <c r="AF3983">
        <v>-0.35832838548498519</v>
      </c>
    </row>
    <row r="3984" spans="6:32" x14ac:dyDescent="0.25">
      <c r="F3984">
        <v>127.216667</v>
      </c>
      <c r="G3984">
        <v>8.2264289999999995</v>
      </c>
      <c r="AB3984">
        <v>-100</v>
      </c>
      <c r="AC3984">
        <v>48.966667000000001</v>
      </c>
      <c r="AD3984">
        <v>127.266667</v>
      </c>
      <c r="AE3984">
        <v>8.2265630000000005</v>
      </c>
      <c r="AF3984">
        <v>-0.35792868170182318</v>
      </c>
    </row>
    <row r="3985" spans="6:32" x14ac:dyDescent="0.25">
      <c r="F3985">
        <v>127.233333</v>
      </c>
      <c r="G3985">
        <v>8.2264619999999997</v>
      </c>
      <c r="AB3985">
        <v>-100</v>
      </c>
      <c r="AC3985">
        <v>48.983333000000002</v>
      </c>
      <c r="AD3985">
        <v>127.283333</v>
      </c>
      <c r="AE3985">
        <v>8.2265969999999999</v>
      </c>
      <c r="AF3985">
        <v>-0.35751686568281682</v>
      </c>
    </row>
    <row r="3986" spans="6:32" x14ac:dyDescent="0.25">
      <c r="F3986">
        <v>127.25</v>
      </c>
      <c r="G3986">
        <v>8.2265300000000003</v>
      </c>
      <c r="AB3986">
        <v>-100</v>
      </c>
      <c r="AC3986">
        <v>49</v>
      </c>
      <c r="AD3986">
        <v>127.3</v>
      </c>
      <c r="AE3986">
        <v>8.2266639999999995</v>
      </c>
      <c r="AF3986">
        <v>-0.35670534588064845</v>
      </c>
    </row>
    <row r="3987" spans="6:32" x14ac:dyDescent="0.25">
      <c r="F3987">
        <v>127.266667</v>
      </c>
      <c r="G3987">
        <v>8.2265630000000005</v>
      </c>
      <c r="AB3987">
        <v>-100</v>
      </c>
      <c r="AC3987">
        <v>49.016666999999998</v>
      </c>
      <c r="AD3987">
        <v>127.316667</v>
      </c>
      <c r="AE3987">
        <v>8.2266980000000007</v>
      </c>
      <c r="AF3987">
        <v>-0.35629352986162066</v>
      </c>
    </row>
    <row r="3988" spans="6:32" x14ac:dyDescent="0.25">
      <c r="F3988">
        <v>127.283333</v>
      </c>
      <c r="G3988">
        <v>8.2265969999999999</v>
      </c>
      <c r="AB3988">
        <v>-100</v>
      </c>
      <c r="AC3988">
        <v>49.033332999999999</v>
      </c>
      <c r="AD3988">
        <v>127.333333</v>
      </c>
      <c r="AE3988">
        <v>8.2267309999999991</v>
      </c>
      <c r="AF3988">
        <v>-0.35589382607848008</v>
      </c>
    </row>
    <row r="3989" spans="6:32" x14ac:dyDescent="0.25">
      <c r="F3989">
        <v>127.3</v>
      </c>
      <c r="G3989">
        <v>8.2266639999999995</v>
      </c>
      <c r="AB3989">
        <v>-100</v>
      </c>
      <c r="AC3989">
        <v>49.05</v>
      </c>
      <c r="AD3989">
        <v>127.35</v>
      </c>
      <c r="AE3989">
        <v>8.2267989999999998</v>
      </c>
      <c r="AF3989">
        <v>-0.35507019404044593</v>
      </c>
    </row>
    <row r="3990" spans="6:32" x14ac:dyDescent="0.25">
      <c r="F3990">
        <v>127.316667</v>
      </c>
      <c r="G3990">
        <v>8.2266980000000007</v>
      </c>
      <c r="AB3990">
        <v>-100</v>
      </c>
      <c r="AC3990">
        <v>49.06666700000001</v>
      </c>
      <c r="AD3990">
        <v>127.36666700000001</v>
      </c>
      <c r="AE3990">
        <v>8.2268319999999999</v>
      </c>
      <c r="AF3990">
        <v>-0.35467049025728387</v>
      </c>
    </row>
    <row r="3991" spans="6:32" x14ac:dyDescent="0.25">
      <c r="F3991">
        <v>127.333333</v>
      </c>
      <c r="G3991">
        <v>8.2267309999999991</v>
      </c>
      <c r="AB3991">
        <v>-100</v>
      </c>
      <c r="AC3991">
        <v>49.083332999999996</v>
      </c>
      <c r="AD3991">
        <v>127.38333299999999</v>
      </c>
      <c r="AE3991">
        <v>8.2269000000000005</v>
      </c>
      <c r="AF3991">
        <v>-0.35384685821924972</v>
      </c>
    </row>
    <row r="3992" spans="6:32" x14ac:dyDescent="0.25">
      <c r="F3992">
        <v>127.35</v>
      </c>
      <c r="G3992">
        <v>8.2267989999999998</v>
      </c>
      <c r="AB3992">
        <v>-100</v>
      </c>
      <c r="AC3992">
        <v>49.100000000000009</v>
      </c>
      <c r="AD3992">
        <v>127.4</v>
      </c>
      <c r="AE3992">
        <v>8.2269330000000007</v>
      </c>
      <c r="AF3992">
        <v>-0.35344715443608771</v>
      </c>
    </row>
    <row r="3993" spans="6:32" x14ac:dyDescent="0.25">
      <c r="F3993">
        <v>127.36666700000001</v>
      </c>
      <c r="G3993">
        <v>8.2268319999999999</v>
      </c>
      <c r="AB3993">
        <v>-100</v>
      </c>
      <c r="AC3993">
        <v>49.116667000000007</v>
      </c>
      <c r="AD3993">
        <v>127.416667</v>
      </c>
      <c r="AE3993">
        <v>8.2269670000000001</v>
      </c>
      <c r="AF3993">
        <v>-0.35303533841708135</v>
      </c>
    </row>
    <row r="3994" spans="6:32" x14ac:dyDescent="0.25">
      <c r="F3994">
        <v>127.38333299999999</v>
      </c>
      <c r="G3994">
        <v>8.2269000000000005</v>
      </c>
      <c r="AB3994">
        <v>-100</v>
      </c>
      <c r="AC3994">
        <v>49.133333000000007</v>
      </c>
      <c r="AD3994">
        <v>127.433333</v>
      </c>
      <c r="AE3994">
        <v>8.2270339999999997</v>
      </c>
      <c r="AF3994">
        <v>-0.35222381861491298</v>
      </c>
    </row>
    <row r="3995" spans="6:32" x14ac:dyDescent="0.25">
      <c r="F3995">
        <v>127.4</v>
      </c>
      <c r="G3995">
        <v>8.2269330000000007</v>
      </c>
      <c r="AB3995">
        <v>-100</v>
      </c>
      <c r="AC3995">
        <v>49.150000000000006</v>
      </c>
      <c r="AD3995">
        <v>127.45</v>
      </c>
      <c r="AE3995">
        <v>8.2270679999999992</v>
      </c>
      <c r="AF3995">
        <v>-0.35181200259590667</v>
      </c>
    </row>
    <row r="3996" spans="6:32" x14ac:dyDescent="0.25">
      <c r="F3996">
        <v>127.416667</v>
      </c>
      <c r="G3996">
        <v>8.2269670000000001</v>
      </c>
      <c r="AB3996">
        <v>-100</v>
      </c>
      <c r="AC3996">
        <v>49.166667000000004</v>
      </c>
      <c r="AD3996">
        <v>127.466667</v>
      </c>
      <c r="AE3996">
        <v>8.2271350000000005</v>
      </c>
      <c r="AF3996">
        <v>-0.35100048279371676</v>
      </c>
    </row>
    <row r="3997" spans="6:32" x14ac:dyDescent="0.25">
      <c r="F3997">
        <v>127.433333</v>
      </c>
      <c r="G3997">
        <v>8.2270339999999997</v>
      </c>
      <c r="AB3997">
        <v>-100</v>
      </c>
      <c r="AC3997">
        <v>49.183333000000005</v>
      </c>
      <c r="AD3997">
        <v>127.483333</v>
      </c>
      <c r="AE3997">
        <v>8.227169</v>
      </c>
      <c r="AF3997">
        <v>-0.35058866677471046</v>
      </c>
    </row>
    <row r="3998" spans="6:32" x14ac:dyDescent="0.25">
      <c r="F3998">
        <v>127.45</v>
      </c>
      <c r="G3998">
        <v>8.2270679999999992</v>
      </c>
      <c r="AB3998">
        <v>-100</v>
      </c>
      <c r="AC3998">
        <v>49.2</v>
      </c>
      <c r="AD3998">
        <v>127.5</v>
      </c>
      <c r="AE3998">
        <v>8.2272359999999995</v>
      </c>
      <c r="AF3998">
        <v>-0.34977714697254209</v>
      </c>
    </row>
    <row r="3999" spans="6:32" x14ac:dyDescent="0.25">
      <c r="F3999">
        <v>127.466667</v>
      </c>
      <c r="G3999">
        <v>8.2271350000000005</v>
      </c>
      <c r="AB3999">
        <v>-100</v>
      </c>
      <c r="AC3999">
        <v>49.216667000000001</v>
      </c>
      <c r="AD3999">
        <v>127.516667</v>
      </c>
      <c r="AE3999">
        <v>8.2272700000000007</v>
      </c>
      <c r="AF3999">
        <v>-0.34936533095351424</v>
      </c>
    </row>
    <row r="4000" spans="6:32" x14ac:dyDescent="0.25">
      <c r="F4000">
        <v>127.483333</v>
      </c>
      <c r="G4000">
        <v>8.227169</v>
      </c>
      <c r="AB4000">
        <v>-100</v>
      </c>
      <c r="AC4000">
        <v>49.233333000000002</v>
      </c>
      <c r="AD4000">
        <v>127.533333</v>
      </c>
      <c r="AE4000">
        <v>8.2273370000000003</v>
      </c>
      <c r="AF4000">
        <v>-0.34855381115134587</v>
      </c>
    </row>
    <row r="4001" spans="6:32" x14ac:dyDescent="0.25">
      <c r="F4001">
        <v>127.5</v>
      </c>
      <c r="G4001">
        <v>8.2272359999999995</v>
      </c>
      <c r="AB4001">
        <v>-100</v>
      </c>
      <c r="AC4001">
        <v>49.25</v>
      </c>
      <c r="AD4001">
        <v>127.55</v>
      </c>
      <c r="AE4001">
        <v>8.2273709999999998</v>
      </c>
      <c r="AF4001">
        <v>-0.34814199513233957</v>
      </c>
    </row>
    <row r="4002" spans="6:32" x14ac:dyDescent="0.25">
      <c r="F4002">
        <v>127.516667</v>
      </c>
      <c r="G4002">
        <v>8.2272700000000007</v>
      </c>
      <c r="AB4002">
        <v>-100</v>
      </c>
      <c r="AC4002">
        <v>49.266666999999998</v>
      </c>
      <c r="AD4002">
        <v>127.566667</v>
      </c>
      <c r="AE4002">
        <v>8.2274379999999994</v>
      </c>
      <c r="AF4002">
        <v>-0.3473304753301712</v>
      </c>
    </row>
    <row r="4003" spans="6:32" x14ac:dyDescent="0.25">
      <c r="F4003">
        <v>127.533333</v>
      </c>
      <c r="G4003">
        <v>8.2273370000000003</v>
      </c>
      <c r="AB4003">
        <v>-100</v>
      </c>
      <c r="AC4003">
        <v>49.283332999999999</v>
      </c>
      <c r="AD4003">
        <v>127.583333</v>
      </c>
      <c r="AE4003">
        <v>8.2274720000000006</v>
      </c>
      <c r="AF4003">
        <v>-0.34691865931114335</v>
      </c>
    </row>
    <row r="4004" spans="6:32" x14ac:dyDescent="0.25">
      <c r="F4004">
        <v>127.55</v>
      </c>
      <c r="G4004">
        <v>8.2273709999999998</v>
      </c>
      <c r="AB4004">
        <v>-100</v>
      </c>
      <c r="AC4004">
        <v>49.3</v>
      </c>
      <c r="AD4004">
        <v>127.6</v>
      </c>
      <c r="AE4004">
        <v>8.227506</v>
      </c>
      <c r="AF4004">
        <v>-0.34650684329213705</v>
      </c>
    </row>
    <row r="4005" spans="6:32" x14ac:dyDescent="0.25">
      <c r="F4005">
        <v>127.566667</v>
      </c>
      <c r="G4005">
        <v>8.2274379999999994</v>
      </c>
      <c r="AB4005">
        <v>-100</v>
      </c>
      <c r="AC4005">
        <v>49.31666700000001</v>
      </c>
      <c r="AD4005">
        <v>127.61666700000001</v>
      </c>
      <c r="AE4005">
        <v>8.2275390000000002</v>
      </c>
      <c r="AF4005">
        <v>-0.34610713950897498</v>
      </c>
    </row>
    <row r="4006" spans="6:32" x14ac:dyDescent="0.25">
      <c r="F4006">
        <v>127.583333</v>
      </c>
      <c r="G4006">
        <v>8.2274720000000006</v>
      </c>
      <c r="AB4006">
        <v>-100</v>
      </c>
      <c r="AC4006">
        <v>49.333332999999996</v>
      </c>
      <c r="AD4006">
        <v>127.63333299999999</v>
      </c>
      <c r="AE4006">
        <v>8.2276070000000008</v>
      </c>
      <c r="AF4006">
        <v>-0.34528350747094083</v>
      </c>
    </row>
    <row r="4007" spans="6:32" x14ac:dyDescent="0.25">
      <c r="F4007">
        <v>127.6</v>
      </c>
      <c r="G4007">
        <v>8.227506</v>
      </c>
      <c r="AB4007">
        <v>-100</v>
      </c>
      <c r="AC4007">
        <v>49.350000000000009</v>
      </c>
      <c r="AD4007">
        <v>127.65</v>
      </c>
      <c r="AE4007">
        <v>8.2276399999999992</v>
      </c>
      <c r="AF4007">
        <v>-0.34488380368780036</v>
      </c>
    </row>
    <row r="4008" spans="6:32" x14ac:dyDescent="0.25">
      <c r="F4008">
        <v>127.61666700000001</v>
      </c>
      <c r="G4008">
        <v>8.2275390000000002</v>
      </c>
      <c r="AB4008">
        <v>-100</v>
      </c>
      <c r="AC4008">
        <v>49.366667000000007</v>
      </c>
      <c r="AD4008">
        <v>127.666667</v>
      </c>
      <c r="AE4008">
        <v>8.2277079999999998</v>
      </c>
      <c r="AF4008">
        <v>-0.34406017164976616</v>
      </c>
    </row>
    <row r="4009" spans="6:32" x14ac:dyDescent="0.25">
      <c r="F4009">
        <v>127.63333299999999</v>
      </c>
      <c r="G4009">
        <v>8.2276070000000008</v>
      </c>
      <c r="AB4009">
        <v>-100</v>
      </c>
      <c r="AC4009">
        <v>49.383333000000007</v>
      </c>
      <c r="AD4009">
        <v>127.683333</v>
      </c>
      <c r="AE4009">
        <v>8.227741</v>
      </c>
      <c r="AF4009">
        <v>-0.34366046786660409</v>
      </c>
    </row>
    <row r="4010" spans="6:32" x14ac:dyDescent="0.25">
      <c r="F4010">
        <v>127.65</v>
      </c>
      <c r="G4010">
        <v>8.2276399999999992</v>
      </c>
      <c r="AB4010">
        <v>-100</v>
      </c>
      <c r="AC4010">
        <v>49.400000000000006</v>
      </c>
      <c r="AD4010">
        <v>127.7</v>
      </c>
      <c r="AE4010">
        <v>8.2278079999999996</v>
      </c>
      <c r="AF4010">
        <v>-0.34284894806443578</v>
      </c>
    </row>
    <row r="4011" spans="6:32" x14ac:dyDescent="0.25">
      <c r="F4011">
        <v>127.666667</v>
      </c>
      <c r="G4011">
        <v>8.2277079999999998</v>
      </c>
      <c r="AB4011">
        <v>-100</v>
      </c>
      <c r="AC4011">
        <v>49.416667000000004</v>
      </c>
      <c r="AD4011">
        <v>127.716667</v>
      </c>
      <c r="AE4011">
        <v>8.2278420000000008</v>
      </c>
      <c r="AF4011">
        <v>-0.34243713204540788</v>
      </c>
    </row>
    <row r="4012" spans="6:32" x14ac:dyDescent="0.25">
      <c r="F4012">
        <v>127.683333</v>
      </c>
      <c r="G4012">
        <v>8.227741</v>
      </c>
      <c r="AB4012">
        <v>-100</v>
      </c>
      <c r="AC4012">
        <v>49.433333000000005</v>
      </c>
      <c r="AD4012">
        <v>127.733333</v>
      </c>
      <c r="AE4012">
        <v>8.2279090000000004</v>
      </c>
      <c r="AF4012">
        <v>-0.34162561224323951</v>
      </c>
    </row>
    <row r="4013" spans="6:32" x14ac:dyDescent="0.25">
      <c r="F4013">
        <v>127.7</v>
      </c>
      <c r="G4013">
        <v>8.2278079999999996</v>
      </c>
      <c r="AB4013">
        <v>-100</v>
      </c>
      <c r="AC4013">
        <v>49.45</v>
      </c>
      <c r="AD4013">
        <v>127.75</v>
      </c>
      <c r="AE4013">
        <v>8.2279429999999998</v>
      </c>
      <c r="AF4013">
        <v>-0.3412137962242332</v>
      </c>
    </row>
    <row r="4014" spans="6:32" x14ac:dyDescent="0.25">
      <c r="F4014">
        <v>127.716667</v>
      </c>
      <c r="G4014">
        <v>8.2278420000000008</v>
      </c>
      <c r="AB4014">
        <v>-100</v>
      </c>
      <c r="AC4014">
        <v>49.466667000000001</v>
      </c>
      <c r="AD4014">
        <v>127.766667</v>
      </c>
      <c r="AE4014">
        <v>8.2280099999999994</v>
      </c>
      <c r="AF4014">
        <v>-0.34040227642206489</v>
      </c>
    </row>
    <row r="4015" spans="6:32" x14ac:dyDescent="0.25">
      <c r="F4015">
        <v>127.733333</v>
      </c>
      <c r="G4015">
        <v>8.2279090000000004</v>
      </c>
      <c r="AB4015">
        <v>-100</v>
      </c>
      <c r="AC4015">
        <v>49.483333000000002</v>
      </c>
      <c r="AD4015">
        <v>127.783333</v>
      </c>
      <c r="AE4015">
        <v>8.2280440000000006</v>
      </c>
      <c r="AF4015">
        <v>-0.33999046040303699</v>
      </c>
    </row>
    <row r="4016" spans="6:32" x14ac:dyDescent="0.25">
      <c r="F4016">
        <v>127.75</v>
      </c>
      <c r="G4016">
        <v>8.2279429999999998</v>
      </c>
      <c r="AB4016">
        <v>-100</v>
      </c>
      <c r="AC4016">
        <v>49.5</v>
      </c>
      <c r="AD4016">
        <v>127.8</v>
      </c>
      <c r="AE4016">
        <v>8.2281110000000002</v>
      </c>
      <c r="AF4016">
        <v>-0.33917894060086862</v>
      </c>
    </row>
    <row r="4017" spans="6:32" x14ac:dyDescent="0.25">
      <c r="F4017">
        <v>127.766667</v>
      </c>
      <c r="G4017">
        <v>8.2280099999999994</v>
      </c>
      <c r="AB4017">
        <v>-100</v>
      </c>
      <c r="AC4017">
        <v>49.516666999999998</v>
      </c>
      <c r="AD4017">
        <v>127.816667</v>
      </c>
      <c r="AE4017">
        <v>8.2281449999999996</v>
      </c>
      <c r="AF4017">
        <v>-0.33876712458186231</v>
      </c>
    </row>
    <row r="4018" spans="6:32" x14ac:dyDescent="0.25">
      <c r="F4018">
        <v>127.783333</v>
      </c>
      <c r="G4018">
        <v>8.2280440000000006</v>
      </c>
      <c r="AB4018">
        <v>-100</v>
      </c>
      <c r="AC4018">
        <v>49.533332999999999</v>
      </c>
      <c r="AD4018">
        <v>127.833333</v>
      </c>
      <c r="AE4018">
        <v>8.2282119999999992</v>
      </c>
      <c r="AF4018">
        <v>-0.33795560477969394</v>
      </c>
    </row>
    <row r="4019" spans="6:32" x14ac:dyDescent="0.25">
      <c r="F4019">
        <v>127.8</v>
      </c>
      <c r="G4019">
        <v>8.2281110000000002</v>
      </c>
      <c r="AB4019">
        <v>-100</v>
      </c>
      <c r="AC4019">
        <v>49.55</v>
      </c>
      <c r="AD4019">
        <v>127.85</v>
      </c>
      <c r="AE4019">
        <v>8.2282460000000004</v>
      </c>
      <c r="AF4019">
        <v>-0.3375437887606661</v>
      </c>
    </row>
    <row r="4020" spans="6:32" x14ac:dyDescent="0.25">
      <c r="F4020">
        <v>127.816667</v>
      </c>
      <c r="G4020">
        <v>8.2281449999999996</v>
      </c>
      <c r="AB4020">
        <v>-100</v>
      </c>
      <c r="AC4020">
        <v>49.56666700000001</v>
      </c>
      <c r="AD4020">
        <v>127.86666700000001</v>
      </c>
      <c r="AE4020">
        <v>8.228313</v>
      </c>
      <c r="AF4020">
        <v>-0.33673226895849773</v>
      </c>
    </row>
    <row r="4021" spans="6:32" x14ac:dyDescent="0.25">
      <c r="F4021">
        <v>127.833333</v>
      </c>
      <c r="G4021">
        <v>8.2282119999999992</v>
      </c>
      <c r="AB4021">
        <v>-100</v>
      </c>
      <c r="AC4021">
        <v>49.583332999999996</v>
      </c>
      <c r="AD4021">
        <v>127.88333299999999</v>
      </c>
      <c r="AE4021">
        <v>8.2283469999999994</v>
      </c>
      <c r="AF4021">
        <v>-0.33632045293949142</v>
      </c>
    </row>
    <row r="4022" spans="6:32" x14ac:dyDescent="0.25">
      <c r="F4022">
        <v>127.85</v>
      </c>
      <c r="G4022">
        <v>8.2282460000000004</v>
      </c>
      <c r="AB4022">
        <v>-100</v>
      </c>
      <c r="AC4022">
        <v>49.600000000000009</v>
      </c>
      <c r="AD4022">
        <v>127.9</v>
      </c>
      <c r="AE4022">
        <v>8.2284140000000008</v>
      </c>
      <c r="AF4022">
        <v>-0.33550893313730151</v>
      </c>
    </row>
    <row r="4023" spans="6:32" x14ac:dyDescent="0.25">
      <c r="F4023">
        <v>127.86666700000001</v>
      </c>
      <c r="G4023">
        <v>8.228313</v>
      </c>
      <c r="AB4023">
        <v>-100</v>
      </c>
      <c r="AC4023">
        <v>49.616667000000007</v>
      </c>
      <c r="AD4023">
        <v>127.916667</v>
      </c>
      <c r="AE4023">
        <v>8.2284480000000002</v>
      </c>
      <c r="AF4023">
        <v>-0.33509711711829521</v>
      </c>
    </row>
    <row r="4024" spans="6:32" x14ac:dyDescent="0.25">
      <c r="F4024">
        <v>127.88333299999999</v>
      </c>
      <c r="G4024">
        <v>8.2283469999999994</v>
      </c>
      <c r="AB4024">
        <v>-100</v>
      </c>
      <c r="AC4024">
        <v>49.633333000000007</v>
      </c>
      <c r="AD4024">
        <v>127.933333</v>
      </c>
      <c r="AE4024">
        <v>8.2285149999999998</v>
      </c>
      <c r="AF4024">
        <v>-0.33428559731612684</v>
      </c>
    </row>
    <row r="4025" spans="6:32" x14ac:dyDescent="0.25">
      <c r="F4025">
        <v>127.9</v>
      </c>
      <c r="G4025">
        <v>8.2284140000000008</v>
      </c>
      <c r="AB4025">
        <v>-100</v>
      </c>
      <c r="AC4025">
        <v>49.650000000000006</v>
      </c>
      <c r="AD4025">
        <v>127.95</v>
      </c>
      <c r="AE4025">
        <v>8.2285489999999992</v>
      </c>
      <c r="AF4025">
        <v>-0.33387378129712053</v>
      </c>
    </row>
    <row r="4026" spans="6:32" x14ac:dyDescent="0.25">
      <c r="F4026">
        <v>127.916667</v>
      </c>
      <c r="G4026">
        <v>8.2284480000000002</v>
      </c>
      <c r="AB4026">
        <v>-100</v>
      </c>
      <c r="AC4026">
        <v>49.666667000000004</v>
      </c>
      <c r="AD4026">
        <v>127.966667</v>
      </c>
      <c r="AE4026">
        <v>8.2286160000000006</v>
      </c>
      <c r="AF4026">
        <v>-0.33306226149493062</v>
      </c>
    </row>
    <row r="4027" spans="6:32" x14ac:dyDescent="0.25">
      <c r="F4027">
        <v>127.933333</v>
      </c>
      <c r="G4027">
        <v>8.2285149999999998</v>
      </c>
      <c r="AB4027">
        <v>-100</v>
      </c>
      <c r="AC4027">
        <v>49.683333000000005</v>
      </c>
      <c r="AD4027">
        <v>127.983333</v>
      </c>
      <c r="AE4027">
        <v>8.2286839999999994</v>
      </c>
      <c r="AF4027">
        <v>-0.33223862945691801</v>
      </c>
    </row>
    <row r="4028" spans="6:32" x14ac:dyDescent="0.25">
      <c r="F4028">
        <v>127.95</v>
      </c>
      <c r="G4028">
        <v>8.2285489999999992</v>
      </c>
      <c r="AB4028">
        <v>-100</v>
      </c>
      <c r="AC4028">
        <v>49.7</v>
      </c>
      <c r="AD4028">
        <v>128</v>
      </c>
      <c r="AE4028">
        <v>8.2287169999999996</v>
      </c>
      <c r="AF4028">
        <v>-0.33183892567375595</v>
      </c>
    </row>
    <row r="4029" spans="6:32" x14ac:dyDescent="0.25">
      <c r="F4029">
        <v>127.966667</v>
      </c>
      <c r="G4029">
        <v>8.2286160000000006</v>
      </c>
      <c r="AB4029">
        <v>-100</v>
      </c>
      <c r="AC4029">
        <v>49.716667000000015</v>
      </c>
      <c r="AD4029">
        <v>128.01666700000001</v>
      </c>
      <c r="AE4029">
        <v>8.2287850000000002</v>
      </c>
      <c r="AF4029">
        <v>-0.3310152936357218</v>
      </c>
    </row>
    <row r="4030" spans="6:32" x14ac:dyDescent="0.25">
      <c r="F4030">
        <v>127.983333</v>
      </c>
      <c r="G4030">
        <v>8.2286839999999994</v>
      </c>
      <c r="AB4030">
        <v>-100</v>
      </c>
      <c r="AC4030">
        <v>49.733333000000002</v>
      </c>
      <c r="AD4030">
        <v>128.033333</v>
      </c>
      <c r="AE4030">
        <v>8.2288180000000004</v>
      </c>
      <c r="AF4030">
        <v>-0.33061558985255973</v>
      </c>
    </row>
    <row r="4031" spans="6:32" x14ac:dyDescent="0.25">
      <c r="F4031">
        <v>128</v>
      </c>
      <c r="G4031">
        <v>8.2287169999999996</v>
      </c>
      <c r="AB4031">
        <v>-100</v>
      </c>
      <c r="AC4031">
        <v>49.750000000000014</v>
      </c>
      <c r="AD4031">
        <v>128.05000000000001</v>
      </c>
      <c r="AE4031">
        <v>8.228885</v>
      </c>
      <c r="AF4031">
        <v>-0.32980407005039136</v>
      </c>
    </row>
    <row r="4032" spans="6:32" x14ac:dyDescent="0.25">
      <c r="F4032">
        <v>128.01666700000001</v>
      </c>
      <c r="G4032">
        <v>8.2287850000000002</v>
      </c>
      <c r="AB4032">
        <v>-100</v>
      </c>
      <c r="AC4032">
        <v>49.766666999999998</v>
      </c>
      <c r="AD4032">
        <v>128.066667</v>
      </c>
      <c r="AE4032">
        <v>8.2289530000000006</v>
      </c>
      <c r="AF4032">
        <v>-0.32898043801235721</v>
      </c>
    </row>
    <row r="4033" spans="6:32" x14ac:dyDescent="0.25">
      <c r="F4033">
        <v>128.033333</v>
      </c>
      <c r="G4033">
        <v>8.2288180000000004</v>
      </c>
      <c r="AB4033">
        <v>-100</v>
      </c>
      <c r="AC4033">
        <v>49.783333000000013</v>
      </c>
      <c r="AD4033">
        <v>128.08333300000001</v>
      </c>
      <c r="AE4033">
        <v>8.2289860000000008</v>
      </c>
      <c r="AF4033">
        <v>-0.32858073422919515</v>
      </c>
    </row>
    <row r="4034" spans="6:32" x14ac:dyDescent="0.25">
      <c r="F4034">
        <v>128.05000000000001</v>
      </c>
      <c r="G4034">
        <v>8.228885</v>
      </c>
      <c r="AB4034">
        <v>-100</v>
      </c>
      <c r="AC4034">
        <v>49.8</v>
      </c>
      <c r="AD4034">
        <v>128.1</v>
      </c>
      <c r="AE4034">
        <v>8.2290539999999996</v>
      </c>
      <c r="AF4034">
        <v>-0.32775710219118254</v>
      </c>
    </row>
    <row r="4035" spans="6:32" x14ac:dyDescent="0.25">
      <c r="F4035">
        <v>128.066667</v>
      </c>
      <c r="G4035">
        <v>8.2289530000000006</v>
      </c>
      <c r="AB4035">
        <v>-100</v>
      </c>
      <c r="AC4035">
        <v>49.81666700000001</v>
      </c>
      <c r="AD4035">
        <v>128.11666700000001</v>
      </c>
      <c r="AE4035">
        <v>8.2290869999999998</v>
      </c>
      <c r="AF4035">
        <v>-0.32735739840802047</v>
      </c>
    </row>
    <row r="4036" spans="6:32" x14ac:dyDescent="0.25">
      <c r="F4036">
        <v>128.08333300000001</v>
      </c>
      <c r="G4036">
        <v>8.2289860000000008</v>
      </c>
      <c r="AB4036">
        <v>-100</v>
      </c>
      <c r="AC4036">
        <v>49.833332999999996</v>
      </c>
      <c r="AD4036">
        <v>128.13333299999999</v>
      </c>
      <c r="AE4036">
        <v>8.2291550000000004</v>
      </c>
      <c r="AF4036">
        <v>-0.32653376636998632</v>
      </c>
    </row>
    <row r="4037" spans="6:32" x14ac:dyDescent="0.25">
      <c r="F4037">
        <v>128.1</v>
      </c>
      <c r="G4037">
        <v>8.2290539999999996</v>
      </c>
      <c r="AB4037">
        <v>-100</v>
      </c>
      <c r="AC4037">
        <v>49.850000000000009</v>
      </c>
      <c r="AD4037">
        <v>128.15</v>
      </c>
      <c r="AE4037">
        <v>8.229222</v>
      </c>
      <c r="AF4037">
        <v>-0.32572224656781795</v>
      </c>
    </row>
    <row r="4038" spans="6:32" x14ac:dyDescent="0.25">
      <c r="F4038">
        <v>128.11666700000001</v>
      </c>
      <c r="G4038">
        <v>8.2290869999999998</v>
      </c>
      <c r="AB4038">
        <v>-100</v>
      </c>
      <c r="AC4038">
        <v>49.866666999999993</v>
      </c>
      <c r="AD4038">
        <v>128.16666699999999</v>
      </c>
      <c r="AE4038">
        <v>8.2292559999999995</v>
      </c>
      <c r="AF4038">
        <v>-0.32531043054881165</v>
      </c>
    </row>
    <row r="4039" spans="6:32" x14ac:dyDescent="0.25">
      <c r="F4039">
        <v>128.13333299999999</v>
      </c>
      <c r="G4039">
        <v>8.2291550000000004</v>
      </c>
      <c r="AB4039">
        <v>-100</v>
      </c>
      <c r="AC4039">
        <v>49.883333000000007</v>
      </c>
      <c r="AD4039">
        <v>128.183333</v>
      </c>
      <c r="AE4039">
        <v>8.2293230000000008</v>
      </c>
      <c r="AF4039">
        <v>-0.32449891074662174</v>
      </c>
    </row>
    <row r="4040" spans="6:32" x14ac:dyDescent="0.25">
      <c r="F4040">
        <v>128.15</v>
      </c>
      <c r="G4040">
        <v>8.229222</v>
      </c>
      <c r="AB4040">
        <v>-100</v>
      </c>
      <c r="AC4040">
        <v>49.899999999999991</v>
      </c>
      <c r="AD4040">
        <v>128.19999999999999</v>
      </c>
      <c r="AE4040">
        <v>8.2293570000000003</v>
      </c>
      <c r="AF4040">
        <v>-0.32408709472761543</v>
      </c>
    </row>
    <row r="4041" spans="6:32" x14ac:dyDescent="0.25">
      <c r="F4041">
        <v>128.16666699999999</v>
      </c>
      <c r="G4041">
        <v>8.2292559999999995</v>
      </c>
      <c r="AB4041">
        <v>-100</v>
      </c>
      <c r="AC4041">
        <v>49.916667000000004</v>
      </c>
      <c r="AD4041">
        <v>128.216667</v>
      </c>
      <c r="AE4041">
        <v>8.2294239999999999</v>
      </c>
      <c r="AF4041">
        <v>-0.32327557492544706</v>
      </c>
    </row>
    <row r="4042" spans="6:32" x14ac:dyDescent="0.25">
      <c r="F4042">
        <v>128.183333</v>
      </c>
      <c r="G4042">
        <v>8.2293230000000008</v>
      </c>
      <c r="AB4042">
        <v>-100</v>
      </c>
      <c r="AC4042">
        <v>49.93333299999999</v>
      </c>
      <c r="AD4042">
        <v>128.23333299999999</v>
      </c>
      <c r="AE4042">
        <v>8.2294909999999994</v>
      </c>
      <c r="AF4042">
        <v>-0.32246405512327869</v>
      </c>
    </row>
    <row r="4043" spans="6:32" x14ac:dyDescent="0.25">
      <c r="F4043">
        <v>128.19999999999999</v>
      </c>
      <c r="G4043">
        <v>8.2293570000000003</v>
      </c>
      <c r="AB4043">
        <v>-100</v>
      </c>
      <c r="AC4043">
        <v>49.95</v>
      </c>
      <c r="AD4043">
        <v>128.25</v>
      </c>
      <c r="AE4043">
        <v>8.2295250000000006</v>
      </c>
      <c r="AF4043">
        <v>-0.32205223910425085</v>
      </c>
    </row>
    <row r="4044" spans="6:32" x14ac:dyDescent="0.25">
      <c r="F4044">
        <v>128.216667</v>
      </c>
      <c r="G4044">
        <v>8.2294239999999999</v>
      </c>
      <c r="AB4044">
        <v>-100</v>
      </c>
      <c r="AC4044">
        <v>49.966667000000015</v>
      </c>
      <c r="AD4044">
        <v>128.26666700000001</v>
      </c>
      <c r="AE4044">
        <v>8.2295920000000002</v>
      </c>
      <c r="AF4044">
        <v>-0.32124071930208248</v>
      </c>
    </row>
    <row r="4045" spans="6:32" x14ac:dyDescent="0.25">
      <c r="F4045">
        <v>128.23333299999999</v>
      </c>
      <c r="G4045">
        <v>8.2294909999999994</v>
      </c>
      <c r="AB4045">
        <v>-100</v>
      </c>
      <c r="AC4045">
        <v>49.983333000000002</v>
      </c>
      <c r="AD4045">
        <v>128.283333</v>
      </c>
      <c r="AE4045">
        <v>8.2296600000000009</v>
      </c>
      <c r="AF4045">
        <v>-0.32041708726404833</v>
      </c>
    </row>
    <row r="4046" spans="6:32" x14ac:dyDescent="0.25">
      <c r="F4046">
        <v>128.25</v>
      </c>
      <c r="G4046">
        <v>8.2295250000000006</v>
      </c>
      <c r="AB4046">
        <v>-100</v>
      </c>
      <c r="AC4046">
        <v>50.000000000000014</v>
      </c>
      <c r="AD4046">
        <v>128.30000000000001</v>
      </c>
      <c r="AE4046">
        <v>8.2296929999999993</v>
      </c>
      <c r="AF4046">
        <v>-0.3200173834809078</v>
      </c>
    </row>
    <row r="4047" spans="6:32" x14ac:dyDescent="0.25">
      <c r="F4047">
        <v>128.26666700000001</v>
      </c>
      <c r="G4047">
        <v>8.2295920000000002</v>
      </c>
      <c r="AB4047">
        <v>-100</v>
      </c>
      <c r="AC4047">
        <v>50.016666999999998</v>
      </c>
      <c r="AD4047">
        <v>128.316667</v>
      </c>
      <c r="AE4047">
        <v>8.2297609999999999</v>
      </c>
      <c r="AF4047">
        <v>-0.31919375144287365</v>
      </c>
    </row>
    <row r="4048" spans="6:32" x14ac:dyDescent="0.25">
      <c r="F4048">
        <v>128.283333</v>
      </c>
      <c r="G4048">
        <v>8.2296600000000009</v>
      </c>
      <c r="AB4048">
        <v>-100</v>
      </c>
      <c r="AC4048">
        <v>50.033333000000013</v>
      </c>
      <c r="AD4048">
        <v>128.33333300000001</v>
      </c>
      <c r="AE4048">
        <v>8.2298279999999995</v>
      </c>
      <c r="AF4048">
        <v>-0.31838223164070528</v>
      </c>
    </row>
    <row r="4049" spans="6:32" x14ac:dyDescent="0.25">
      <c r="F4049">
        <v>128.30000000000001</v>
      </c>
      <c r="G4049">
        <v>8.2296929999999993</v>
      </c>
      <c r="AB4049">
        <v>-100</v>
      </c>
      <c r="AC4049">
        <v>50.05</v>
      </c>
      <c r="AD4049">
        <v>128.35</v>
      </c>
      <c r="AE4049">
        <v>8.2298620000000007</v>
      </c>
      <c r="AF4049">
        <v>-0.31797041562167738</v>
      </c>
    </row>
    <row r="4050" spans="6:32" x14ac:dyDescent="0.25">
      <c r="F4050">
        <v>128.316667</v>
      </c>
      <c r="G4050">
        <v>8.2297609999999999</v>
      </c>
      <c r="AB4050">
        <v>-100</v>
      </c>
      <c r="AC4050">
        <v>50.06666700000001</v>
      </c>
      <c r="AD4050">
        <v>128.36666700000001</v>
      </c>
      <c r="AE4050">
        <v>8.2299290000000003</v>
      </c>
      <c r="AF4050">
        <v>-0.31715889581950907</v>
      </c>
    </row>
    <row r="4051" spans="6:32" x14ac:dyDescent="0.25">
      <c r="F4051">
        <v>128.33333300000001</v>
      </c>
      <c r="G4051">
        <v>8.2298279999999995</v>
      </c>
      <c r="AB4051">
        <v>-100</v>
      </c>
      <c r="AC4051">
        <v>50.083332999999996</v>
      </c>
      <c r="AD4051">
        <v>128.38333299999999</v>
      </c>
      <c r="AE4051">
        <v>8.2299959999999999</v>
      </c>
      <c r="AF4051">
        <v>-0.3163473760173407</v>
      </c>
    </row>
    <row r="4052" spans="6:32" x14ac:dyDescent="0.25">
      <c r="F4052">
        <v>128.35</v>
      </c>
      <c r="G4052">
        <v>8.2298620000000007</v>
      </c>
      <c r="AB4052">
        <v>-100</v>
      </c>
      <c r="AC4052">
        <v>50.100000000000009</v>
      </c>
      <c r="AD4052">
        <v>128.4</v>
      </c>
      <c r="AE4052">
        <v>8.2300299999999993</v>
      </c>
      <c r="AF4052">
        <v>-0.31593555999833439</v>
      </c>
    </row>
    <row r="4053" spans="6:32" x14ac:dyDescent="0.25">
      <c r="F4053">
        <v>128.36666700000001</v>
      </c>
      <c r="G4053">
        <v>8.2299290000000003</v>
      </c>
      <c r="AB4053">
        <v>-100</v>
      </c>
      <c r="AC4053">
        <v>50.116666999999993</v>
      </c>
      <c r="AD4053">
        <v>128.41666699999999</v>
      </c>
      <c r="AE4053">
        <v>8.2300970000000007</v>
      </c>
      <c r="AF4053">
        <v>-0.31512404019614448</v>
      </c>
    </row>
    <row r="4054" spans="6:32" x14ac:dyDescent="0.25">
      <c r="F4054">
        <v>128.38333299999999</v>
      </c>
      <c r="G4054">
        <v>8.2299959999999999</v>
      </c>
      <c r="AB4054">
        <v>-100</v>
      </c>
      <c r="AC4054">
        <v>50.133333000000007</v>
      </c>
      <c r="AD4054">
        <v>128.433333</v>
      </c>
      <c r="AE4054">
        <v>8.2301640000000003</v>
      </c>
      <c r="AF4054">
        <v>-0.31431252039397611</v>
      </c>
    </row>
    <row r="4055" spans="6:32" x14ac:dyDescent="0.25">
      <c r="F4055">
        <v>128.4</v>
      </c>
      <c r="G4055">
        <v>8.2300299999999993</v>
      </c>
      <c r="AB4055">
        <v>-100</v>
      </c>
      <c r="AC4055">
        <v>50.149999999999991</v>
      </c>
      <c r="AD4055">
        <v>128.44999999999999</v>
      </c>
      <c r="AE4055">
        <v>8.2302320000000009</v>
      </c>
      <c r="AF4055">
        <v>-0.31348888835594196</v>
      </c>
    </row>
    <row r="4056" spans="6:32" x14ac:dyDescent="0.25">
      <c r="F4056">
        <v>128.41666699999999</v>
      </c>
      <c r="G4056">
        <v>8.2300970000000007</v>
      </c>
      <c r="AB4056">
        <v>-100</v>
      </c>
      <c r="AC4056">
        <v>50.166667000000004</v>
      </c>
      <c r="AD4056">
        <v>128.466667</v>
      </c>
      <c r="AE4056">
        <v>8.2302649999999993</v>
      </c>
      <c r="AF4056">
        <v>-0.31308918457280144</v>
      </c>
    </row>
    <row r="4057" spans="6:32" x14ac:dyDescent="0.25">
      <c r="F4057">
        <v>128.433333</v>
      </c>
      <c r="G4057">
        <v>8.2301640000000003</v>
      </c>
      <c r="AB4057">
        <v>-100</v>
      </c>
      <c r="AC4057">
        <v>50.18333299999999</v>
      </c>
      <c r="AD4057">
        <v>128.48333299999999</v>
      </c>
      <c r="AE4057">
        <v>8.2303329999999999</v>
      </c>
      <c r="AF4057">
        <v>-0.31226555253476729</v>
      </c>
    </row>
    <row r="4058" spans="6:32" x14ac:dyDescent="0.25">
      <c r="F4058">
        <v>128.44999999999999</v>
      </c>
      <c r="G4058">
        <v>8.2302320000000009</v>
      </c>
      <c r="AB4058">
        <v>-100</v>
      </c>
      <c r="AC4058">
        <v>50.2</v>
      </c>
      <c r="AD4058">
        <v>128.5</v>
      </c>
      <c r="AE4058">
        <v>8.2303999999999995</v>
      </c>
      <c r="AF4058">
        <v>-0.31145403273259892</v>
      </c>
    </row>
    <row r="4059" spans="6:32" x14ac:dyDescent="0.25">
      <c r="F4059">
        <v>128.466667</v>
      </c>
      <c r="G4059">
        <v>8.2302649999999993</v>
      </c>
      <c r="AB4059">
        <v>-100</v>
      </c>
      <c r="AC4059">
        <v>50.216667000000015</v>
      </c>
      <c r="AD4059">
        <v>128.51666700000001</v>
      </c>
      <c r="AE4059">
        <v>8.2304670000000009</v>
      </c>
      <c r="AF4059">
        <v>-0.31064251293040901</v>
      </c>
    </row>
    <row r="4060" spans="6:32" x14ac:dyDescent="0.25">
      <c r="F4060">
        <v>128.48333299999999</v>
      </c>
      <c r="G4060">
        <v>8.2303329999999999</v>
      </c>
      <c r="AB4060">
        <v>-100</v>
      </c>
      <c r="AC4060">
        <v>50.233333000000002</v>
      </c>
      <c r="AD4060">
        <v>128.533333</v>
      </c>
      <c r="AE4060">
        <v>8.2305010000000003</v>
      </c>
      <c r="AF4060">
        <v>-0.3102306969114027</v>
      </c>
    </row>
    <row r="4061" spans="6:32" x14ac:dyDescent="0.25">
      <c r="F4061">
        <v>128.5</v>
      </c>
      <c r="G4061">
        <v>8.2303999999999995</v>
      </c>
      <c r="AB4061">
        <v>-100</v>
      </c>
      <c r="AC4061">
        <v>50.250000000000014</v>
      </c>
      <c r="AD4061">
        <v>128.55000000000001</v>
      </c>
      <c r="AE4061">
        <v>8.2305679999999999</v>
      </c>
      <c r="AF4061">
        <v>-0.30941917710923433</v>
      </c>
    </row>
    <row r="4062" spans="6:32" x14ac:dyDescent="0.25">
      <c r="F4062">
        <v>128.51666700000001</v>
      </c>
      <c r="G4062">
        <v>8.2304670000000009</v>
      </c>
      <c r="AB4062">
        <v>-100</v>
      </c>
      <c r="AC4062">
        <v>50.266666999999998</v>
      </c>
      <c r="AD4062">
        <v>128.566667</v>
      </c>
      <c r="AE4062">
        <v>8.2306019999999993</v>
      </c>
      <c r="AF4062">
        <v>-0.30900736109022803</v>
      </c>
    </row>
    <row r="4063" spans="6:32" x14ac:dyDescent="0.25">
      <c r="F4063">
        <v>128.533333</v>
      </c>
      <c r="G4063">
        <v>8.2305010000000003</v>
      </c>
      <c r="AB4063">
        <v>-100</v>
      </c>
      <c r="AC4063">
        <v>50.283333000000013</v>
      </c>
      <c r="AD4063">
        <v>128.58333300000001</v>
      </c>
      <c r="AE4063">
        <v>8.2306690000000007</v>
      </c>
      <c r="AF4063">
        <v>-0.30819584128803812</v>
      </c>
    </row>
    <row r="4064" spans="6:32" x14ac:dyDescent="0.25">
      <c r="F4064">
        <v>128.55000000000001</v>
      </c>
      <c r="G4064">
        <v>8.2305679999999999</v>
      </c>
      <c r="AB4064">
        <v>-100</v>
      </c>
      <c r="AC4064">
        <v>50.3</v>
      </c>
      <c r="AD4064">
        <v>128.6</v>
      </c>
      <c r="AE4064">
        <v>8.2307369999999995</v>
      </c>
      <c r="AF4064">
        <v>-0.30737220925002551</v>
      </c>
    </row>
    <row r="4065" spans="6:32" x14ac:dyDescent="0.25">
      <c r="F4065">
        <v>128.566667</v>
      </c>
      <c r="G4065">
        <v>8.2306019999999993</v>
      </c>
      <c r="AB4065">
        <v>-100</v>
      </c>
      <c r="AC4065">
        <v>50.31666700000001</v>
      </c>
      <c r="AD4065">
        <v>128.61666700000001</v>
      </c>
      <c r="AE4065">
        <v>8.2307699999999997</v>
      </c>
      <c r="AF4065">
        <v>-0.30697250546686344</v>
      </c>
    </row>
    <row r="4066" spans="6:32" x14ac:dyDescent="0.25">
      <c r="F4066">
        <v>128.58333300000001</v>
      </c>
      <c r="G4066">
        <v>8.2306690000000007</v>
      </c>
      <c r="AB4066">
        <v>-100</v>
      </c>
      <c r="AC4066">
        <v>50.333332999999996</v>
      </c>
      <c r="AD4066">
        <v>128.63333299999999</v>
      </c>
      <c r="AE4066">
        <v>8.2308380000000003</v>
      </c>
      <c r="AF4066">
        <v>-0.30614887342882929</v>
      </c>
    </row>
    <row r="4067" spans="6:32" x14ac:dyDescent="0.25">
      <c r="F4067">
        <v>128.6</v>
      </c>
      <c r="G4067">
        <v>8.2307369999999995</v>
      </c>
      <c r="AB4067">
        <v>-100</v>
      </c>
      <c r="AC4067">
        <v>50.350000000000009</v>
      </c>
      <c r="AD4067">
        <v>128.65</v>
      </c>
      <c r="AE4067">
        <v>8.2309049999999999</v>
      </c>
      <c r="AF4067">
        <v>-0.30533735362666092</v>
      </c>
    </row>
    <row r="4068" spans="6:32" x14ac:dyDescent="0.25">
      <c r="F4068">
        <v>128.61666700000001</v>
      </c>
      <c r="G4068">
        <v>8.2307699999999997</v>
      </c>
      <c r="AB4068">
        <v>-100</v>
      </c>
      <c r="AC4068">
        <v>50.366666999999993</v>
      </c>
      <c r="AD4068">
        <v>128.66666699999999</v>
      </c>
      <c r="AE4068">
        <v>8.2309719999999995</v>
      </c>
      <c r="AF4068">
        <v>-0.30452583382449255</v>
      </c>
    </row>
    <row r="4069" spans="6:32" x14ac:dyDescent="0.25">
      <c r="F4069">
        <v>128.63333299999999</v>
      </c>
      <c r="G4069">
        <v>8.2308380000000003</v>
      </c>
      <c r="AB4069">
        <v>-100</v>
      </c>
      <c r="AC4069">
        <v>50.383333000000007</v>
      </c>
      <c r="AD4069">
        <v>128.683333</v>
      </c>
      <c r="AE4069">
        <v>8.2310060000000007</v>
      </c>
      <c r="AF4069">
        <v>-0.30411401780546471</v>
      </c>
    </row>
    <row r="4070" spans="6:32" x14ac:dyDescent="0.25">
      <c r="F4070">
        <v>128.65</v>
      </c>
      <c r="G4070">
        <v>8.2309049999999999</v>
      </c>
      <c r="AB4070">
        <v>-100</v>
      </c>
      <c r="AC4070">
        <v>50.399999999999991</v>
      </c>
      <c r="AD4070">
        <v>128.69999999999999</v>
      </c>
      <c r="AE4070">
        <v>8.2310730000000003</v>
      </c>
      <c r="AF4070">
        <v>-0.30330249800329634</v>
      </c>
    </row>
    <row r="4071" spans="6:32" x14ac:dyDescent="0.25">
      <c r="F4071">
        <v>128.66666699999999</v>
      </c>
      <c r="G4071">
        <v>8.2309719999999995</v>
      </c>
      <c r="AB4071">
        <v>-100</v>
      </c>
      <c r="AC4071">
        <v>50.416667000000004</v>
      </c>
      <c r="AD4071">
        <v>128.716667</v>
      </c>
      <c r="AE4071">
        <v>8.2311069999999997</v>
      </c>
      <c r="AF4071">
        <v>-0.30289068198429003</v>
      </c>
    </row>
    <row r="4072" spans="6:32" x14ac:dyDescent="0.25">
      <c r="F4072">
        <v>128.683333</v>
      </c>
      <c r="G4072">
        <v>8.2310060000000007</v>
      </c>
      <c r="AB4072">
        <v>-100</v>
      </c>
      <c r="AC4072">
        <v>50.43333299999999</v>
      </c>
      <c r="AD4072">
        <v>128.73333299999999</v>
      </c>
      <c r="AE4072">
        <v>8.2311739999999993</v>
      </c>
      <c r="AF4072">
        <v>-0.30207916218212161</v>
      </c>
    </row>
    <row r="4073" spans="6:32" x14ac:dyDescent="0.25">
      <c r="F4073">
        <v>128.69999999999999</v>
      </c>
      <c r="G4073">
        <v>8.2310730000000003</v>
      </c>
      <c r="AB4073">
        <v>-100</v>
      </c>
      <c r="AC4073">
        <v>50.45</v>
      </c>
      <c r="AD4073">
        <v>128.75</v>
      </c>
      <c r="AE4073">
        <v>8.2312410000000007</v>
      </c>
      <c r="AF4073">
        <v>-0.30126764237993175</v>
      </c>
    </row>
    <row r="4074" spans="6:32" x14ac:dyDescent="0.25">
      <c r="F4074">
        <v>128.716667</v>
      </c>
      <c r="G4074">
        <v>8.2311069999999997</v>
      </c>
      <c r="AB4074">
        <v>-100</v>
      </c>
      <c r="AC4074">
        <v>50.466667000000015</v>
      </c>
      <c r="AD4074">
        <v>128.76666700000001</v>
      </c>
      <c r="AE4074">
        <v>8.2312750000000001</v>
      </c>
      <c r="AF4074">
        <v>-0.30085582636092545</v>
      </c>
    </row>
    <row r="4075" spans="6:32" x14ac:dyDescent="0.25">
      <c r="F4075">
        <v>128.73333299999999</v>
      </c>
      <c r="G4075">
        <v>8.2311739999999993</v>
      </c>
      <c r="AB4075">
        <v>-100</v>
      </c>
      <c r="AC4075">
        <v>50.483333000000002</v>
      </c>
      <c r="AD4075">
        <v>128.783333</v>
      </c>
      <c r="AE4075">
        <v>8.2313419999999997</v>
      </c>
      <c r="AF4075">
        <v>-0.30004430655875708</v>
      </c>
    </row>
    <row r="4076" spans="6:32" x14ac:dyDescent="0.25">
      <c r="F4076">
        <v>128.75</v>
      </c>
      <c r="G4076">
        <v>8.2312410000000007</v>
      </c>
      <c r="AB4076">
        <v>-100</v>
      </c>
      <c r="AC4076">
        <v>50.500000000000014</v>
      </c>
      <c r="AD4076">
        <v>128.80000000000001</v>
      </c>
      <c r="AE4076">
        <v>8.2314100000000003</v>
      </c>
      <c r="AF4076">
        <v>-0.29922067452072293</v>
      </c>
    </row>
    <row r="4077" spans="6:32" x14ac:dyDescent="0.25">
      <c r="F4077">
        <v>128.76666700000001</v>
      </c>
      <c r="G4077">
        <v>8.2312750000000001</v>
      </c>
      <c r="AB4077">
        <v>-100</v>
      </c>
      <c r="AC4077">
        <v>50.516666999999998</v>
      </c>
      <c r="AD4077">
        <v>128.816667</v>
      </c>
      <c r="AE4077">
        <v>8.2314430000000005</v>
      </c>
      <c r="AF4077">
        <v>-0.29882097073756086</v>
      </c>
    </row>
    <row r="4078" spans="6:32" x14ac:dyDescent="0.25">
      <c r="F4078">
        <v>128.783333</v>
      </c>
      <c r="G4078">
        <v>8.2313419999999997</v>
      </c>
      <c r="AB4078">
        <v>-100</v>
      </c>
      <c r="AC4078">
        <v>50.533333000000013</v>
      </c>
      <c r="AD4078">
        <v>128.83333300000001</v>
      </c>
      <c r="AE4078">
        <v>8.2315109999999994</v>
      </c>
      <c r="AF4078">
        <v>-0.2979973386995482</v>
      </c>
    </row>
    <row r="4079" spans="6:32" x14ac:dyDescent="0.25">
      <c r="F4079">
        <v>128.80000000000001</v>
      </c>
      <c r="G4079">
        <v>8.2314100000000003</v>
      </c>
      <c r="AB4079">
        <v>-100</v>
      </c>
      <c r="AC4079">
        <v>50.55</v>
      </c>
      <c r="AD4079">
        <v>128.85</v>
      </c>
      <c r="AE4079">
        <v>8.2315439999999995</v>
      </c>
      <c r="AF4079">
        <v>-0.29759763491638613</v>
      </c>
    </row>
    <row r="4080" spans="6:32" x14ac:dyDescent="0.25">
      <c r="F4080">
        <v>128.816667</v>
      </c>
      <c r="G4080">
        <v>8.2314430000000005</v>
      </c>
      <c r="AB4080">
        <v>-100</v>
      </c>
      <c r="AC4080">
        <v>50.56666700000001</v>
      </c>
      <c r="AD4080">
        <v>128.86666700000001</v>
      </c>
      <c r="AE4080">
        <v>8.2316120000000002</v>
      </c>
      <c r="AF4080">
        <v>-0.29677400287835204</v>
      </c>
    </row>
    <row r="4081" spans="6:32" x14ac:dyDescent="0.25">
      <c r="F4081">
        <v>128.83333300000001</v>
      </c>
      <c r="G4081">
        <v>8.2315109999999994</v>
      </c>
      <c r="AB4081">
        <v>-100</v>
      </c>
      <c r="AC4081">
        <v>50.583332999999996</v>
      </c>
      <c r="AD4081">
        <v>128.88333299999999</v>
      </c>
      <c r="AE4081">
        <v>8.2316450000000003</v>
      </c>
      <c r="AF4081">
        <v>-0.29637429909518997</v>
      </c>
    </row>
    <row r="4082" spans="6:32" x14ac:dyDescent="0.25">
      <c r="F4082">
        <v>128.85</v>
      </c>
      <c r="G4082">
        <v>8.2315439999999995</v>
      </c>
      <c r="AB4082">
        <v>-100</v>
      </c>
      <c r="AC4082">
        <v>50.600000000000009</v>
      </c>
      <c r="AD4082">
        <v>128.9</v>
      </c>
      <c r="AE4082">
        <v>8.2317129999999992</v>
      </c>
      <c r="AF4082">
        <v>-0.29555066705717731</v>
      </c>
    </row>
    <row r="4083" spans="6:32" x14ac:dyDescent="0.25">
      <c r="F4083">
        <v>128.86666700000001</v>
      </c>
      <c r="G4083">
        <v>8.2316120000000002</v>
      </c>
      <c r="AB4083">
        <v>-100</v>
      </c>
      <c r="AC4083">
        <v>50.616666999999993</v>
      </c>
      <c r="AD4083">
        <v>128.91666699999999</v>
      </c>
      <c r="AE4083">
        <v>8.2317800000000005</v>
      </c>
      <c r="AF4083">
        <v>-0.29473914725498745</v>
      </c>
    </row>
    <row r="4084" spans="6:32" x14ac:dyDescent="0.25">
      <c r="F4084">
        <v>128.88333299999999</v>
      </c>
      <c r="G4084">
        <v>8.2316450000000003</v>
      </c>
      <c r="AB4084">
        <v>-100</v>
      </c>
      <c r="AC4084">
        <v>50.633333000000007</v>
      </c>
      <c r="AD4084">
        <v>128.933333</v>
      </c>
      <c r="AE4084">
        <v>8.231814</v>
      </c>
      <c r="AF4084">
        <v>-0.29432733123598115</v>
      </c>
    </row>
    <row r="4085" spans="6:32" x14ac:dyDescent="0.25">
      <c r="F4085">
        <v>128.9</v>
      </c>
      <c r="G4085">
        <v>8.2317129999999992</v>
      </c>
      <c r="AB4085">
        <v>-100</v>
      </c>
      <c r="AC4085">
        <v>50.649999999999991</v>
      </c>
      <c r="AD4085">
        <v>128.94999999999999</v>
      </c>
      <c r="AE4085">
        <v>8.2318809999999996</v>
      </c>
      <c r="AF4085">
        <v>-0.29351581143381272</v>
      </c>
    </row>
    <row r="4086" spans="6:32" x14ac:dyDescent="0.25">
      <c r="F4086">
        <v>128.91666699999999</v>
      </c>
      <c r="G4086">
        <v>8.2317800000000005</v>
      </c>
      <c r="AB4086">
        <v>-100</v>
      </c>
      <c r="AC4086">
        <v>50.666667000000004</v>
      </c>
      <c r="AD4086">
        <v>128.966667</v>
      </c>
      <c r="AE4086">
        <v>8.2319150000000008</v>
      </c>
      <c r="AF4086">
        <v>-0.29310399541478493</v>
      </c>
    </row>
    <row r="4087" spans="6:32" x14ac:dyDescent="0.25">
      <c r="F4087">
        <v>128.933333</v>
      </c>
      <c r="G4087">
        <v>8.231814</v>
      </c>
      <c r="AB4087">
        <v>-100</v>
      </c>
      <c r="AC4087">
        <v>50.68333299999999</v>
      </c>
      <c r="AD4087">
        <v>128.98333299999999</v>
      </c>
      <c r="AE4087">
        <v>8.2319820000000004</v>
      </c>
      <c r="AF4087">
        <v>-0.29229247561261656</v>
      </c>
    </row>
    <row r="4088" spans="6:32" x14ac:dyDescent="0.25">
      <c r="F4088">
        <v>128.94999999999999</v>
      </c>
      <c r="G4088">
        <v>8.2318809999999996</v>
      </c>
      <c r="AB4088">
        <v>-100</v>
      </c>
      <c r="AC4088">
        <v>50.7</v>
      </c>
      <c r="AD4088">
        <v>129</v>
      </c>
      <c r="AE4088">
        <v>8.2320489999999999</v>
      </c>
      <c r="AF4088">
        <v>-0.29148095581044819</v>
      </c>
    </row>
    <row r="4089" spans="6:32" x14ac:dyDescent="0.25">
      <c r="F4089">
        <v>128.966667</v>
      </c>
      <c r="G4089">
        <v>8.2319150000000008</v>
      </c>
      <c r="AB4089">
        <v>-100</v>
      </c>
      <c r="AC4089">
        <v>50.716667000000015</v>
      </c>
      <c r="AD4089">
        <v>129.01666700000001</v>
      </c>
      <c r="AE4089">
        <v>8.2320829999999994</v>
      </c>
      <c r="AF4089">
        <v>-0.29106913979144183</v>
      </c>
    </row>
    <row r="4090" spans="6:32" x14ac:dyDescent="0.25">
      <c r="F4090">
        <v>128.98333299999999</v>
      </c>
      <c r="G4090">
        <v>8.2319820000000004</v>
      </c>
      <c r="AB4090">
        <v>-100</v>
      </c>
      <c r="AC4090">
        <v>50.733333000000002</v>
      </c>
      <c r="AD4090">
        <v>129.033333</v>
      </c>
      <c r="AE4090">
        <v>8.2321500000000007</v>
      </c>
      <c r="AF4090">
        <v>-0.29025761998925198</v>
      </c>
    </row>
    <row r="4091" spans="6:32" x14ac:dyDescent="0.25">
      <c r="F4091">
        <v>129</v>
      </c>
      <c r="G4091">
        <v>8.2320489999999999</v>
      </c>
      <c r="AB4091">
        <v>-100</v>
      </c>
      <c r="AC4091">
        <v>50.750000000000014</v>
      </c>
      <c r="AD4091">
        <v>129.05000000000001</v>
      </c>
      <c r="AE4091">
        <v>8.2322179999999996</v>
      </c>
      <c r="AF4091">
        <v>-0.28943398795123931</v>
      </c>
    </row>
    <row r="4092" spans="6:32" x14ac:dyDescent="0.25">
      <c r="F4092">
        <v>129.01666700000001</v>
      </c>
      <c r="G4092">
        <v>8.2320829999999994</v>
      </c>
      <c r="AB4092">
        <v>-100</v>
      </c>
      <c r="AC4092">
        <v>50.766666999999998</v>
      </c>
      <c r="AD4092">
        <v>129.066667</v>
      </c>
      <c r="AE4092">
        <v>8.2322849999999992</v>
      </c>
      <c r="AF4092">
        <v>-0.28862246814907094</v>
      </c>
    </row>
    <row r="4093" spans="6:32" x14ac:dyDescent="0.25">
      <c r="F4093">
        <v>129.033333</v>
      </c>
      <c r="G4093">
        <v>8.2321500000000007</v>
      </c>
      <c r="AB4093">
        <v>-100</v>
      </c>
      <c r="AC4093">
        <v>50.783333000000013</v>
      </c>
      <c r="AD4093">
        <v>129.08333300000001</v>
      </c>
      <c r="AE4093">
        <v>8.2323179999999994</v>
      </c>
      <c r="AF4093">
        <v>-0.28822276436590888</v>
      </c>
    </row>
    <row r="4094" spans="6:32" x14ac:dyDescent="0.25">
      <c r="F4094">
        <v>129.05000000000001</v>
      </c>
      <c r="G4094">
        <v>8.2322179999999996</v>
      </c>
      <c r="AB4094">
        <v>-100</v>
      </c>
      <c r="AC4094">
        <v>50.8</v>
      </c>
      <c r="AD4094">
        <v>129.1</v>
      </c>
      <c r="AE4094">
        <v>8.232386</v>
      </c>
      <c r="AF4094">
        <v>-0.28739913232787473</v>
      </c>
    </row>
    <row r="4095" spans="6:32" x14ac:dyDescent="0.25">
      <c r="F4095">
        <v>129.066667</v>
      </c>
      <c r="G4095">
        <v>8.2322849999999992</v>
      </c>
      <c r="AB4095">
        <v>-100</v>
      </c>
      <c r="AC4095">
        <v>50.81666700000001</v>
      </c>
      <c r="AD4095">
        <v>129.11666700000001</v>
      </c>
      <c r="AE4095">
        <v>8.2324529999999996</v>
      </c>
      <c r="AF4095">
        <v>-0.28658761252570636</v>
      </c>
    </row>
    <row r="4096" spans="6:32" x14ac:dyDescent="0.25">
      <c r="F4096">
        <v>129.08333300000001</v>
      </c>
      <c r="G4096">
        <v>8.2323179999999994</v>
      </c>
      <c r="AB4096">
        <v>-100</v>
      </c>
      <c r="AC4096">
        <v>50.833332999999996</v>
      </c>
      <c r="AD4096">
        <v>129.13333299999999</v>
      </c>
      <c r="AE4096">
        <v>8.2324870000000008</v>
      </c>
      <c r="AF4096">
        <v>-0.28617579650667857</v>
      </c>
    </row>
    <row r="4097" spans="6:32" x14ac:dyDescent="0.25">
      <c r="F4097">
        <v>129.1</v>
      </c>
      <c r="G4097">
        <v>8.232386</v>
      </c>
      <c r="AB4097">
        <v>-100</v>
      </c>
      <c r="AC4097">
        <v>50.850000000000009</v>
      </c>
      <c r="AD4097">
        <v>129.15</v>
      </c>
      <c r="AE4097">
        <v>8.2325540000000004</v>
      </c>
      <c r="AF4097">
        <v>-0.2853642767045102</v>
      </c>
    </row>
    <row r="4098" spans="6:32" x14ac:dyDescent="0.25">
      <c r="F4098">
        <v>129.11666700000001</v>
      </c>
      <c r="G4098">
        <v>8.2324529999999996</v>
      </c>
      <c r="AB4098">
        <v>-100</v>
      </c>
      <c r="AC4098">
        <v>50.866666999999993</v>
      </c>
      <c r="AD4098">
        <v>129.16666699999999</v>
      </c>
      <c r="AE4098">
        <v>8.232621</v>
      </c>
      <c r="AF4098">
        <v>-0.28455275690234177</v>
      </c>
    </row>
    <row r="4099" spans="6:32" x14ac:dyDescent="0.25">
      <c r="F4099">
        <v>129.13333299999999</v>
      </c>
      <c r="G4099">
        <v>8.2324870000000008</v>
      </c>
      <c r="AB4099">
        <v>-100</v>
      </c>
      <c r="AC4099">
        <v>50.883333000000007</v>
      </c>
      <c r="AD4099">
        <v>129.183333</v>
      </c>
      <c r="AE4099">
        <v>8.2326890000000006</v>
      </c>
      <c r="AF4099">
        <v>-0.28372912486430768</v>
      </c>
    </row>
    <row r="4100" spans="6:32" x14ac:dyDescent="0.25">
      <c r="F4100">
        <v>129.15</v>
      </c>
      <c r="G4100">
        <v>8.2325540000000004</v>
      </c>
      <c r="AB4100">
        <v>-100</v>
      </c>
      <c r="AC4100">
        <v>50.899999999999991</v>
      </c>
      <c r="AD4100">
        <v>129.19999999999999</v>
      </c>
      <c r="AE4100">
        <v>8.2327220000000008</v>
      </c>
      <c r="AF4100">
        <v>-0.28332942108114562</v>
      </c>
    </row>
    <row r="4101" spans="6:32" x14ac:dyDescent="0.25">
      <c r="F4101">
        <v>129.16666699999999</v>
      </c>
      <c r="G4101">
        <v>8.232621</v>
      </c>
      <c r="AB4101">
        <v>-100</v>
      </c>
      <c r="AC4101">
        <v>50.916667000000004</v>
      </c>
      <c r="AD4101">
        <v>129.216667</v>
      </c>
      <c r="AE4101">
        <v>8.2327899999999996</v>
      </c>
      <c r="AF4101">
        <v>-0.28250578904313295</v>
      </c>
    </row>
    <row r="4102" spans="6:32" x14ac:dyDescent="0.25">
      <c r="F4102">
        <v>129.183333</v>
      </c>
      <c r="G4102">
        <v>8.2326890000000006</v>
      </c>
      <c r="AB4102">
        <v>-100</v>
      </c>
      <c r="AC4102">
        <v>50.93333299999999</v>
      </c>
      <c r="AD4102">
        <v>129.23333299999999</v>
      </c>
      <c r="AE4102">
        <v>8.2328569999999992</v>
      </c>
      <c r="AF4102">
        <v>-0.28169426924096458</v>
      </c>
    </row>
    <row r="4103" spans="6:32" x14ac:dyDescent="0.25">
      <c r="F4103">
        <v>129.19999999999999</v>
      </c>
      <c r="G4103">
        <v>8.2327220000000008</v>
      </c>
      <c r="AB4103">
        <v>-100</v>
      </c>
      <c r="AC4103">
        <v>50.95</v>
      </c>
      <c r="AD4103">
        <v>129.25</v>
      </c>
      <c r="AE4103">
        <v>8.2328910000000004</v>
      </c>
      <c r="AF4103">
        <v>-0.28128245322193673</v>
      </c>
    </row>
    <row r="4104" spans="6:32" x14ac:dyDescent="0.25">
      <c r="F4104">
        <v>129.216667</v>
      </c>
      <c r="G4104">
        <v>8.2327899999999996</v>
      </c>
      <c r="AB4104">
        <v>-100</v>
      </c>
      <c r="AC4104">
        <v>50.966667000000015</v>
      </c>
      <c r="AD4104">
        <v>129.26666700000001</v>
      </c>
      <c r="AE4104">
        <v>8.232958</v>
      </c>
      <c r="AF4104">
        <v>-0.28047093341976836</v>
      </c>
    </row>
    <row r="4105" spans="6:32" x14ac:dyDescent="0.25">
      <c r="F4105">
        <v>129.23333299999999</v>
      </c>
      <c r="G4105">
        <v>8.2328569999999992</v>
      </c>
      <c r="AB4105">
        <v>-100</v>
      </c>
      <c r="AC4105">
        <v>50.983333000000002</v>
      </c>
      <c r="AD4105">
        <v>129.283333</v>
      </c>
      <c r="AE4105">
        <v>8.2330249999999996</v>
      </c>
      <c r="AF4105">
        <v>-0.27965941361759999</v>
      </c>
    </row>
    <row r="4106" spans="6:32" x14ac:dyDescent="0.25">
      <c r="F4106">
        <v>129.25</v>
      </c>
      <c r="G4106">
        <v>8.2328910000000004</v>
      </c>
      <c r="AB4106">
        <v>-100</v>
      </c>
      <c r="AC4106">
        <v>51.000000000000014</v>
      </c>
      <c r="AD4106">
        <v>129.30000000000001</v>
      </c>
      <c r="AE4106">
        <v>8.2330930000000002</v>
      </c>
      <c r="AF4106">
        <v>-0.27883578157956584</v>
      </c>
    </row>
    <row r="4107" spans="6:32" x14ac:dyDescent="0.25">
      <c r="F4107">
        <v>129.26666700000001</v>
      </c>
      <c r="G4107">
        <v>8.232958</v>
      </c>
      <c r="AB4107">
        <v>-100</v>
      </c>
      <c r="AC4107">
        <v>51.016666999999998</v>
      </c>
      <c r="AD4107">
        <v>129.316667</v>
      </c>
      <c r="AE4107">
        <v>8.2331599999999998</v>
      </c>
      <c r="AF4107">
        <v>-0.27802426177739747</v>
      </c>
    </row>
    <row r="4108" spans="6:32" x14ac:dyDescent="0.25">
      <c r="F4108">
        <v>129.283333</v>
      </c>
      <c r="G4108">
        <v>8.2330249999999996</v>
      </c>
      <c r="AB4108">
        <v>-100</v>
      </c>
      <c r="AC4108">
        <v>51.033333000000013</v>
      </c>
      <c r="AD4108">
        <v>129.33333300000001</v>
      </c>
      <c r="AE4108">
        <v>8.2332269999999994</v>
      </c>
      <c r="AF4108">
        <v>-0.2772127419752291</v>
      </c>
    </row>
    <row r="4109" spans="6:32" x14ac:dyDescent="0.25">
      <c r="F4109">
        <v>129.30000000000001</v>
      </c>
      <c r="G4109">
        <v>8.2330930000000002</v>
      </c>
      <c r="AB4109">
        <v>-100</v>
      </c>
      <c r="AC4109">
        <v>51.05</v>
      </c>
      <c r="AD4109">
        <v>129.35</v>
      </c>
      <c r="AE4109">
        <v>8.2332610000000006</v>
      </c>
      <c r="AF4109">
        <v>-0.27680092595620126</v>
      </c>
    </row>
    <row r="4110" spans="6:32" x14ac:dyDescent="0.25">
      <c r="F4110">
        <v>129.316667</v>
      </c>
      <c r="G4110">
        <v>8.2331599999999998</v>
      </c>
      <c r="AB4110">
        <v>-100</v>
      </c>
      <c r="AC4110">
        <v>51.06666700000001</v>
      </c>
      <c r="AD4110">
        <v>129.36666700000001</v>
      </c>
      <c r="AE4110">
        <v>8.2333280000000002</v>
      </c>
      <c r="AF4110">
        <v>-0.27598940615403289</v>
      </c>
    </row>
    <row r="4111" spans="6:32" x14ac:dyDescent="0.25">
      <c r="F4111">
        <v>129.33333300000001</v>
      </c>
      <c r="G4111">
        <v>8.2332269999999994</v>
      </c>
      <c r="AB4111">
        <v>-100</v>
      </c>
      <c r="AC4111">
        <v>51.083332999999996</v>
      </c>
      <c r="AD4111">
        <v>129.38333299999999</v>
      </c>
      <c r="AE4111">
        <v>8.2333949999999998</v>
      </c>
      <c r="AF4111">
        <v>-0.27517788635186452</v>
      </c>
    </row>
    <row r="4112" spans="6:32" x14ac:dyDescent="0.25">
      <c r="F4112">
        <v>129.35</v>
      </c>
      <c r="G4112">
        <v>8.2332610000000006</v>
      </c>
      <c r="AB4112">
        <v>-100</v>
      </c>
      <c r="AC4112">
        <v>51.100000000000009</v>
      </c>
      <c r="AD4112">
        <v>129.4</v>
      </c>
      <c r="AE4112">
        <v>8.2334630000000004</v>
      </c>
      <c r="AF4112">
        <v>-0.27435425431383037</v>
      </c>
    </row>
    <row r="4113" spans="6:32" x14ac:dyDescent="0.25">
      <c r="F4113">
        <v>129.36666700000001</v>
      </c>
      <c r="G4113">
        <v>8.2333280000000002</v>
      </c>
      <c r="AB4113">
        <v>-100</v>
      </c>
      <c r="AC4113">
        <v>51.116666999999993</v>
      </c>
      <c r="AD4113">
        <v>129.41666699999999</v>
      </c>
      <c r="AE4113">
        <v>8.23353</v>
      </c>
      <c r="AF4113">
        <v>-0.273542734511662</v>
      </c>
    </row>
    <row r="4114" spans="6:32" x14ac:dyDescent="0.25">
      <c r="F4114">
        <v>129.38333299999999</v>
      </c>
      <c r="G4114">
        <v>8.2333949999999998</v>
      </c>
      <c r="AB4114">
        <v>-100</v>
      </c>
      <c r="AC4114">
        <v>51.133333000000007</v>
      </c>
      <c r="AD4114">
        <v>129.433333</v>
      </c>
      <c r="AE4114">
        <v>8.2335969999999996</v>
      </c>
      <c r="AF4114">
        <v>-0.27273121470949363</v>
      </c>
    </row>
    <row r="4115" spans="6:32" x14ac:dyDescent="0.25">
      <c r="F4115">
        <v>129.4</v>
      </c>
      <c r="G4115">
        <v>8.2334630000000004</v>
      </c>
      <c r="AB4115">
        <v>-100</v>
      </c>
      <c r="AC4115">
        <v>51.149999999999991</v>
      </c>
      <c r="AD4115">
        <v>129.44999999999999</v>
      </c>
      <c r="AE4115">
        <v>8.2336310000000008</v>
      </c>
      <c r="AF4115">
        <v>-0.27231939869046579</v>
      </c>
    </row>
    <row r="4116" spans="6:32" x14ac:dyDescent="0.25">
      <c r="F4116">
        <v>129.41666699999999</v>
      </c>
      <c r="G4116">
        <v>8.23353</v>
      </c>
      <c r="AB4116">
        <v>-100</v>
      </c>
      <c r="AC4116">
        <v>51.166667000000004</v>
      </c>
      <c r="AD4116">
        <v>129.466667</v>
      </c>
      <c r="AE4116">
        <v>8.2336980000000004</v>
      </c>
      <c r="AF4116">
        <v>-0.27150787888829742</v>
      </c>
    </row>
    <row r="4117" spans="6:32" x14ac:dyDescent="0.25">
      <c r="F4117">
        <v>129.433333</v>
      </c>
      <c r="G4117">
        <v>8.2335969999999996</v>
      </c>
      <c r="AB4117">
        <v>-100</v>
      </c>
      <c r="AC4117">
        <v>51.18333299999999</v>
      </c>
      <c r="AD4117">
        <v>129.48333299999999</v>
      </c>
      <c r="AE4117">
        <v>8.2337659999999993</v>
      </c>
      <c r="AF4117">
        <v>-0.2706842468502848</v>
      </c>
    </row>
    <row r="4118" spans="6:32" x14ac:dyDescent="0.25">
      <c r="F4118">
        <v>129.44999999999999</v>
      </c>
      <c r="G4118">
        <v>8.2336310000000008</v>
      </c>
      <c r="AB4118">
        <v>-100</v>
      </c>
      <c r="AC4118">
        <v>51.2</v>
      </c>
      <c r="AD4118">
        <v>129.5</v>
      </c>
      <c r="AE4118">
        <v>8.2338330000000006</v>
      </c>
      <c r="AF4118">
        <v>-0.2698727270480949</v>
      </c>
    </row>
    <row r="4119" spans="6:32" x14ac:dyDescent="0.25">
      <c r="F4119">
        <v>129.466667</v>
      </c>
      <c r="G4119">
        <v>8.2336980000000004</v>
      </c>
      <c r="AB4119">
        <v>-100</v>
      </c>
      <c r="AC4119">
        <v>51.216667000000015</v>
      </c>
      <c r="AD4119">
        <v>129.51666700000001</v>
      </c>
      <c r="AE4119">
        <v>8.233867</v>
      </c>
      <c r="AF4119">
        <v>-0.26946091102908859</v>
      </c>
    </row>
    <row r="4120" spans="6:32" x14ac:dyDescent="0.25">
      <c r="F4120">
        <v>129.48333299999999</v>
      </c>
      <c r="G4120">
        <v>8.2337659999999993</v>
      </c>
      <c r="AB4120">
        <v>-100</v>
      </c>
      <c r="AC4120">
        <v>51.233333000000002</v>
      </c>
      <c r="AD4120">
        <v>129.533333</v>
      </c>
      <c r="AE4120">
        <v>8.2339339999999996</v>
      </c>
      <c r="AF4120">
        <v>-0.26864939122692022</v>
      </c>
    </row>
    <row r="4121" spans="6:32" x14ac:dyDescent="0.25">
      <c r="F4121">
        <v>129.5</v>
      </c>
      <c r="G4121">
        <v>8.2338330000000006</v>
      </c>
      <c r="AB4121">
        <v>-100</v>
      </c>
      <c r="AC4121">
        <v>51.250000000000014</v>
      </c>
      <c r="AD4121">
        <v>129.55000000000001</v>
      </c>
      <c r="AE4121">
        <v>8.2340009999999992</v>
      </c>
      <c r="AF4121">
        <v>-0.26783787142475185</v>
      </c>
    </row>
    <row r="4122" spans="6:32" x14ac:dyDescent="0.25">
      <c r="F4122">
        <v>129.51666700000001</v>
      </c>
      <c r="G4122">
        <v>8.233867</v>
      </c>
      <c r="AB4122">
        <v>-100</v>
      </c>
      <c r="AC4122">
        <v>51.266666999999998</v>
      </c>
      <c r="AD4122">
        <v>129.566667</v>
      </c>
      <c r="AE4122">
        <v>8.2340689999999999</v>
      </c>
      <c r="AF4122">
        <v>-0.2670142393867177</v>
      </c>
    </row>
    <row r="4123" spans="6:32" x14ac:dyDescent="0.25">
      <c r="F4123">
        <v>129.533333</v>
      </c>
      <c r="G4123">
        <v>8.2339339999999996</v>
      </c>
      <c r="AB4123">
        <v>-100</v>
      </c>
      <c r="AC4123">
        <v>51.283333000000013</v>
      </c>
      <c r="AD4123">
        <v>129.58333300000001</v>
      </c>
      <c r="AE4123">
        <v>8.2341359999999995</v>
      </c>
      <c r="AF4123">
        <v>-0.26620271958454933</v>
      </c>
    </row>
    <row r="4124" spans="6:32" x14ac:dyDescent="0.25">
      <c r="F4124">
        <v>129.55000000000001</v>
      </c>
      <c r="G4124">
        <v>8.2340009999999992</v>
      </c>
      <c r="AB4124">
        <v>-100</v>
      </c>
      <c r="AC4124">
        <v>51.3</v>
      </c>
      <c r="AD4124">
        <v>129.6</v>
      </c>
      <c r="AE4124">
        <v>8.2342030000000008</v>
      </c>
      <c r="AF4124">
        <v>-0.26539119978235942</v>
      </c>
    </row>
    <row r="4125" spans="6:32" x14ac:dyDescent="0.25">
      <c r="F4125">
        <v>129.566667</v>
      </c>
      <c r="G4125">
        <v>8.2340689999999999</v>
      </c>
      <c r="AB4125">
        <v>-100</v>
      </c>
      <c r="AC4125">
        <v>51.31666700000001</v>
      </c>
      <c r="AD4125">
        <v>129.61666700000001</v>
      </c>
      <c r="AE4125">
        <v>8.2342709999999997</v>
      </c>
      <c r="AF4125">
        <v>-0.26456756774434681</v>
      </c>
    </row>
    <row r="4126" spans="6:32" x14ac:dyDescent="0.25">
      <c r="F4126">
        <v>129.58333300000001</v>
      </c>
      <c r="G4126">
        <v>8.2341359999999995</v>
      </c>
      <c r="AB4126">
        <v>-100</v>
      </c>
      <c r="AC4126">
        <v>51.333332999999996</v>
      </c>
      <c r="AD4126">
        <v>129.63333299999999</v>
      </c>
      <c r="AE4126">
        <v>8.2343379999999993</v>
      </c>
      <c r="AF4126">
        <v>-0.26375604794217844</v>
      </c>
    </row>
    <row r="4127" spans="6:32" x14ac:dyDescent="0.25">
      <c r="F4127">
        <v>129.6</v>
      </c>
      <c r="G4127">
        <v>8.2342030000000008</v>
      </c>
      <c r="AB4127">
        <v>-100</v>
      </c>
      <c r="AC4127">
        <v>51.350000000000009</v>
      </c>
      <c r="AD4127">
        <v>129.65</v>
      </c>
      <c r="AE4127">
        <v>8.2344050000000006</v>
      </c>
      <c r="AF4127">
        <v>-0.26294452813998853</v>
      </c>
    </row>
    <row r="4128" spans="6:32" x14ac:dyDescent="0.25">
      <c r="F4128">
        <v>129.61666700000001</v>
      </c>
      <c r="G4128">
        <v>8.2342709999999997</v>
      </c>
      <c r="AB4128">
        <v>-100</v>
      </c>
      <c r="AC4128">
        <v>51.366666999999993</v>
      </c>
      <c r="AD4128">
        <v>129.66666699999999</v>
      </c>
      <c r="AE4128">
        <v>8.2344720000000002</v>
      </c>
      <c r="AF4128">
        <v>-0.26213300833782016</v>
      </c>
    </row>
    <row r="4129" spans="6:32" x14ac:dyDescent="0.25">
      <c r="F4129">
        <v>129.63333299999999</v>
      </c>
      <c r="G4129">
        <v>8.2343379999999993</v>
      </c>
      <c r="AB4129">
        <v>-100</v>
      </c>
      <c r="AC4129">
        <v>51.383333000000007</v>
      </c>
      <c r="AD4129">
        <v>129.683333</v>
      </c>
      <c r="AE4129">
        <v>8.2345400000000009</v>
      </c>
      <c r="AF4129">
        <v>-0.26130937629978601</v>
      </c>
    </row>
    <row r="4130" spans="6:32" x14ac:dyDescent="0.25">
      <c r="F4130">
        <v>129.65</v>
      </c>
      <c r="G4130">
        <v>8.2344050000000006</v>
      </c>
      <c r="AB4130">
        <v>-100</v>
      </c>
      <c r="AC4130">
        <v>51.399999999999991</v>
      </c>
      <c r="AD4130">
        <v>129.69999999999999</v>
      </c>
      <c r="AE4130">
        <v>8.2346070000000005</v>
      </c>
      <c r="AF4130">
        <v>-0.26049785649761764</v>
      </c>
    </row>
    <row r="4131" spans="6:32" x14ac:dyDescent="0.25">
      <c r="F4131">
        <v>129.66666699999999</v>
      </c>
      <c r="G4131">
        <v>8.2344720000000002</v>
      </c>
      <c r="AB4131">
        <v>-100</v>
      </c>
      <c r="AC4131">
        <v>51.416667000000004</v>
      </c>
      <c r="AD4131">
        <v>129.716667</v>
      </c>
      <c r="AE4131">
        <v>8.234674</v>
      </c>
      <c r="AF4131">
        <v>-0.25968633669544927</v>
      </c>
    </row>
    <row r="4132" spans="6:32" x14ac:dyDescent="0.25">
      <c r="F4132">
        <v>129.683333</v>
      </c>
      <c r="G4132">
        <v>8.2345400000000009</v>
      </c>
      <c r="AB4132">
        <v>-100</v>
      </c>
      <c r="AC4132">
        <v>51.43333299999999</v>
      </c>
      <c r="AD4132">
        <v>129.73333299999999</v>
      </c>
      <c r="AE4132">
        <v>8.2347079999999995</v>
      </c>
      <c r="AF4132">
        <v>-0.25927452067644297</v>
      </c>
    </row>
    <row r="4133" spans="6:32" x14ac:dyDescent="0.25">
      <c r="F4133">
        <v>129.69999999999999</v>
      </c>
      <c r="G4133">
        <v>8.2346070000000005</v>
      </c>
      <c r="AB4133">
        <v>-100</v>
      </c>
      <c r="AC4133">
        <v>51.45</v>
      </c>
      <c r="AD4133">
        <v>129.75</v>
      </c>
      <c r="AE4133">
        <v>8.2347750000000008</v>
      </c>
      <c r="AF4133">
        <v>-0.25846300087425306</v>
      </c>
    </row>
    <row r="4134" spans="6:32" x14ac:dyDescent="0.25">
      <c r="F4134">
        <v>129.716667</v>
      </c>
      <c r="G4134">
        <v>8.234674</v>
      </c>
      <c r="AB4134">
        <v>-100</v>
      </c>
      <c r="AC4134">
        <v>51.466667000000015</v>
      </c>
      <c r="AD4134">
        <v>129.76666700000001</v>
      </c>
      <c r="AE4134">
        <v>8.2348429999999997</v>
      </c>
      <c r="AF4134">
        <v>-0.25763936883624039</v>
      </c>
    </row>
    <row r="4135" spans="6:32" x14ac:dyDescent="0.25">
      <c r="F4135">
        <v>129.73333299999999</v>
      </c>
      <c r="G4135">
        <v>8.2347079999999995</v>
      </c>
      <c r="AB4135">
        <v>-100</v>
      </c>
      <c r="AC4135">
        <v>51.483333000000002</v>
      </c>
      <c r="AD4135">
        <v>129.783333</v>
      </c>
      <c r="AE4135">
        <v>8.2349099999999993</v>
      </c>
      <c r="AF4135">
        <v>-0.25682784903407208</v>
      </c>
    </row>
    <row r="4136" spans="6:32" x14ac:dyDescent="0.25">
      <c r="F4136">
        <v>129.75</v>
      </c>
      <c r="G4136">
        <v>8.2347750000000008</v>
      </c>
      <c r="AB4136">
        <v>-100</v>
      </c>
      <c r="AC4136">
        <v>51.500000000000014</v>
      </c>
      <c r="AD4136">
        <v>129.80000000000001</v>
      </c>
      <c r="AE4136">
        <v>8.2349770000000007</v>
      </c>
      <c r="AF4136">
        <v>-0.25601632923188217</v>
      </c>
    </row>
    <row r="4137" spans="6:32" x14ac:dyDescent="0.25">
      <c r="F4137">
        <v>129.76666700000001</v>
      </c>
      <c r="G4137">
        <v>8.2348429999999997</v>
      </c>
      <c r="AB4137">
        <v>-100</v>
      </c>
      <c r="AC4137">
        <v>51.516666999999998</v>
      </c>
      <c r="AD4137">
        <v>129.816667</v>
      </c>
      <c r="AE4137">
        <v>8.2350449999999995</v>
      </c>
      <c r="AF4137">
        <v>-0.2551926971938695</v>
      </c>
    </row>
    <row r="4138" spans="6:32" x14ac:dyDescent="0.25">
      <c r="F4138">
        <v>129.783333</v>
      </c>
      <c r="G4138">
        <v>8.2349099999999993</v>
      </c>
      <c r="AB4138">
        <v>-100</v>
      </c>
      <c r="AC4138">
        <v>51.533333000000013</v>
      </c>
      <c r="AD4138">
        <v>129.83333300000001</v>
      </c>
      <c r="AE4138">
        <v>8.2351120000000009</v>
      </c>
      <c r="AF4138">
        <v>-0.25438117739167965</v>
      </c>
    </row>
    <row r="4139" spans="6:32" x14ac:dyDescent="0.25">
      <c r="F4139">
        <v>129.80000000000001</v>
      </c>
      <c r="G4139">
        <v>8.2349770000000007</v>
      </c>
      <c r="AB4139">
        <v>-100</v>
      </c>
      <c r="AC4139">
        <v>51.55</v>
      </c>
      <c r="AD4139">
        <v>129.85</v>
      </c>
      <c r="AE4139">
        <v>8.2351790000000005</v>
      </c>
      <c r="AF4139">
        <v>-0.25356965758951128</v>
      </c>
    </row>
    <row r="4140" spans="6:32" x14ac:dyDescent="0.25">
      <c r="F4140">
        <v>129.816667</v>
      </c>
      <c r="G4140">
        <v>8.2350449999999995</v>
      </c>
      <c r="AB4140">
        <v>-100</v>
      </c>
      <c r="AC4140">
        <v>51.56666700000001</v>
      </c>
      <c r="AD4140">
        <v>129.86666700000001</v>
      </c>
      <c r="AE4140">
        <v>8.2352469999999993</v>
      </c>
      <c r="AF4140">
        <v>-0.25274602555149861</v>
      </c>
    </row>
    <row r="4141" spans="6:32" x14ac:dyDescent="0.25">
      <c r="F4141">
        <v>129.83333300000001</v>
      </c>
      <c r="G4141">
        <v>8.2351120000000009</v>
      </c>
      <c r="AB4141">
        <v>-100</v>
      </c>
      <c r="AC4141">
        <v>51.583332999999996</v>
      </c>
      <c r="AD4141">
        <v>129.88333299999999</v>
      </c>
      <c r="AE4141">
        <v>8.2353140000000007</v>
      </c>
      <c r="AF4141">
        <v>-0.25193450574930876</v>
      </c>
    </row>
    <row r="4142" spans="6:32" x14ac:dyDescent="0.25">
      <c r="F4142">
        <v>129.85</v>
      </c>
      <c r="G4142">
        <v>8.2351790000000005</v>
      </c>
      <c r="AB4142">
        <v>-100</v>
      </c>
      <c r="AC4142">
        <v>51.600000000000009</v>
      </c>
      <c r="AD4142">
        <v>129.9</v>
      </c>
      <c r="AE4142">
        <v>8.2353810000000003</v>
      </c>
      <c r="AF4142">
        <v>-0.25112298594714039</v>
      </c>
    </row>
    <row r="4143" spans="6:32" x14ac:dyDescent="0.25">
      <c r="F4143">
        <v>129.86666700000001</v>
      </c>
      <c r="G4143">
        <v>8.2352469999999993</v>
      </c>
      <c r="AB4143">
        <v>-100</v>
      </c>
      <c r="AC4143">
        <v>51.616666999999993</v>
      </c>
      <c r="AD4143">
        <v>129.91666699999999</v>
      </c>
      <c r="AE4143">
        <v>8.2354489999999991</v>
      </c>
      <c r="AF4143">
        <v>-0.25029935390912778</v>
      </c>
    </row>
    <row r="4144" spans="6:32" x14ac:dyDescent="0.25">
      <c r="F4144">
        <v>129.88333299999999</v>
      </c>
      <c r="G4144">
        <v>8.2353140000000007</v>
      </c>
      <c r="AB4144">
        <v>-100</v>
      </c>
      <c r="AC4144">
        <v>51.633333000000007</v>
      </c>
      <c r="AD4144">
        <v>129.933333</v>
      </c>
      <c r="AE4144">
        <v>8.2355160000000005</v>
      </c>
      <c r="AF4144">
        <v>-0.24948783410693787</v>
      </c>
    </row>
    <row r="4145" spans="6:32" x14ac:dyDescent="0.25">
      <c r="F4145">
        <v>129.9</v>
      </c>
      <c r="G4145">
        <v>8.2353810000000003</v>
      </c>
      <c r="AB4145">
        <v>-100</v>
      </c>
      <c r="AC4145">
        <v>51.649999999999991</v>
      </c>
      <c r="AD4145">
        <v>129.94999999999999</v>
      </c>
      <c r="AE4145">
        <v>8.2355830000000001</v>
      </c>
      <c r="AF4145">
        <v>-0.24867631430476947</v>
      </c>
    </row>
    <row r="4146" spans="6:32" x14ac:dyDescent="0.25">
      <c r="F4146">
        <v>129.91666699999999</v>
      </c>
      <c r="G4146">
        <v>8.2354489999999991</v>
      </c>
      <c r="AB4146">
        <v>-100</v>
      </c>
      <c r="AC4146">
        <v>51.666667000000004</v>
      </c>
      <c r="AD4146">
        <v>129.966667</v>
      </c>
      <c r="AE4146">
        <v>8.2356499999999997</v>
      </c>
      <c r="AF4146">
        <v>-0.2478647945026011</v>
      </c>
    </row>
    <row r="4147" spans="6:32" x14ac:dyDescent="0.25">
      <c r="F4147">
        <v>129.933333</v>
      </c>
      <c r="G4147">
        <v>8.2355160000000005</v>
      </c>
      <c r="AB4147">
        <v>-100</v>
      </c>
      <c r="AC4147">
        <v>51.68333299999999</v>
      </c>
      <c r="AD4147">
        <v>129.98333299999999</v>
      </c>
      <c r="AE4147">
        <v>8.2357180000000003</v>
      </c>
      <c r="AF4147">
        <v>-0.24704116246456695</v>
      </c>
    </row>
    <row r="4148" spans="6:32" x14ac:dyDescent="0.25">
      <c r="F4148">
        <v>129.94999999999999</v>
      </c>
      <c r="G4148">
        <v>8.2355830000000001</v>
      </c>
      <c r="AB4148">
        <v>-100</v>
      </c>
      <c r="AC4148">
        <v>51.7</v>
      </c>
      <c r="AD4148">
        <v>130</v>
      </c>
      <c r="AE4148">
        <v>8.2357510000000005</v>
      </c>
      <c r="AF4148">
        <v>-0.24664145868140494</v>
      </c>
    </row>
    <row r="4149" spans="6:32" x14ac:dyDescent="0.25">
      <c r="F4149">
        <v>129.966667</v>
      </c>
      <c r="G4149">
        <v>8.2356499999999997</v>
      </c>
      <c r="AB4149">
        <v>-100</v>
      </c>
      <c r="AC4149">
        <v>51.716667000000015</v>
      </c>
      <c r="AD4149">
        <v>130.01666700000001</v>
      </c>
      <c r="AE4149">
        <v>8.2358189999999993</v>
      </c>
      <c r="AF4149">
        <v>-0.24581782664339227</v>
      </c>
    </row>
    <row r="4150" spans="6:32" x14ac:dyDescent="0.25">
      <c r="F4150">
        <v>129.98333299999999</v>
      </c>
      <c r="G4150">
        <v>8.2357180000000003</v>
      </c>
      <c r="AB4150">
        <v>-100</v>
      </c>
      <c r="AC4150">
        <v>51.733333000000002</v>
      </c>
      <c r="AD4150">
        <v>130.033333</v>
      </c>
      <c r="AE4150">
        <v>8.2358860000000007</v>
      </c>
      <c r="AF4150">
        <v>-0.24500630684120239</v>
      </c>
    </row>
    <row r="4151" spans="6:32" x14ac:dyDescent="0.25">
      <c r="F4151">
        <v>130</v>
      </c>
      <c r="G4151">
        <v>8.2357510000000005</v>
      </c>
      <c r="AB4151">
        <v>-100</v>
      </c>
      <c r="AC4151">
        <v>51.750000000000014</v>
      </c>
      <c r="AD4151">
        <v>130.05000000000001</v>
      </c>
      <c r="AE4151">
        <v>8.2359530000000003</v>
      </c>
      <c r="AF4151">
        <v>-0.24419478703903405</v>
      </c>
    </row>
    <row r="4152" spans="6:32" x14ac:dyDescent="0.25">
      <c r="F4152">
        <v>130.01666700000001</v>
      </c>
      <c r="G4152">
        <v>8.2358189999999993</v>
      </c>
      <c r="AB4152">
        <v>-100</v>
      </c>
      <c r="AC4152">
        <v>51.766666999999998</v>
      </c>
      <c r="AD4152">
        <v>130.066667</v>
      </c>
      <c r="AE4152">
        <v>8.2360209999999991</v>
      </c>
      <c r="AF4152">
        <v>-0.24337115500102138</v>
      </c>
    </row>
    <row r="4153" spans="6:32" x14ac:dyDescent="0.25">
      <c r="F4153">
        <v>130.033333</v>
      </c>
      <c r="G4153">
        <v>8.2358860000000007</v>
      </c>
      <c r="AB4153">
        <v>-100</v>
      </c>
      <c r="AC4153">
        <v>51.783333000000013</v>
      </c>
      <c r="AD4153">
        <v>130.08333300000001</v>
      </c>
      <c r="AE4153">
        <v>8.2360880000000005</v>
      </c>
      <c r="AF4153">
        <v>-0.2425596351988315</v>
      </c>
    </row>
    <row r="4154" spans="6:32" x14ac:dyDescent="0.25">
      <c r="F4154">
        <v>130.05000000000001</v>
      </c>
      <c r="G4154">
        <v>8.2359530000000003</v>
      </c>
      <c r="AB4154">
        <v>-100</v>
      </c>
      <c r="AC4154">
        <v>51.8</v>
      </c>
      <c r="AD4154">
        <v>130.1</v>
      </c>
      <c r="AE4154">
        <v>8.2361550000000001</v>
      </c>
      <c r="AF4154">
        <v>-0.2417481153966631</v>
      </c>
    </row>
    <row r="4155" spans="6:32" x14ac:dyDescent="0.25">
      <c r="F4155">
        <v>130.066667</v>
      </c>
      <c r="G4155">
        <v>8.2360209999999991</v>
      </c>
      <c r="AB4155">
        <v>-100</v>
      </c>
      <c r="AC4155">
        <v>51.81666700000001</v>
      </c>
      <c r="AD4155">
        <v>130.11666700000001</v>
      </c>
      <c r="AE4155">
        <v>8.2361889999999995</v>
      </c>
      <c r="AF4155">
        <v>-0.2413362993776568</v>
      </c>
    </row>
    <row r="4156" spans="6:32" x14ac:dyDescent="0.25">
      <c r="F4156">
        <v>130.08333300000001</v>
      </c>
      <c r="G4156">
        <v>8.2360880000000005</v>
      </c>
      <c r="AB4156">
        <v>-100</v>
      </c>
      <c r="AC4156">
        <v>51.833332999999996</v>
      </c>
      <c r="AD4156">
        <v>130.13333299999999</v>
      </c>
      <c r="AE4156">
        <v>8.2362559999999991</v>
      </c>
      <c r="AF4156">
        <v>-0.24052477957548843</v>
      </c>
    </row>
    <row r="4157" spans="6:32" x14ac:dyDescent="0.25">
      <c r="AB4157">
        <v>-100</v>
      </c>
      <c r="AC4157">
        <v>51.850000000000009</v>
      </c>
      <c r="AD4157">
        <v>130.15</v>
      </c>
      <c r="AE4157">
        <v>8.2363239999999998</v>
      </c>
      <c r="AF4157">
        <v>-0.23970114753745428</v>
      </c>
    </row>
    <row r="4158" spans="6:32" x14ac:dyDescent="0.25">
      <c r="AB4158">
        <v>-100</v>
      </c>
      <c r="AC4158">
        <v>51.866666999999993</v>
      </c>
      <c r="AD4158">
        <v>130.16666699999999</v>
      </c>
      <c r="AE4158">
        <v>8.2363909999999994</v>
      </c>
      <c r="AF4158">
        <v>-0.23888962773528591</v>
      </c>
    </row>
    <row r="4159" spans="6:32" x14ac:dyDescent="0.25">
      <c r="AB4159">
        <v>-100</v>
      </c>
      <c r="AC4159">
        <v>51.883333000000007</v>
      </c>
      <c r="AD4159">
        <v>130.183333</v>
      </c>
      <c r="AE4159">
        <v>8.2364580000000007</v>
      </c>
      <c r="AF4159">
        <v>-0.23807810793309603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8</vt:i4>
      </vt:variant>
      <vt:variant>
        <vt:lpstr>Named Ranges</vt:lpstr>
      </vt:variant>
      <vt:variant>
        <vt:i4>1</vt:i4>
      </vt:variant>
    </vt:vector>
  </HeadingPairs>
  <TitlesOfParts>
    <vt:vector size="9" baseType="lpstr">
      <vt:lpstr>Dataset</vt:lpstr>
      <vt:lpstr>Fig 1</vt:lpstr>
      <vt:lpstr>Fig 1b</vt:lpstr>
      <vt:lpstr>Fig 6</vt:lpstr>
      <vt:lpstr>Fig 7</vt:lpstr>
      <vt:lpstr>Fig 8</vt:lpstr>
      <vt:lpstr>Fig 9</vt:lpstr>
      <vt:lpstr>Fig 10</vt:lpstr>
      <vt:lpstr>Dataset!_Hlk6403949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21-07-29T07:08:36Z</dcterms:modified>
</cp:coreProperties>
</file>